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4年度(R6)　市町村要覧\02_初回回答（５月17日回答〆）\02_庁内\04_都市計画課\"/>
    </mc:Choice>
  </mc:AlternateContent>
  <bookViews>
    <workbookView xWindow="1692" yWindow="-168" windowWidth="20616" windowHeight="8148" tabRatio="788"/>
  </bookViews>
  <sheets>
    <sheet name="20 地域指定図(1)(2)(3)(4)(5)" sheetId="13" r:id="rId1"/>
  </sheets>
  <definedNames>
    <definedName name="_xlnm.Print_Area" localSheetId="0">'20 地域指定図(1)(2)(3)(4)(5)'!$A$1:$AL$110</definedName>
  </definedNames>
  <calcPr calcId="125725"/>
</workbook>
</file>

<file path=xl/sharedStrings.xml><?xml version="1.0" encoding="utf-8"?>
<sst xmlns="http://schemas.openxmlformats.org/spreadsheetml/2006/main" count="35" uniqueCount="29">
  <si>
    <t>真鶴町</t>
    <rPh sb="0" eb="2">
      <t>マナヅル</t>
    </rPh>
    <rPh sb="2" eb="3">
      <t>マチ</t>
    </rPh>
    <phoneticPr fontId="1"/>
  </si>
  <si>
    <t>　開成町</t>
    <rPh sb="1" eb="3">
      <t>カイセイ</t>
    </rPh>
    <rPh sb="3" eb="4">
      <t>マチ</t>
    </rPh>
    <phoneticPr fontId="1"/>
  </si>
  <si>
    <t>振興山村</t>
    <rPh sb="0" eb="2">
      <t>シンコウ</t>
    </rPh>
    <rPh sb="2" eb="4">
      <t>サンソン</t>
    </rPh>
    <phoneticPr fontId="1"/>
  </si>
  <si>
    <t>※首都圏とは、既成市街地、近郊整備</t>
    <rPh sb="1" eb="4">
      <t>シュトケン</t>
    </rPh>
    <rPh sb="7" eb="9">
      <t>キセイ</t>
    </rPh>
    <rPh sb="9" eb="12">
      <t>シガイチ</t>
    </rPh>
    <rPh sb="13" eb="15">
      <t>キンコウ</t>
    </rPh>
    <rPh sb="15" eb="17">
      <t>セイビ</t>
    </rPh>
    <phoneticPr fontId="1"/>
  </si>
  <si>
    <t>　 地帯、都市開発区域のいずれかに指</t>
    <rPh sb="2" eb="4">
      <t>チタイ</t>
    </rPh>
    <rPh sb="5" eb="7">
      <t>トシ</t>
    </rPh>
    <rPh sb="7" eb="9">
      <t>カイハツ</t>
    </rPh>
    <rPh sb="9" eb="11">
      <t>クイキ</t>
    </rPh>
    <rPh sb="17" eb="18">
      <t>ユビ</t>
    </rPh>
    <phoneticPr fontId="1"/>
  </si>
  <si>
    <t>　 定された区域をさす。</t>
    <rPh sb="2" eb="3">
      <t>サダ</t>
    </rPh>
    <rPh sb="6" eb="8">
      <t>クイキ</t>
    </rPh>
    <phoneticPr fontId="1"/>
  </si>
  <si>
    <t>首 都 圏</t>
    <rPh sb="0" eb="1">
      <t>クビ</t>
    </rPh>
    <rPh sb="2" eb="3">
      <t>ミヤコ</t>
    </rPh>
    <rPh sb="4" eb="5">
      <t>ケン</t>
    </rPh>
    <phoneticPr fontId="1"/>
  </si>
  <si>
    <t>都市計画区域外</t>
    <rPh sb="0" eb="2">
      <t>トシ</t>
    </rPh>
    <rPh sb="2" eb="4">
      <t>ケイカク</t>
    </rPh>
    <rPh sb="4" eb="6">
      <t>クイキ</t>
    </rPh>
    <rPh sb="6" eb="7">
      <t>ガイ</t>
    </rPh>
    <phoneticPr fontId="1"/>
  </si>
  <si>
    <t>都市計画区域（線引き）</t>
    <rPh sb="0" eb="2">
      <t>トシ</t>
    </rPh>
    <rPh sb="2" eb="4">
      <t>ケイカク</t>
    </rPh>
    <rPh sb="4" eb="6">
      <t>クイキ</t>
    </rPh>
    <rPh sb="7" eb="9">
      <t>センビ</t>
    </rPh>
    <phoneticPr fontId="1"/>
  </si>
  <si>
    <t>都市計画区域（非線引き）</t>
    <rPh sb="0" eb="2">
      <t>トシ</t>
    </rPh>
    <rPh sb="2" eb="4">
      <t>ケイカク</t>
    </rPh>
    <rPh sb="4" eb="6">
      <t>クイキ</t>
    </rPh>
    <rPh sb="7" eb="8">
      <t>ヒ</t>
    </rPh>
    <rPh sb="8" eb="10">
      <t>センビ</t>
    </rPh>
    <phoneticPr fontId="1"/>
  </si>
  <si>
    <t>20　地域指定図</t>
    <rPh sb="3" eb="5">
      <t>チイキ</t>
    </rPh>
    <rPh sb="5" eb="7">
      <t>シテイ</t>
    </rPh>
    <rPh sb="7" eb="8">
      <t>ズ</t>
    </rPh>
    <phoneticPr fontId="1"/>
  </si>
  <si>
    <t>(1) 都市計画図</t>
    <rPh sb="4" eb="6">
      <t>トシ</t>
    </rPh>
    <rPh sb="6" eb="8">
      <t>ケイカク</t>
    </rPh>
    <rPh sb="8" eb="9">
      <t>ズ</t>
    </rPh>
    <phoneticPr fontId="1"/>
  </si>
  <si>
    <t>(3) 地震防災対策強化地域</t>
    <rPh sb="4" eb="6">
      <t>ジシン</t>
    </rPh>
    <rPh sb="6" eb="8">
      <t>ボウサイ</t>
    </rPh>
    <rPh sb="8" eb="10">
      <t>タイサク</t>
    </rPh>
    <rPh sb="10" eb="12">
      <t>キョウカ</t>
    </rPh>
    <rPh sb="12" eb="14">
      <t>チイキ</t>
    </rPh>
    <phoneticPr fontId="1"/>
  </si>
  <si>
    <t>地震防災対策強化地域</t>
    <phoneticPr fontId="1"/>
  </si>
  <si>
    <t>大規模地震対策特別措置法</t>
    <rPh sb="0" eb="3">
      <t>ダイキボ</t>
    </rPh>
    <rPh sb="3" eb="5">
      <t>ジシン</t>
    </rPh>
    <rPh sb="5" eb="7">
      <t>タイサク</t>
    </rPh>
    <rPh sb="7" eb="9">
      <t>トクベツ</t>
    </rPh>
    <rPh sb="9" eb="12">
      <t>ソチホウ</t>
    </rPh>
    <phoneticPr fontId="1"/>
  </si>
  <si>
    <t>（４）南海トラフ地震防災対策推進地域、南海トラフ地震津波避難対策特別強化地域</t>
    <rPh sb="3" eb="5">
      <t>ナンカイ</t>
    </rPh>
    <rPh sb="8" eb="10">
      <t>ジシン</t>
    </rPh>
    <rPh sb="10" eb="12">
      <t>ボウサイ</t>
    </rPh>
    <rPh sb="12" eb="14">
      <t>タイサク</t>
    </rPh>
    <rPh sb="14" eb="16">
      <t>スイシン</t>
    </rPh>
    <rPh sb="16" eb="18">
      <t>チイキ</t>
    </rPh>
    <rPh sb="19" eb="21">
      <t>ナンカイ</t>
    </rPh>
    <rPh sb="24" eb="26">
      <t>ジシン</t>
    </rPh>
    <rPh sb="26" eb="28">
      <t>ツナミ</t>
    </rPh>
    <rPh sb="28" eb="30">
      <t>ヒナン</t>
    </rPh>
    <rPh sb="30" eb="32">
      <t>タイサク</t>
    </rPh>
    <rPh sb="32" eb="34">
      <t>トクベツ</t>
    </rPh>
    <rPh sb="34" eb="36">
      <t>キョウカ</t>
    </rPh>
    <rPh sb="36" eb="38">
      <t>チイキ</t>
    </rPh>
    <phoneticPr fontId="1"/>
  </si>
  <si>
    <t xml:space="preserve">     南海トラフ地震防災対策推進地域</t>
    <rPh sb="5" eb="7">
      <t>ナンカイ</t>
    </rPh>
    <rPh sb="10" eb="12">
      <t>ジシン</t>
    </rPh>
    <rPh sb="12" eb="14">
      <t>ボウサイ</t>
    </rPh>
    <rPh sb="14" eb="16">
      <t>タイサク</t>
    </rPh>
    <rPh sb="16" eb="18">
      <t>スイシン</t>
    </rPh>
    <rPh sb="18" eb="20">
      <t>チイキ</t>
    </rPh>
    <phoneticPr fontId="1"/>
  </si>
  <si>
    <t xml:space="preserve">     南海トラフ地震防災対策推進地域
     のうち、南海トラフ地震津波避難対
     策特別強化地域</t>
    <rPh sb="5" eb="7">
      <t>ナンカイ</t>
    </rPh>
    <rPh sb="10" eb="12">
      <t>ジシン</t>
    </rPh>
    <rPh sb="12" eb="14">
      <t>ボウサイ</t>
    </rPh>
    <rPh sb="14" eb="16">
      <t>タイサク</t>
    </rPh>
    <rPh sb="16" eb="18">
      <t>スイシン</t>
    </rPh>
    <rPh sb="18" eb="20">
      <t>チイキ</t>
    </rPh>
    <rPh sb="30" eb="32">
      <t>ナンカイ</t>
    </rPh>
    <rPh sb="35" eb="37">
      <t>ジシン</t>
    </rPh>
    <rPh sb="37" eb="39">
      <t>ツナミ</t>
    </rPh>
    <rPh sb="39" eb="41">
      <t>ヒナン</t>
    </rPh>
    <rPh sb="41" eb="42">
      <t>ツイ</t>
    </rPh>
    <rPh sb="48" eb="49">
      <t>サク</t>
    </rPh>
    <rPh sb="49" eb="51">
      <t>トクベツ</t>
    </rPh>
    <rPh sb="51" eb="53">
      <t>キョウカ</t>
    </rPh>
    <rPh sb="53" eb="55">
      <t>チイキ</t>
    </rPh>
    <phoneticPr fontId="1"/>
  </si>
  <si>
    <t>南海トラフ地震に係る地震防災対策の推進に関する</t>
    <phoneticPr fontId="1"/>
  </si>
  <si>
    <t>（５）首都直下地震緊急対策区域(※県内全域)　</t>
    <rPh sb="3" eb="5">
      <t>シュト</t>
    </rPh>
    <rPh sb="5" eb="7">
      <t>チョッカ</t>
    </rPh>
    <rPh sb="7" eb="9">
      <t>ジシン</t>
    </rPh>
    <rPh sb="9" eb="11">
      <t>キンキュウ</t>
    </rPh>
    <rPh sb="11" eb="13">
      <t>タイサク</t>
    </rPh>
    <rPh sb="13" eb="15">
      <t>クイキ</t>
    </rPh>
    <rPh sb="17" eb="19">
      <t>ケンナイ</t>
    </rPh>
    <rPh sb="19" eb="21">
      <t>ゼンイキ</t>
    </rPh>
    <phoneticPr fontId="1"/>
  </si>
  <si>
    <t>過疎地域</t>
    <rPh sb="0" eb="2">
      <t>カソ</t>
    </rPh>
    <rPh sb="2" eb="4">
      <t>チイキ</t>
    </rPh>
    <phoneticPr fontId="1"/>
  </si>
  <si>
    <t>(2) 首都圏、振興山村、過疎地域</t>
    <rPh sb="4" eb="7">
      <t>シュトケン</t>
    </rPh>
    <rPh sb="8" eb="10">
      <t>シンコウ</t>
    </rPh>
    <rPh sb="10" eb="12">
      <t>サンソン</t>
    </rPh>
    <rPh sb="13" eb="15">
      <t>カソ</t>
    </rPh>
    <rPh sb="15" eb="17">
      <t>チイキ</t>
    </rPh>
    <phoneticPr fontId="1"/>
  </si>
  <si>
    <t>過疎地域の持続的発展の支援に関する</t>
    <rPh sb="0" eb="2">
      <t>カソ</t>
    </rPh>
    <rPh sb="2" eb="4">
      <t>チイキ</t>
    </rPh>
    <rPh sb="5" eb="8">
      <t>ジゾクテキ</t>
    </rPh>
    <rPh sb="8" eb="10">
      <t>ハッテン</t>
    </rPh>
    <rPh sb="11" eb="13">
      <t>シエン</t>
    </rPh>
    <rPh sb="14" eb="15">
      <t>カン</t>
    </rPh>
    <phoneticPr fontId="1"/>
  </si>
  <si>
    <t>（昭和53年法律第73号）</t>
    <rPh sb="1" eb="3">
      <t>ショウワ</t>
    </rPh>
    <rPh sb="5" eb="6">
      <t>ネン</t>
    </rPh>
    <rPh sb="6" eb="8">
      <t>ホウリツ</t>
    </rPh>
    <rPh sb="8" eb="9">
      <t>ダイ</t>
    </rPh>
    <rPh sb="11" eb="12">
      <t>ゴウ</t>
    </rPh>
    <phoneticPr fontId="1"/>
  </si>
  <si>
    <t>特別措置法（平成14年法律第92号）</t>
    <phoneticPr fontId="1"/>
  </si>
  <si>
    <t>首都圏整備法（昭和31年法律第83号）</t>
    <rPh sb="0" eb="3">
      <t>シュトケン</t>
    </rPh>
    <rPh sb="3" eb="6">
      <t>セイビホウ</t>
    </rPh>
    <rPh sb="7" eb="9">
      <t>ショウワ</t>
    </rPh>
    <rPh sb="11" eb="12">
      <t>ネン</t>
    </rPh>
    <rPh sb="12" eb="14">
      <t>ホウリツ</t>
    </rPh>
    <rPh sb="14" eb="15">
      <t>ダイ</t>
    </rPh>
    <rPh sb="17" eb="18">
      <t>ゴウ</t>
    </rPh>
    <phoneticPr fontId="1"/>
  </si>
  <si>
    <t>山村振興法　 （昭和40年法律第64号）</t>
    <rPh sb="0" eb="2">
      <t>サンソン</t>
    </rPh>
    <rPh sb="2" eb="4">
      <t>シンコウ</t>
    </rPh>
    <rPh sb="4" eb="5">
      <t>ホウ</t>
    </rPh>
    <rPh sb="8" eb="10">
      <t>ショウワ</t>
    </rPh>
    <rPh sb="12" eb="13">
      <t>ネン</t>
    </rPh>
    <rPh sb="13" eb="15">
      <t>ホウリツ</t>
    </rPh>
    <rPh sb="15" eb="16">
      <t>ダイ</t>
    </rPh>
    <rPh sb="18" eb="19">
      <t>ゴウ</t>
    </rPh>
    <phoneticPr fontId="1"/>
  </si>
  <si>
    <t>特別措置法　（令和３年法律第19号）</t>
    <rPh sb="0" eb="2">
      <t>トクベツ</t>
    </rPh>
    <rPh sb="2" eb="5">
      <t>ソチホウ</t>
    </rPh>
    <rPh sb="7" eb="9">
      <t>レイワ</t>
    </rPh>
    <rPh sb="10" eb="11">
      <t>ネン</t>
    </rPh>
    <rPh sb="11" eb="13">
      <t>ホウリツ</t>
    </rPh>
    <rPh sb="13" eb="14">
      <t>ダイ</t>
    </rPh>
    <rPh sb="16" eb="17">
      <t>ゴウ</t>
    </rPh>
    <phoneticPr fontId="1"/>
  </si>
  <si>
    <t>首都直下地震対策特別措置法（平成25年法律第88号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明朝"/>
      <family val="1"/>
      <charset val="128"/>
    </font>
    <font>
      <sz val="10"/>
      <name val="ＭＳ 明朝"/>
      <family val="1"/>
      <charset val="128"/>
    </font>
    <font>
      <b/>
      <sz val="14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28"/>
      <name val="ＭＳ Ｐゴシック"/>
      <family val="3"/>
      <charset val="128"/>
    </font>
    <font>
      <b/>
      <sz val="20"/>
      <name val="ＭＳ ゴシック"/>
      <family val="3"/>
      <charset val="128"/>
    </font>
    <font>
      <sz val="14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0" fontId="2" fillId="0" borderId="0"/>
  </cellStyleXfs>
  <cellXfs count="33">
    <xf numFmtId="0" fontId="0" fillId="0" borderId="0" xfId="0"/>
    <xf numFmtId="0" fontId="3" fillId="0" borderId="0" xfId="1" applyFont="1"/>
    <xf numFmtId="0" fontId="3" fillId="0" borderId="0" xfId="1" applyFont="1" applyFill="1" applyBorder="1" applyAlignment="1"/>
    <xf numFmtId="0" fontId="5" fillId="0" borderId="0" xfId="1" applyFont="1" applyAlignment="1">
      <alignment vertical="center"/>
    </xf>
    <xf numFmtId="0" fontId="6" fillId="0" borderId="0" xfId="0" applyFont="1" applyAlignment="1">
      <alignment vertical="center"/>
    </xf>
    <xf numFmtId="0" fontId="6" fillId="0" borderId="0" xfId="1" applyFont="1" applyAlignment="1">
      <alignment vertical="center"/>
    </xf>
    <xf numFmtId="0" fontId="7" fillId="0" borderId="0" xfId="0" applyFont="1"/>
    <xf numFmtId="0" fontId="8" fillId="0" borderId="0" xfId="0" applyFont="1"/>
    <xf numFmtId="0" fontId="6" fillId="0" borderId="0" xfId="1" applyFont="1" applyAlignment="1">
      <alignment vertical="center" wrapText="1"/>
    </xf>
    <xf numFmtId="0" fontId="6" fillId="0" borderId="0" xfId="0" applyFont="1" applyAlignment="1">
      <alignment wrapText="1"/>
    </xf>
    <xf numFmtId="0" fontId="10" fillId="0" borderId="0" xfId="0" applyFont="1" applyAlignment="1"/>
    <xf numFmtId="0" fontId="9" fillId="0" borderId="0" xfId="1" applyFont="1" applyAlignment="1">
      <alignment vertical="center"/>
    </xf>
    <xf numFmtId="0" fontId="3" fillId="0" borderId="0" xfId="1" applyFont="1" applyFill="1"/>
    <xf numFmtId="0" fontId="5" fillId="0" borderId="0" xfId="1" applyFont="1" applyFill="1" applyAlignment="1">
      <alignment vertical="center"/>
    </xf>
    <xf numFmtId="0" fontId="0" fillId="0" borderId="0" xfId="0" applyFont="1"/>
    <xf numFmtId="0" fontId="0" fillId="0" borderId="0" xfId="0" applyFont="1" applyAlignment="1"/>
    <xf numFmtId="0" fontId="6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9" fillId="0" borderId="0" xfId="1" applyFont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9" fillId="0" borderId="0" xfId="1" applyFont="1" applyAlignment="1">
      <alignment horizontal="left"/>
    </xf>
    <xf numFmtId="0" fontId="6" fillId="0" borderId="0" xfId="1" applyFont="1" applyAlignment="1">
      <alignment horizontal="left" vertical="center"/>
    </xf>
    <xf numFmtId="0" fontId="6" fillId="0" borderId="0" xfId="0" applyFont="1" applyAlignment="1">
      <alignment horizontal="left" vertical="center" wrapText="1"/>
    </xf>
    <xf numFmtId="0" fontId="4" fillId="0" borderId="0" xfId="1" applyFont="1" applyAlignment="1">
      <alignment vertical="top"/>
    </xf>
    <xf numFmtId="0" fontId="3" fillId="0" borderId="0" xfId="1" applyFont="1" applyAlignment="1">
      <alignment vertical="top"/>
    </xf>
    <xf numFmtId="0" fontId="6" fillId="0" borderId="0" xfId="1" applyFont="1" applyFill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4" fillId="0" borderId="0" xfId="1" applyFont="1" applyFill="1" applyAlignment="1">
      <alignment horizontal="left"/>
    </xf>
    <xf numFmtId="0" fontId="6" fillId="0" borderId="0" xfId="0" applyFont="1" applyAlignment="1">
      <alignment horizontal="left" vertical="center"/>
    </xf>
    <xf numFmtId="0" fontId="5" fillId="0" borderId="0" xfId="1" applyFont="1" applyFill="1" applyAlignment="1">
      <alignment horizontal="center"/>
    </xf>
    <xf numFmtId="0" fontId="6" fillId="0" borderId="0" xfId="1" applyFont="1" applyAlignment="1">
      <alignment horizontal="center" vertical="center"/>
    </xf>
    <xf numFmtId="0" fontId="3" fillId="0" borderId="0" xfId="1" applyFont="1" applyFill="1" applyBorder="1" applyAlignment="1"/>
    <xf numFmtId="0" fontId="4" fillId="0" borderId="0" xfId="0" applyFont="1" applyAlignment="1">
      <alignment horizontal="center" vertical="center"/>
    </xf>
  </cellXfs>
  <cellStyles count="2">
    <cellStyle name="標準" xfId="0" builtinId="0"/>
    <cellStyle name="標準_Win95地図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95300</xdr:colOff>
      <xdr:row>4</xdr:row>
      <xdr:rowOff>19050</xdr:rowOff>
    </xdr:from>
    <xdr:to>
      <xdr:col>17</xdr:col>
      <xdr:colOff>142875</xdr:colOff>
      <xdr:row>53</xdr:row>
      <xdr:rowOff>57150</xdr:rowOff>
    </xdr:to>
    <xdr:grpSp>
      <xdr:nvGrpSpPr>
        <xdr:cNvPr id="149525" name="グループ化 1"/>
        <xdr:cNvGrpSpPr>
          <a:grpSpLocks/>
        </xdr:cNvGrpSpPr>
      </xdr:nvGrpSpPr>
      <xdr:grpSpPr bwMode="auto">
        <a:xfrm>
          <a:off x="495300" y="1224395"/>
          <a:ext cx="9068666" cy="7505700"/>
          <a:chOff x="495300" y="1295400"/>
          <a:chExt cx="10010775" cy="7505700"/>
        </a:xfrm>
      </xdr:grpSpPr>
      <xdr:sp macro="" textlink="">
        <xdr:nvSpPr>
          <xdr:cNvPr id="149794" name="d14100"/>
          <xdr:cNvSpPr>
            <a:spLocks/>
          </xdr:cNvSpPr>
        </xdr:nvSpPr>
        <xdr:spPr bwMode="auto">
          <a:xfrm>
            <a:off x="6781800" y="2419350"/>
            <a:ext cx="2828925" cy="38576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0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w 16384"/>
              <a:gd name="T175" fmla="*/ 0 h 16384"/>
              <a:gd name="T176" fmla="*/ 16384 w 16384"/>
              <a:gd name="T177" fmla="*/ 16384 h 16384"/>
            </a:gdLst>
            <a:ahLst/>
            <a:cxnLst>
              <a:cxn ang="T116">
                <a:pos x="T0" y="T1"/>
              </a:cxn>
              <a:cxn ang="T117">
                <a:pos x="T2" y="T3"/>
              </a:cxn>
              <a:cxn ang="T118">
                <a:pos x="T4" y="T5"/>
              </a:cxn>
              <a:cxn ang="T119">
                <a:pos x="T6" y="T7"/>
              </a:cxn>
              <a:cxn ang="T120">
                <a:pos x="T8" y="T9"/>
              </a:cxn>
              <a:cxn ang="T121">
                <a:pos x="T10" y="T11"/>
              </a:cxn>
              <a:cxn ang="T122">
                <a:pos x="T12" y="T13"/>
              </a:cxn>
              <a:cxn ang="T123">
                <a:pos x="T14" y="T15"/>
              </a:cxn>
              <a:cxn ang="T124">
                <a:pos x="T16" y="T17"/>
              </a:cxn>
              <a:cxn ang="T125">
                <a:pos x="T18" y="T19"/>
              </a:cxn>
              <a:cxn ang="T126">
                <a:pos x="T20" y="T21"/>
              </a:cxn>
              <a:cxn ang="T127">
                <a:pos x="T22" y="T23"/>
              </a:cxn>
              <a:cxn ang="T128">
                <a:pos x="T24" y="T25"/>
              </a:cxn>
              <a:cxn ang="T129">
                <a:pos x="T26" y="T27"/>
              </a:cxn>
              <a:cxn ang="T130">
                <a:pos x="T28" y="T29"/>
              </a:cxn>
              <a:cxn ang="T131">
                <a:pos x="T30" y="T31"/>
              </a:cxn>
              <a:cxn ang="T132">
                <a:pos x="T32" y="T33"/>
              </a:cxn>
              <a:cxn ang="T133">
                <a:pos x="T34" y="T35"/>
              </a:cxn>
              <a:cxn ang="T134">
                <a:pos x="T36" y="T37"/>
              </a:cxn>
              <a:cxn ang="T135">
                <a:pos x="T38" y="T39"/>
              </a:cxn>
              <a:cxn ang="T136">
                <a:pos x="T40" y="T41"/>
              </a:cxn>
              <a:cxn ang="T137">
                <a:pos x="T42" y="T43"/>
              </a:cxn>
              <a:cxn ang="T138">
                <a:pos x="T44" y="T45"/>
              </a:cxn>
              <a:cxn ang="T139">
                <a:pos x="T46" y="T47"/>
              </a:cxn>
              <a:cxn ang="T140">
                <a:pos x="T48" y="T49"/>
              </a:cxn>
              <a:cxn ang="T141">
                <a:pos x="T50" y="T51"/>
              </a:cxn>
              <a:cxn ang="T142">
                <a:pos x="T52" y="T53"/>
              </a:cxn>
              <a:cxn ang="T143">
                <a:pos x="T54" y="T55"/>
              </a:cxn>
              <a:cxn ang="T144">
                <a:pos x="T56" y="T57"/>
              </a:cxn>
              <a:cxn ang="T145">
                <a:pos x="T58" y="T59"/>
              </a:cxn>
              <a:cxn ang="T146">
                <a:pos x="T60" y="T61"/>
              </a:cxn>
              <a:cxn ang="T147">
                <a:pos x="T62" y="T63"/>
              </a:cxn>
              <a:cxn ang="T148">
                <a:pos x="T64" y="T65"/>
              </a:cxn>
              <a:cxn ang="T149">
                <a:pos x="T66" y="T67"/>
              </a:cxn>
              <a:cxn ang="T150">
                <a:pos x="T68" y="T69"/>
              </a:cxn>
              <a:cxn ang="T151">
                <a:pos x="T70" y="T71"/>
              </a:cxn>
              <a:cxn ang="T152">
                <a:pos x="T72" y="T73"/>
              </a:cxn>
              <a:cxn ang="T153">
                <a:pos x="T74" y="T75"/>
              </a:cxn>
              <a:cxn ang="T154">
                <a:pos x="T76" y="T77"/>
              </a:cxn>
              <a:cxn ang="T155">
                <a:pos x="T78" y="T79"/>
              </a:cxn>
              <a:cxn ang="T156">
                <a:pos x="T80" y="T81"/>
              </a:cxn>
              <a:cxn ang="T157">
                <a:pos x="T82" y="T83"/>
              </a:cxn>
              <a:cxn ang="T158">
                <a:pos x="T84" y="T85"/>
              </a:cxn>
              <a:cxn ang="T159">
                <a:pos x="T86" y="T87"/>
              </a:cxn>
              <a:cxn ang="T160">
                <a:pos x="T88" y="T89"/>
              </a:cxn>
              <a:cxn ang="T161">
                <a:pos x="T90" y="T91"/>
              </a:cxn>
              <a:cxn ang="T162">
                <a:pos x="T92" y="T93"/>
              </a:cxn>
              <a:cxn ang="T163">
                <a:pos x="T94" y="T95"/>
              </a:cxn>
              <a:cxn ang="T164">
                <a:pos x="T96" y="T97"/>
              </a:cxn>
              <a:cxn ang="T165">
                <a:pos x="T98" y="T99"/>
              </a:cxn>
              <a:cxn ang="T166">
                <a:pos x="T100" y="T101"/>
              </a:cxn>
              <a:cxn ang="T167">
                <a:pos x="T102" y="T103"/>
              </a:cxn>
              <a:cxn ang="T168">
                <a:pos x="T104" y="T105"/>
              </a:cxn>
              <a:cxn ang="T169">
                <a:pos x="T106" y="T107"/>
              </a:cxn>
              <a:cxn ang="T170">
                <a:pos x="T108" y="T109"/>
              </a:cxn>
              <a:cxn ang="T171">
                <a:pos x="T110" y="T111"/>
              </a:cxn>
              <a:cxn ang="T172">
                <a:pos x="T112" y="T113"/>
              </a:cxn>
              <a:cxn ang="T173">
                <a:pos x="T114" y="T115"/>
              </a:cxn>
            </a:cxnLst>
            <a:rect l="T174" t="T175" r="T176" b="T177"/>
            <a:pathLst>
              <a:path w="16384" h="16384">
                <a:moveTo>
                  <a:pt x="16384" y="6028"/>
                </a:moveTo>
                <a:lnTo>
                  <a:pt x="15391" y="6392"/>
                </a:lnTo>
                <a:lnTo>
                  <a:pt x="15170" y="5906"/>
                </a:lnTo>
                <a:lnTo>
                  <a:pt x="14784" y="5947"/>
                </a:lnTo>
                <a:lnTo>
                  <a:pt x="15170" y="6473"/>
                </a:lnTo>
                <a:lnTo>
                  <a:pt x="14619" y="6675"/>
                </a:lnTo>
                <a:lnTo>
                  <a:pt x="14122" y="5704"/>
                </a:lnTo>
                <a:lnTo>
                  <a:pt x="14067" y="5785"/>
                </a:lnTo>
                <a:lnTo>
                  <a:pt x="14398" y="7039"/>
                </a:lnTo>
                <a:lnTo>
                  <a:pt x="13515" y="7322"/>
                </a:lnTo>
                <a:lnTo>
                  <a:pt x="13405" y="7201"/>
                </a:lnTo>
                <a:lnTo>
                  <a:pt x="13515" y="7080"/>
                </a:lnTo>
                <a:lnTo>
                  <a:pt x="13846" y="6958"/>
                </a:lnTo>
                <a:lnTo>
                  <a:pt x="13791" y="6756"/>
                </a:lnTo>
                <a:lnTo>
                  <a:pt x="13626" y="6756"/>
                </a:lnTo>
                <a:lnTo>
                  <a:pt x="13405" y="6796"/>
                </a:lnTo>
                <a:lnTo>
                  <a:pt x="13184" y="6796"/>
                </a:lnTo>
                <a:lnTo>
                  <a:pt x="12853" y="6796"/>
                </a:lnTo>
                <a:lnTo>
                  <a:pt x="12467" y="6796"/>
                </a:lnTo>
                <a:lnTo>
                  <a:pt x="12081" y="6796"/>
                </a:lnTo>
                <a:lnTo>
                  <a:pt x="11860" y="6877"/>
                </a:lnTo>
                <a:lnTo>
                  <a:pt x="12357" y="7120"/>
                </a:lnTo>
                <a:lnTo>
                  <a:pt x="12247" y="7241"/>
                </a:lnTo>
                <a:lnTo>
                  <a:pt x="12578" y="7484"/>
                </a:lnTo>
                <a:lnTo>
                  <a:pt x="12467" y="7565"/>
                </a:lnTo>
                <a:lnTo>
                  <a:pt x="11916" y="7241"/>
                </a:lnTo>
                <a:lnTo>
                  <a:pt x="11254" y="7525"/>
                </a:lnTo>
                <a:lnTo>
                  <a:pt x="10978" y="7848"/>
                </a:lnTo>
                <a:lnTo>
                  <a:pt x="11254" y="8091"/>
                </a:lnTo>
                <a:lnTo>
                  <a:pt x="11419" y="8172"/>
                </a:lnTo>
                <a:lnTo>
                  <a:pt x="11750" y="7970"/>
                </a:lnTo>
                <a:lnTo>
                  <a:pt x="11971" y="8010"/>
                </a:lnTo>
                <a:lnTo>
                  <a:pt x="11860" y="8334"/>
                </a:lnTo>
                <a:lnTo>
                  <a:pt x="12467" y="8617"/>
                </a:lnTo>
                <a:lnTo>
                  <a:pt x="12743" y="8334"/>
                </a:lnTo>
                <a:lnTo>
                  <a:pt x="13074" y="8495"/>
                </a:lnTo>
                <a:lnTo>
                  <a:pt x="13184" y="8414"/>
                </a:lnTo>
                <a:lnTo>
                  <a:pt x="13350" y="8455"/>
                </a:lnTo>
                <a:lnTo>
                  <a:pt x="13295" y="8576"/>
                </a:lnTo>
                <a:lnTo>
                  <a:pt x="12688" y="8779"/>
                </a:lnTo>
                <a:lnTo>
                  <a:pt x="13019" y="8940"/>
                </a:lnTo>
                <a:lnTo>
                  <a:pt x="13460" y="8576"/>
                </a:lnTo>
                <a:lnTo>
                  <a:pt x="13681" y="8617"/>
                </a:lnTo>
                <a:lnTo>
                  <a:pt x="13515" y="8940"/>
                </a:lnTo>
                <a:lnTo>
                  <a:pt x="13626" y="9021"/>
                </a:lnTo>
                <a:lnTo>
                  <a:pt x="13846" y="8779"/>
                </a:lnTo>
                <a:lnTo>
                  <a:pt x="14012" y="8819"/>
                </a:lnTo>
                <a:lnTo>
                  <a:pt x="13736" y="9264"/>
                </a:lnTo>
                <a:lnTo>
                  <a:pt x="13902" y="9304"/>
                </a:lnTo>
                <a:lnTo>
                  <a:pt x="14122" y="8859"/>
                </a:lnTo>
                <a:lnTo>
                  <a:pt x="14343" y="8940"/>
                </a:lnTo>
                <a:lnTo>
                  <a:pt x="13957" y="9426"/>
                </a:lnTo>
                <a:lnTo>
                  <a:pt x="14233" y="9507"/>
                </a:lnTo>
                <a:lnTo>
                  <a:pt x="14564" y="8981"/>
                </a:lnTo>
                <a:lnTo>
                  <a:pt x="14619" y="9062"/>
                </a:lnTo>
                <a:lnTo>
                  <a:pt x="14343" y="10033"/>
                </a:lnTo>
                <a:lnTo>
                  <a:pt x="14067" y="9871"/>
                </a:lnTo>
                <a:lnTo>
                  <a:pt x="13902" y="10033"/>
                </a:lnTo>
                <a:lnTo>
                  <a:pt x="14343" y="10275"/>
                </a:lnTo>
                <a:lnTo>
                  <a:pt x="14233" y="10680"/>
                </a:lnTo>
                <a:lnTo>
                  <a:pt x="13515" y="11084"/>
                </a:lnTo>
                <a:lnTo>
                  <a:pt x="12909" y="10761"/>
                </a:lnTo>
                <a:lnTo>
                  <a:pt x="12412" y="10559"/>
                </a:lnTo>
                <a:lnTo>
                  <a:pt x="12136" y="10599"/>
                </a:lnTo>
                <a:lnTo>
                  <a:pt x="11860" y="10639"/>
                </a:lnTo>
                <a:lnTo>
                  <a:pt x="11529" y="10680"/>
                </a:lnTo>
                <a:lnTo>
                  <a:pt x="11143" y="10801"/>
                </a:lnTo>
                <a:lnTo>
                  <a:pt x="11033" y="10680"/>
                </a:lnTo>
                <a:lnTo>
                  <a:pt x="10868" y="10761"/>
                </a:lnTo>
                <a:lnTo>
                  <a:pt x="10978" y="11004"/>
                </a:lnTo>
                <a:lnTo>
                  <a:pt x="11750" y="10882"/>
                </a:lnTo>
                <a:lnTo>
                  <a:pt x="11971" y="11004"/>
                </a:lnTo>
                <a:lnTo>
                  <a:pt x="11971" y="11165"/>
                </a:lnTo>
                <a:lnTo>
                  <a:pt x="11750" y="11165"/>
                </a:lnTo>
                <a:lnTo>
                  <a:pt x="11474" y="11206"/>
                </a:lnTo>
                <a:lnTo>
                  <a:pt x="11033" y="11287"/>
                </a:lnTo>
                <a:lnTo>
                  <a:pt x="10757" y="11206"/>
                </a:lnTo>
                <a:lnTo>
                  <a:pt x="10426" y="11449"/>
                </a:lnTo>
                <a:lnTo>
                  <a:pt x="10592" y="11732"/>
                </a:lnTo>
                <a:lnTo>
                  <a:pt x="11143" y="11651"/>
                </a:lnTo>
                <a:lnTo>
                  <a:pt x="11309" y="11894"/>
                </a:lnTo>
                <a:lnTo>
                  <a:pt x="10923" y="12055"/>
                </a:lnTo>
                <a:lnTo>
                  <a:pt x="10757" y="12136"/>
                </a:lnTo>
                <a:lnTo>
                  <a:pt x="10978" y="12258"/>
                </a:lnTo>
                <a:lnTo>
                  <a:pt x="11364" y="12298"/>
                </a:lnTo>
                <a:lnTo>
                  <a:pt x="12136" y="11813"/>
                </a:lnTo>
                <a:lnTo>
                  <a:pt x="12522" y="12015"/>
                </a:lnTo>
                <a:lnTo>
                  <a:pt x="11860" y="12500"/>
                </a:lnTo>
                <a:lnTo>
                  <a:pt x="12136" y="12703"/>
                </a:lnTo>
                <a:lnTo>
                  <a:pt x="12357" y="12541"/>
                </a:lnTo>
                <a:lnTo>
                  <a:pt x="12522" y="13026"/>
                </a:lnTo>
                <a:lnTo>
                  <a:pt x="12247" y="13026"/>
                </a:lnTo>
                <a:lnTo>
                  <a:pt x="12136" y="13269"/>
                </a:lnTo>
                <a:lnTo>
                  <a:pt x="12191" y="13754"/>
                </a:lnTo>
                <a:lnTo>
                  <a:pt x="12467" y="13957"/>
                </a:lnTo>
                <a:lnTo>
                  <a:pt x="12467" y="14402"/>
                </a:lnTo>
                <a:lnTo>
                  <a:pt x="12136" y="14685"/>
                </a:lnTo>
                <a:lnTo>
                  <a:pt x="11695" y="14402"/>
                </a:lnTo>
                <a:lnTo>
                  <a:pt x="11364" y="14644"/>
                </a:lnTo>
                <a:lnTo>
                  <a:pt x="11198" y="14685"/>
                </a:lnTo>
                <a:lnTo>
                  <a:pt x="10978" y="14806"/>
                </a:lnTo>
                <a:lnTo>
                  <a:pt x="11033" y="15049"/>
                </a:lnTo>
                <a:lnTo>
                  <a:pt x="11143" y="15292"/>
                </a:lnTo>
                <a:lnTo>
                  <a:pt x="11254" y="15413"/>
                </a:lnTo>
                <a:lnTo>
                  <a:pt x="11474" y="15494"/>
                </a:lnTo>
                <a:lnTo>
                  <a:pt x="11198" y="15858"/>
                </a:lnTo>
                <a:lnTo>
                  <a:pt x="11088" y="15696"/>
                </a:lnTo>
                <a:lnTo>
                  <a:pt x="10868" y="15737"/>
                </a:lnTo>
                <a:lnTo>
                  <a:pt x="10702" y="15979"/>
                </a:lnTo>
                <a:lnTo>
                  <a:pt x="10592" y="16060"/>
                </a:lnTo>
                <a:lnTo>
                  <a:pt x="10261" y="16141"/>
                </a:lnTo>
                <a:lnTo>
                  <a:pt x="9819" y="16182"/>
                </a:lnTo>
                <a:lnTo>
                  <a:pt x="9764" y="16263"/>
                </a:lnTo>
                <a:lnTo>
                  <a:pt x="9544" y="16384"/>
                </a:lnTo>
                <a:lnTo>
                  <a:pt x="9323" y="16303"/>
                </a:lnTo>
                <a:lnTo>
                  <a:pt x="9213" y="16222"/>
                </a:lnTo>
                <a:lnTo>
                  <a:pt x="8937" y="16222"/>
                </a:lnTo>
                <a:lnTo>
                  <a:pt x="8606" y="16060"/>
                </a:lnTo>
                <a:lnTo>
                  <a:pt x="8495" y="15939"/>
                </a:lnTo>
                <a:lnTo>
                  <a:pt x="8551" y="15777"/>
                </a:lnTo>
                <a:lnTo>
                  <a:pt x="8385" y="15656"/>
                </a:lnTo>
                <a:lnTo>
                  <a:pt x="8220" y="15534"/>
                </a:lnTo>
                <a:lnTo>
                  <a:pt x="8220" y="15373"/>
                </a:lnTo>
                <a:lnTo>
                  <a:pt x="8275" y="15170"/>
                </a:lnTo>
                <a:lnTo>
                  <a:pt x="8109" y="15009"/>
                </a:lnTo>
                <a:lnTo>
                  <a:pt x="7613" y="15049"/>
                </a:lnTo>
                <a:lnTo>
                  <a:pt x="7337" y="15049"/>
                </a:lnTo>
                <a:lnTo>
                  <a:pt x="7116" y="14968"/>
                </a:lnTo>
                <a:lnTo>
                  <a:pt x="7116" y="14725"/>
                </a:lnTo>
                <a:lnTo>
                  <a:pt x="6951" y="14402"/>
                </a:lnTo>
                <a:lnTo>
                  <a:pt x="6896" y="14402"/>
                </a:lnTo>
                <a:lnTo>
                  <a:pt x="6509" y="14442"/>
                </a:lnTo>
                <a:lnTo>
                  <a:pt x="6289" y="14361"/>
                </a:lnTo>
                <a:lnTo>
                  <a:pt x="5958" y="14199"/>
                </a:lnTo>
                <a:lnTo>
                  <a:pt x="5682" y="13957"/>
                </a:lnTo>
                <a:lnTo>
                  <a:pt x="5572" y="13795"/>
                </a:lnTo>
                <a:lnTo>
                  <a:pt x="5461" y="13552"/>
                </a:lnTo>
                <a:lnTo>
                  <a:pt x="5296" y="13471"/>
                </a:lnTo>
                <a:lnTo>
                  <a:pt x="5130" y="13714"/>
                </a:lnTo>
                <a:lnTo>
                  <a:pt x="4689" y="13916"/>
                </a:lnTo>
                <a:lnTo>
                  <a:pt x="4137" y="13754"/>
                </a:lnTo>
                <a:lnTo>
                  <a:pt x="3862" y="13593"/>
                </a:lnTo>
                <a:lnTo>
                  <a:pt x="3696" y="13593"/>
                </a:lnTo>
                <a:lnTo>
                  <a:pt x="3310" y="13512"/>
                </a:lnTo>
                <a:lnTo>
                  <a:pt x="2924" y="13350"/>
                </a:lnTo>
                <a:lnTo>
                  <a:pt x="2538" y="13107"/>
                </a:lnTo>
                <a:lnTo>
                  <a:pt x="2372" y="13431"/>
                </a:lnTo>
                <a:lnTo>
                  <a:pt x="2096" y="13552"/>
                </a:lnTo>
                <a:lnTo>
                  <a:pt x="2041" y="13674"/>
                </a:lnTo>
                <a:lnTo>
                  <a:pt x="1765" y="13714"/>
                </a:lnTo>
                <a:lnTo>
                  <a:pt x="1434" y="13633"/>
                </a:lnTo>
                <a:lnTo>
                  <a:pt x="1489" y="13350"/>
                </a:lnTo>
                <a:lnTo>
                  <a:pt x="1600" y="13148"/>
                </a:lnTo>
                <a:lnTo>
                  <a:pt x="1710" y="12945"/>
                </a:lnTo>
                <a:lnTo>
                  <a:pt x="1931" y="12824"/>
                </a:lnTo>
                <a:lnTo>
                  <a:pt x="1986" y="12662"/>
                </a:lnTo>
                <a:lnTo>
                  <a:pt x="1876" y="12500"/>
                </a:lnTo>
                <a:lnTo>
                  <a:pt x="1655" y="12379"/>
                </a:lnTo>
                <a:lnTo>
                  <a:pt x="1489" y="12298"/>
                </a:lnTo>
                <a:lnTo>
                  <a:pt x="1379" y="12055"/>
                </a:lnTo>
                <a:lnTo>
                  <a:pt x="1269" y="12015"/>
                </a:lnTo>
                <a:lnTo>
                  <a:pt x="1158" y="11853"/>
                </a:lnTo>
                <a:lnTo>
                  <a:pt x="938" y="11732"/>
                </a:lnTo>
                <a:lnTo>
                  <a:pt x="938" y="11570"/>
                </a:lnTo>
                <a:lnTo>
                  <a:pt x="883" y="11327"/>
                </a:lnTo>
                <a:lnTo>
                  <a:pt x="772" y="11165"/>
                </a:lnTo>
                <a:lnTo>
                  <a:pt x="827" y="11004"/>
                </a:lnTo>
                <a:lnTo>
                  <a:pt x="772" y="10842"/>
                </a:lnTo>
                <a:lnTo>
                  <a:pt x="827" y="10559"/>
                </a:lnTo>
                <a:lnTo>
                  <a:pt x="883" y="10316"/>
                </a:lnTo>
                <a:lnTo>
                  <a:pt x="883" y="10154"/>
                </a:lnTo>
                <a:lnTo>
                  <a:pt x="717" y="10033"/>
                </a:lnTo>
                <a:lnTo>
                  <a:pt x="496" y="9952"/>
                </a:lnTo>
                <a:lnTo>
                  <a:pt x="607" y="9507"/>
                </a:lnTo>
                <a:lnTo>
                  <a:pt x="552" y="9345"/>
                </a:lnTo>
                <a:lnTo>
                  <a:pt x="827" y="8900"/>
                </a:lnTo>
                <a:lnTo>
                  <a:pt x="1048" y="8495"/>
                </a:lnTo>
                <a:lnTo>
                  <a:pt x="883" y="8172"/>
                </a:lnTo>
                <a:lnTo>
                  <a:pt x="662" y="7808"/>
                </a:lnTo>
                <a:lnTo>
                  <a:pt x="552" y="7565"/>
                </a:lnTo>
                <a:lnTo>
                  <a:pt x="662" y="7363"/>
                </a:lnTo>
                <a:lnTo>
                  <a:pt x="662" y="7201"/>
                </a:lnTo>
                <a:lnTo>
                  <a:pt x="441" y="6877"/>
                </a:lnTo>
                <a:lnTo>
                  <a:pt x="441" y="6675"/>
                </a:lnTo>
                <a:lnTo>
                  <a:pt x="441" y="6473"/>
                </a:lnTo>
                <a:lnTo>
                  <a:pt x="386" y="6311"/>
                </a:lnTo>
                <a:lnTo>
                  <a:pt x="496" y="6109"/>
                </a:lnTo>
                <a:lnTo>
                  <a:pt x="276" y="5745"/>
                </a:lnTo>
                <a:lnTo>
                  <a:pt x="110" y="5704"/>
                </a:lnTo>
                <a:lnTo>
                  <a:pt x="0" y="5583"/>
                </a:lnTo>
                <a:lnTo>
                  <a:pt x="110" y="5461"/>
                </a:lnTo>
                <a:lnTo>
                  <a:pt x="276" y="5340"/>
                </a:lnTo>
                <a:lnTo>
                  <a:pt x="607" y="5300"/>
                </a:lnTo>
                <a:lnTo>
                  <a:pt x="938" y="5259"/>
                </a:lnTo>
                <a:lnTo>
                  <a:pt x="1324" y="5219"/>
                </a:lnTo>
                <a:lnTo>
                  <a:pt x="1324" y="5097"/>
                </a:lnTo>
                <a:lnTo>
                  <a:pt x="1048" y="4855"/>
                </a:lnTo>
                <a:lnTo>
                  <a:pt x="1214" y="4612"/>
                </a:lnTo>
                <a:lnTo>
                  <a:pt x="1269" y="4410"/>
                </a:lnTo>
                <a:lnTo>
                  <a:pt x="1434" y="4248"/>
                </a:lnTo>
                <a:lnTo>
                  <a:pt x="1434" y="4086"/>
                </a:lnTo>
                <a:lnTo>
                  <a:pt x="1600" y="3722"/>
                </a:lnTo>
                <a:lnTo>
                  <a:pt x="1379" y="3439"/>
                </a:lnTo>
                <a:lnTo>
                  <a:pt x="1434" y="3277"/>
                </a:lnTo>
                <a:lnTo>
                  <a:pt x="1324" y="3155"/>
                </a:lnTo>
                <a:lnTo>
                  <a:pt x="1103" y="3075"/>
                </a:lnTo>
                <a:lnTo>
                  <a:pt x="1103" y="2913"/>
                </a:lnTo>
                <a:lnTo>
                  <a:pt x="1269" y="2589"/>
                </a:lnTo>
                <a:lnTo>
                  <a:pt x="1158" y="2104"/>
                </a:lnTo>
                <a:lnTo>
                  <a:pt x="938" y="1942"/>
                </a:lnTo>
                <a:lnTo>
                  <a:pt x="938" y="1740"/>
                </a:lnTo>
                <a:lnTo>
                  <a:pt x="827" y="1740"/>
                </a:lnTo>
                <a:lnTo>
                  <a:pt x="496" y="1942"/>
                </a:lnTo>
                <a:lnTo>
                  <a:pt x="386" y="1497"/>
                </a:lnTo>
                <a:lnTo>
                  <a:pt x="607" y="1173"/>
                </a:lnTo>
                <a:lnTo>
                  <a:pt x="993" y="1133"/>
                </a:lnTo>
                <a:lnTo>
                  <a:pt x="1489" y="890"/>
                </a:lnTo>
                <a:lnTo>
                  <a:pt x="1379" y="1295"/>
                </a:lnTo>
                <a:lnTo>
                  <a:pt x="1600" y="1416"/>
                </a:lnTo>
                <a:lnTo>
                  <a:pt x="1545" y="1578"/>
                </a:lnTo>
                <a:lnTo>
                  <a:pt x="1655" y="1780"/>
                </a:lnTo>
                <a:lnTo>
                  <a:pt x="1986" y="1780"/>
                </a:lnTo>
                <a:lnTo>
                  <a:pt x="2041" y="1618"/>
                </a:lnTo>
                <a:lnTo>
                  <a:pt x="2317" y="1618"/>
                </a:lnTo>
                <a:lnTo>
                  <a:pt x="2427" y="1335"/>
                </a:lnTo>
                <a:lnTo>
                  <a:pt x="2813" y="1254"/>
                </a:lnTo>
                <a:lnTo>
                  <a:pt x="2869" y="1092"/>
                </a:lnTo>
                <a:lnTo>
                  <a:pt x="2979" y="1173"/>
                </a:lnTo>
                <a:lnTo>
                  <a:pt x="3034" y="1295"/>
                </a:lnTo>
                <a:lnTo>
                  <a:pt x="3089" y="1335"/>
                </a:lnTo>
                <a:lnTo>
                  <a:pt x="3200" y="1375"/>
                </a:lnTo>
                <a:lnTo>
                  <a:pt x="3200" y="1537"/>
                </a:lnTo>
                <a:lnTo>
                  <a:pt x="3255" y="1537"/>
                </a:lnTo>
                <a:lnTo>
                  <a:pt x="3586" y="1375"/>
                </a:lnTo>
                <a:lnTo>
                  <a:pt x="3806" y="1335"/>
                </a:lnTo>
                <a:lnTo>
                  <a:pt x="4193" y="1052"/>
                </a:lnTo>
                <a:lnTo>
                  <a:pt x="4082" y="1011"/>
                </a:lnTo>
                <a:lnTo>
                  <a:pt x="4193" y="971"/>
                </a:lnTo>
                <a:lnTo>
                  <a:pt x="4027" y="769"/>
                </a:lnTo>
                <a:lnTo>
                  <a:pt x="3917" y="688"/>
                </a:lnTo>
                <a:lnTo>
                  <a:pt x="4248" y="728"/>
                </a:lnTo>
                <a:lnTo>
                  <a:pt x="4303" y="647"/>
                </a:lnTo>
                <a:lnTo>
                  <a:pt x="4303" y="485"/>
                </a:lnTo>
                <a:lnTo>
                  <a:pt x="4193" y="324"/>
                </a:lnTo>
                <a:lnTo>
                  <a:pt x="4248" y="243"/>
                </a:lnTo>
                <a:lnTo>
                  <a:pt x="4193" y="0"/>
                </a:lnTo>
                <a:lnTo>
                  <a:pt x="4579" y="81"/>
                </a:lnTo>
                <a:lnTo>
                  <a:pt x="4910" y="81"/>
                </a:lnTo>
                <a:lnTo>
                  <a:pt x="5296" y="162"/>
                </a:lnTo>
                <a:lnTo>
                  <a:pt x="5737" y="324"/>
                </a:lnTo>
                <a:lnTo>
                  <a:pt x="6123" y="324"/>
                </a:lnTo>
                <a:lnTo>
                  <a:pt x="6178" y="526"/>
                </a:lnTo>
                <a:lnTo>
                  <a:pt x="6509" y="607"/>
                </a:lnTo>
                <a:lnTo>
                  <a:pt x="6730" y="971"/>
                </a:lnTo>
                <a:lnTo>
                  <a:pt x="6896" y="1295"/>
                </a:lnTo>
                <a:lnTo>
                  <a:pt x="7227" y="1335"/>
                </a:lnTo>
                <a:lnTo>
                  <a:pt x="7447" y="1456"/>
                </a:lnTo>
                <a:lnTo>
                  <a:pt x="7944" y="1456"/>
                </a:lnTo>
                <a:lnTo>
                  <a:pt x="8109" y="1497"/>
                </a:lnTo>
                <a:lnTo>
                  <a:pt x="8495" y="1578"/>
                </a:lnTo>
                <a:lnTo>
                  <a:pt x="8771" y="1578"/>
                </a:lnTo>
                <a:lnTo>
                  <a:pt x="8937" y="1537"/>
                </a:lnTo>
                <a:lnTo>
                  <a:pt x="9268" y="1740"/>
                </a:lnTo>
                <a:lnTo>
                  <a:pt x="9709" y="1740"/>
                </a:lnTo>
                <a:lnTo>
                  <a:pt x="10040" y="1982"/>
                </a:lnTo>
                <a:lnTo>
                  <a:pt x="10426" y="1861"/>
                </a:lnTo>
                <a:lnTo>
                  <a:pt x="10647" y="1901"/>
                </a:lnTo>
                <a:lnTo>
                  <a:pt x="10812" y="1820"/>
                </a:lnTo>
                <a:lnTo>
                  <a:pt x="11254" y="1901"/>
                </a:lnTo>
                <a:lnTo>
                  <a:pt x="11640" y="2023"/>
                </a:lnTo>
                <a:lnTo>
                  <a:pt x="12026" y="2063"/>
                </a:lnTo>
                <a:lnTo>
                  <a:pt x="12302" y="2023"/>
                </a:lnTo>
                <a:lnTo>
                  <a:pt x="12467" y="2144"/>
                </a:lnTo>
                <a:lnTo>
                  <a:pt x="12688" y="2225"/>
                </a:lnTo>
                <a:lnTo>
                  <a:pt x="12909" y="2346"/>
                </a:lnTo>
                <a:lnTo>
                  <a:pt x="12688" y="3034"/>
                </a:lnTo>
                <a:lnTo>
                  <a:pt x="12688" y="3196"/>
                </a:lnTo>
                <a:lnTo>
                  <a:pt x="12743" y="3277"/>
                </a:lnTo>
                <a:lnTo>
                  <a:pt x="13019" y="3317"/>
                </a:lnTo>
                <a:lnTo>
                  <a:pt x="13460" y="3479"/>
                </a:lnTo>
                <a:lnTo>
                  <a:pt x="13957" y="3236"/>
                </a:lnTo>
                <a:lnTo>
                  <a:pt x="14233" y="3155"/>
                </a:lnTo>
                <a:lnTo>
                  <a:pt x="14619" y="3155"/>
                </a:lnTo>
                <a:lnTo>
                  <a:pt x="14564" y="3600"/>
                </a:lnTo>
                <a:lnTo>
                  <a:pt x="14674" y="3722"/>
                </a:lnTo>
                <a:lnTo>
                  <a:pt x="14839" y="3965"/>
                </a:lnTo>
                <a:lnTo>
                  <a:pt x="14895" y="4167"/>
                </a:lnTo>
                <a:lnTo>
                  <a:pt x="14839" y="4329"/>
                </a:lnTo>
                <a:lnTo>
                  <a:pt x="15060" y="4410"/>
                </a:lnTo>
                <a:lnTo>
                  <a:pt x="15226" y="4652"/>
                </a:lnTo>
                <a:lnTo>
                  <a:pt x="15501" y="5421"/>
                </a:lnTo>
                <a:lnTo>
                  <a:pt x="15777" y="5340"/>
                </a:lnTo>
                <a:lnTo>
                  <a:pt x="16384" y="6028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95" name="d14130"/>
          <xdr:cNvSpPr>
            <a:spLocks/>
          </xdr:cNvSpPr>
        </xdr:nvSpPr>
        <xdr:spPr bwMode="auto">
          <a:xfrm>
            <a:off x="6629400" y="1743075"/>
            <a:ext cx="3876675" cy="20955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w 16384"/>
              <a:gd name="T145" fmla="*/ 0 h 16384"/>
              <a:gd name="T146" fmla="*/ 16384 w 16384"/>
              <a:gd name="T147" fmla="*/ 16384 h 16384"/>
            </a:gdLst>
            <a:ahLst/>
            <a:cxnLst>
              <a:cxn ang="T96">
                <a:pos x="T0" y="T1"/>
              </a:cxn>
              <a:cxn ang="T97">
                <a:pos x="T2" y="T3"/>
              </a:cxn>
              <a:cxn ang="T98">
                <a:pos x="T4" y="T5"/>
              </a:cxn>
              <a:cxn ang="T99">
                <a:pos x="T6" y="T7"/>
              </a:cxn>
              <a:cxn ang="T100">
                <a:pos x="T8" y="T9"/>
              </a:cxn>
              <a:cxn ang="T101">
                <a:pos x="T10" y="T11"/>
              </a:cxn>
              <a:cxn ang="T102">
                <a:pos x="T12" y="T13"/>
              </a:cxn>
              <a:cxn ang="T103">
                <a:pos x="T14" y="T15"/>
              </a:cxn>
              <a:cxn ang="T104">
                <a:pos x="T16" y="T17"/>
              </a:cxn>
              <a:cxn ang="T105">
                <a:pos x="T18" y="T19"/>
              </a:cxn>
              <a:cxn ang="T106">
                <a:pos x="T20" y="T21"/>
              </a:cxn>
              <a:cxn ang="T107">
                <a:pos x="T22" y="T23"/>
              </a:cxn>
              <a:cxn ang="T108">
                <a:pos x="T24" y="T25"/>
              </a:cxn>
              <a:cxn ang="T109">
                <a:pos x="T26" y="T27"/>
              </a:cxn>
              <a:cxn ang="T110">
                <a:pos x="T28" y="T29"/>
              </a:cxn>
              <a:cxn ang="T111">
                <a:pos x="T30" y="T31"/>
              </a:cxn>
              <a:cxn ang="T112">
                <a:pos x="T32" y="T33"/>
              </a:cxn>
              <a:cxn ang="T113">
                <a:pos x="T34" y="T35"/>
              </a:cxn>
              <a:cxn ang="T114">
                <a:pos x="T36" y="T37"/>
              </a:cxn>
              <a:cxn ang="T115">
                <a:pos x="T38" y="T39"/>
              </a:cxn>
              <a:cxn ang="T116">
                <a:pos x="T40" y="T41"/>
              </a:cxn>
              <a:cxn ang="T117">
                <a:pos x="T42" y="T43"/>
              </a:cxn>
              <a:cxn ang="T118">
                <a:pos x="T44" y="T45"/>
              </a:cxn>
              <a:cxn ang="T119">
                <a:pos x="T46" y="T47"/>
              </a:cxn>
              <a:cxn ang="T120">
                <a:pos x="T48" y="T49"/>
              </a:cxn>
              <a:cxn ang="T121">
                <a:pos x="T50" y="T51"/>
              </a:cxn>
              <a:cxn ang="T122">
                <a:pos x="T52" y="T53"/>
              </a:cxn>
              <a:cxn ang="T123">
                <a:pos x="T54" y="T55"/>
              </a:cxn>
              <a:cxn ang="T124">
                <a:pos x="T56" y="T57"/>
              </a:cxn>
              <a:cxn ang="T125">
                <a:pos x="T58" y="T59"/>
              </a:cxn>
              <a:cxn ang="T126">
                <a:pos x="T60" y="T61"/>
              </a:cxn>
              <a:cxn ang="T127">
                <a:pos x="T62" y="T63"/>
              </a:cxn>
              <a:cxn ang="T128">
                <a:pos x="T64" y="T65"/>
              </a:cxn>
              <a:cxn ang="T129">
                <a:pos x="T66" y="T67"/>
              </a:cxn>
              <a:cxn ang="T130">
                <a:pos x="T68" y="T69"/>
              </a:cxn>
              <a:cxn ang="T131">
                <a:pos x="T70" y="T71"/>
              </a:cxn>
              <a:cxn ang="T132">
                <a:pos x="T72" y="T73"/>
              </a:cxn>
              <a:cxn ang="T133">
                <a:pos x="T74" y="T75"/>
              </a:cxn>
              <a:cxn ang="T134">
                <a:pos x="T76" y="T77"/>
              </a:cxn>
              <a:cxn ang="T135">
                <a:pos x="T78" y="T79"/>
              </a:cxn>
              <a:cxn ang="T136">
                <a:pos x="T80" y="T81"/>
              </a:cxn>
              <a:cxn ang="T137">
                <a:pos x="T82" y="T83"/>
              </a:cxn>
              <a:cxn ang="T138">
                <a:pos x="T84" y="T85"/>
              </a:cxn>
              <a:cxn ang="T139">
                <a:pos x="T86" y="T87"/>
              </a:cxn>
              <a:cxn ang="T140">
                <a:pos x="T88" y="T89"/>
              </a:cxn>
              <a:cxn ang="T141">
                <a:pos x="T90" y="T91"/>
              </a:cxn>
              <a:cxn ang="T142">
                <a:pos x="T92" y="T93"/>
              </a:cxn>
              <a:cxn ang="T143">
                <a:pos x="T94" y="T95"/>
              </a:cxn>
            </a:cxnLst>
            <a:rect l="T144" t="T145" r="T146" b="T147"/>
            <a:pathLst>
              <a:path w="16384" h="16384">
                <a:moveTo>
                  <a:pt x="14371" y="10650"/>
                </a:moveTo>
                <a:lnTo>
                  <a:pt x="15780" y="11841"/>
                </a:lnTo>
                <a:lnTo>
                  <a:pt x="16183" y="12362"/>
                </a:lnTo>
                <a:lnTo>
                  <a:pt x="16384" y="12958"/>
                </a:lnTo>
                <a:lnTo>
                  <a:pt x="15659" y="14373"/>
                </a:lnTo>
                <a:lnTo>
                  <a:pt x="15257" y="13331"/>
                </a:lnTo>
                <a:lnTo>
                  <a:pt x="15378" y="12958"/>
                </a:lnTo>
                <a:lnTo>
                  <a:pt x="15176" y="13033"/>
                </a:lnTo>
                <a:lnTo>
                  <a:pt x="15015" y="12288"/>
                </a:lnTo>
                <a:lnTo>
                  <a:pt x="14814" y="12214"/>
                </a:lnTo>
                <a:lnTo>
                  <a:pt x="14854" y="12586"/>
                </a:lnTo>
                <a:lnTo>
                  <a:pt x="15217" y="14075"/>
                </a:lnTo>
                <a:lnTo>
                  <a:pt x="14532" y="14522"/>
                </a:lnTo>
                <a:lnTo>
                  <a:pt x="14411" y="13480"/>
                </a:lnTo>
                <a:lnTo>
                  <a:pt x="14291" y="13554"/>
                </a:lnTo>
                <a:lnTo>
                  <a:pt x="14452" y="14597"/>
                </a:lnTo>
                <a:lnTo>
                  <a:pt x="13606" y="15341"/>
                </a:lnTo>
                <a:lnTo>
                  <a:pt x="13606" y="13777"/>
                </a:lnTo>
                <a:lnTo>
                  <a:pt x="13486" y="13777"/>
                </a:lnTo>
                <a:lnTo>
                  <a:pt x="13526" y="15490"/>
                </a:lnTo>
                <a:lnTo>
                  <a:pt x="13003" y="16012"/>
                </a:lnTo>
                <a:lnTo>
                  <a:pt x="12680" y="15043"/>
                </a:lnTo>
                <a:lnTo>
                  <a:pt x="12560" y="15118"/>
                </a:lnTo>
                <a:lnTo>
                  <a:pt x="12680" y="15639"/>
                </a:lnTo>
                <a:lnTo>
                  <a:pt x="12842" y="16235"/>
                </a:lnTo>
                <a:lnTo>
                  <a:pt x="12600" y="16384"/>
                </a:lnTo>
                <a:lnTo>
                  <a:pt x="12157" y="15118"/>
                </a:lnTo>
                <a:lnTo>
                  <a:pt x="11956" y="15267"/>
                </a:lnTo>
                <a:lnTo>
                  <a:pt x="11755" y="13852"/>
                </a:lnTo>
                <a:lnTo>
                  <a:pt x="11634" y="13405"/>
                </a:lnTo>
                <a:lnTo>
                  <a:pt x="11473" y="13256"/>
                </a:lnTo>
                <a:lnTo>
                  <a:pt x="11513" y="12958"/>
                </a:lnTo>
                <a:lnTo>
                  <a:pt x="11473" y="12586"/>
                </a:lnTo>
                <a:lnTo>
                  <a:pt x="11352" y="12139"/>
                </a:lnTo>
                <a:lnTo>
                  <a:pt x="11272" y="11916"/>
                </a:lnTo>
                <a:lnTo>
                  <a:pt x="11312" y="11096"/>
                </a:lnTo>
                <a:lnTo>
                  <a:pt x="11030" y="11096"/>
                </a:lnTo>
                <a:lnTo>
                  <a:pt x="10829" y="11245"/>
                </a:lnTo>
                <a:lnTo>
                  <a:pt x="10466" y="11692"/>
                </a:lnTo>
                <a:lnTo>
                  <a:pt x="10144" y="11394"/>
                </a:lnTo>
                <a:lnTo>
                  <a:pt x="9943" y="11320"/>
                </a:lnTo>
                <a:lnTo>
                  <a:pt x="9903" y="11171"/>
                </a:lnTo>
                <a:lnTo>
                  <a:pt x="9903" y="10873"/>
                </a:lnTo>
                <a:lnTo>
                  <a:pt x="10064" y="9607"/>
                </a:lnTo>
                <a:lnTo>
                  <a:pt x="9903" y="9384"/>
                </a:lnTo>
                <a:lnTo>
                  <a:pt x="9742" y="9235"/>
                </a:lnTo>
                <a:lnTo>
                  <a:pt x="9621" y="9011"/>
                </a:lnTo>
                <a:lnTo>
                  <a:pt x="9420" y="9086"/>
                </a:lnTo>
                <a:lnTo>
                  <a:pt x="9138" y="9011"/>
                </a:lnTo>
                <a:lnTo>
                  <a:pt x="8856" y="8788"/>
                </a:lnTo>
                <a:lnTo>
                  <a:pt x="8534" y="8639"/>
                </a:lnTo>
                <a:lnTo>
                  <a:pt x="8413" y="8788"/>
                </a:lnTo>
                <a:lnTo>
                  <a:pt x="8252" y="8713"/>
                </a:lnTo>
                <a:lnTo>
                  <a:pt x="7971" y="8937"/>
                </a:lnTo>
                <a:lnTo>
                  <a:pt x="7729" y="8490"/>
                </a:lnTo>
                <a:lnTo>
                  <a:pt x="7407" y="8490"/>
                </a:lnTo>
                <a:lnTo>
                  <a:pt x="7165" y="8118"/>
                </a:lnTo>
                <a:lnTo>
                  <a:pt x="7045" y="8192"/>
                </a:lnTo>
                <a:lnTo>
                  <a:pt x="6843" y="8192"/>
                </a:lnTo>
                <a:lnTo>
                  <a:pt x="6562" y="8043"/>
                </a:lnTo>
                <a:lnTo>
                  <a:pt x="6441" y="7969"/>
                </a:lnTo>
                <a:lnTo>
                  <a:pt x="6079" y="7969"/>
                </a:lnTo>
                <a:lnTo>
                  <a:pt x="5918" y="7745"/>
                </a:lnTo>
                <a:lnTo>
                  <a:pt x="5676" y="7671"/>
                </a:lnTo>
                <a:lnTo>
                  <a:pt x="5555" y="7075"/>
                </a:lnTo>
                <a:lnTo>
                  <a:pt x="5394" y="6405"/>
                </a:lnTo>
                <a:lnTo>
                  <a:pt x="5153" y="6256"/>
                </a:lnTo>
                <a:lnTo>
                  <a:pt x="5112" y="5883"/>
                </a:lnTo>
                <a:lnTo>
                  <a:pt x="4831" y="5883"/>
                </a:lnTo>
                <a:lnTo>
                  <a:pt x="4509" y="5585"/>
                </a:lnTo>
                <a:lnTo>
                  <a:pt x="4227" y="5437"/>
                </a:lnTo>
                <a:lnTo>
                  <a:pt x="3985" y="5437"/>
                </a:lnTo>
                <a:lnTo>
                  <a:pt x="3704" y="5288"/>
                </a:lnTo>
                <a:lnTo>
                  <a:pt x="3744" y="5734"/>
                </a:lnTo>
                <a:lnTo>
                  <a:pt x="3704" y="5883"/>
                </a:lnTo>
                <a:lnTo>
                  <a:pt x="3784" y="6181"/>
                </a:lnTo>
                <a:lnTo>
                  <a:pt x="3784" y="6479"/>
                </a:lnTo>
                <a:lnTo>
                  <a:pt x="3744" y="6628"/>
                </a:lnTo>
                <a:lnTo>
                  <a:pt x="3502" y="6554"/>
                </a:lnTo>
                <a:lnTo>
                  <a:pt x="3583" y="6703"/>
                </a:lnTo>
                <a:lnTo>
                  <a:pt x="3704" y="7075"/>
                </a:lnTo>
                <a:lnTo>
                  <a:pt x="3623" y="7149"/>
                </a:lnTo>
                <a:lnTo>
                  <a:pt x="3704" y="7224"/>
                </a:lnTo>
                <a:lnTo>
                  <a:pt x="3422" y="7745"/>
                </a:lnTo>
                <a:lnTo>
                  <a:pt x="3261" y="7820"/>
                </a:lnTo>
                <a:lnTo>
                  <a:pt x="3019" y="8118"/>
                </a:lnTo>
                <a:lnTo>
                  <a:pt x="2979" y="8118"/>
                </a:lnTo>
                <a:lnTo>
                  <a:pt x="2979" y="7820"/>
                </a:lnTo>
                <a:lnTo>
                  <a:pt x="2898" y="7745"/>
                </a:lnTo>
                <a:lnTo>
                  <a:pt x="2858" y="7671"/>
                </a:lnTo>
                <a:lnTo>
                  <a:pt x="2818" y="7447"/>
                </a:lnTo>
                <a:lnTo>
                  <a:pt x="2737" y="7298"/>
                </a:lnTo>
                <a:lnTo>
                  <a:pt x="2335" y="6554"/>
                </a:lnTo>
                <a:lnTo>
                  <a:pt x="2214" y="6330"/>
                </a:lnTo>
                <a:lnTo>
                  <a:pt x="2134" y="5734"/>
                </a:lnTo>
                <a:lnTo>
                  <a:pt x="1973" y="5734"/>
                </a:lnTo>
                <a:lnTo>
                  <a:pt x="1771" y="5437"/>
                </a:lnTo>
                <a:lnTo>
                  <a:pt x="1691" y="5213"/>
                </a:lnTo>
                <a:lnTo>
                  <a:pt x="1570" y="5288"/>
                </a:lnTo>
                <a:lnTo>
                  <a:pt x="1570" y="5064"/>
                </a:lnTo>
                <a:lnTo>
                  <a:pt x="1449" y="4990"/>
                </a:lnTo>
                <a:lnTo>
                  <a:pt x="1409" y="4617"/>
                </a:lnTo>
                <a:lnTo>
                  <a:pt x="1208" y="4617"/>
                </a:lnTo>
                <a:lnTo>
                  <a:pt x="926" y="3947"/>
                </a:lnTo>
                <a:lnTo>
                  <a:pt x="805" y="3873"/>
                </a:lnTo>
                <a:lnTo>
                  <a:pt x="845" y="3500"/>
                </a:lnTo>
                <a:lnTo>
                  <a:pt x="725" y="3500"/>
                </a:lnTo>
                <a:lnTo>
                  <a:pt x="282" y="4022"/>
                </a:lnTo>
                <a:lnTo>
                  <a:pt x="161" y="4022"/>
                </a:lnTo>
                <a:lnTo>
                  <a:pt x="161" y="3575"/>
                </a:lnTo>
                <a:lnTo>
                  <a:pt x="0" y="3202"/>
                </a:lnTo>
                <a:lnTo>
                  <a:pt x="40" y="3053"/>
                </a:lnTo>
                <a:lnTo>
                  <a:pt x="161" y="2755"/>
                </a:lnTo>
                <a:lnTo>
                  <a:pt x="201" y="2532"/>
                </a:lnTo>
                <a:lnTo>
                  <a:pt x="362" y="2458"/>
                </a:lnTo>
                <a:lnTo>
                  <a:pt x="523" y="2160"/>
                </a:lnTo>
                <a:lnTo>
                  <a:pt x="604" y="1787"/>
                </a:lnTo>
                <a:lnTo>
                  <a:pt x="805" y="1862"/>
                </a:lnTo>
                <a:lnTo>
                  <a:pt x="845" y="2309"/>
                </a:lnTo>
                <a:lnTo>
                  <a:pt x="1047" y="2383"/>
                </a:lnTo>
                <a:lnTo>
                  <a:pt x="1328" y="2383"/>
                </a:lnTo>
                <a:lnTo>
                  <a:pt x="1409" y="2607"/>
                </a:lnTo>
                <a:lnTo>
                  <a:pt x="1328" y="3053"/>
                </a:lnTo>
                <a:lnTo>
                  <a:pt x="1530" y="3202"/>
                </a:lnTo>
                <a:lnTo>
                  <a:pt x="1650" y="3500"/>
                </a:lnTo>
                <a:lnTo>
                  <a:pt x="1811" y="3649"/>
                </a:lnTo>
                <a:lnTo>
                  <a:pt x="2013" y="3947"/>
                </a:lnTo>
                <a:lnTo>
                  <a:pt x="2214" y="3947"/>
                </a:lnTo>
                <a:lnTo>
                  <a:pt x="2415" y="3947"/>
                </a:lnTo>
                <a:lnTo>
                  <a:pt x="2415" y="3798"/>
                </a:lnTo>
                <a:lnTo>
                  <a:pt x="2295" y="3426"/>
                </a:lnTo>
                <a:lnTo>
                  <a:pt x="2214" y="3128"/>
                </a:lnTo>
                <a:lnTo>
                  <a:pt x="2214" y="2755"/>
                </a:lnTo>
                <a:lnTo>
                  <a:pt x="2254" y="2607"/>
                </a:lnTo>
                <a:lnTo>
                  <a:pt x="2496" y="2458"/>
                </a:lnTo>
                <a:lnTo>
                  <a:pt x="2576" y="2160"/>
                </a:lnTo>
                <a:lnTo>
                  <a:pt x="2697" y="1936"/>
                </a:lnTo>
                <a:lnTo>
                  <a:pt x="3019" y="1862"/>
                </a:lnTo>
                <a:lnTo>
                  <a:pt x="3140" y="1787"/>
                </a:lnTo>
                <a:lnTo>
                  <a:pt x="3220" y="1415"/>
                </a:lnTo>
                <a:lnTo>
                  <a:pt x="3341" y="1192"/>
                </a:lnTo>
                <a:lnTo>
                  <a:pt x="3583" y="1043"/>
                </a:lnTo>
                <a:lnTo>
                  <a:pt x="3502" y="521"/>
                </a:lnTo>
                <a:lnTo>
                  <a:pt x="3583" y="298"/>
                </a:lnTo>
                <a:lnTo>
                  <a:pt x="3663" y="0"/>
                </a:lnTo>
                <a:lnTo>
                  <a:pt x="4066" y="149"/>
                </a:lnTo>
                <a:lnTo>
                  <a:pt x="4428" y="372"/>
                </a:lnTo>
                <a:lnTo>
                  <a:pt x="4871" y="819"/>
                </a:lnTo>
                <a:lnTo>
                  <a:pt x="5193" y="819"/>
                </a:lnTo>
                <a:lnTo>
                  <a:pt x="5475" y="819"/>
                </a:lnTo>
                <a:lnTo>
                  <a:pt x="5636" y="1043"/>
                </a:lnTo>
                <a:lnTo>
                  <a:pt x="5797" y="1787"/>
                </a:lnTo>
                <a:lnTo>
                  <a:pt x="6159" y="2160"/>
                </a:lnTo>
                <a:lnTo>
                  <a:pt x="6481" y="2234"/>
                </a:lnTo>
                <a:lnTo>
                  <a:pt x="6642" y="2532"/>
                </a:lnTo>
                <a:lnTo>
                  <a:pt x="7004" y="2681"/>
                </a:lnTo>
                <a:lnTo>
                  <a:pt x="7407" y="2904"/>
                </a:lnTo>
                <a:lnTo>
                  <a:pt x="7769" y="2979"/>
                </a:lnTo>
                <a:lnTo>
                  <a:pt x="7850" y="2979"/>
                </a:lnTo>
                <a:lnTo>
                  <a:pt x="8091" y="3128"/>
                </a:lnTo>
                <a:lnTo>
                  <a:pt x="8373" y="3426"/>
                </a:lnTo>
                <a:lnTo>
                  <a:pt x="8695" y="3798"/>
                </a:lnTo>
                <a:lnTo>
                  <a:pt x="9017" y="4319"/>
                </a:lnTo>
                <a:lnTo>
                  <a:pt x="9339" y="4692"/>
                </a:lnTo>
                <a:lnTo>
                  <a:pt x="9500" y="5064"/>
                </a:lnTo>
                <a:lnTo>
                  <a:pt x="9702" y="5139"/>
                </a:lnTo>
                <a:lnTo>
                  <a:pt x="9822" y="5585"/>
                </a:lnTo>
                <a:lnTo>
                  <a:pt x="10265" y="5734"/>
                </a:lnTo>
                <a:lnTo>
                  <a:pt x="10466" y="5958"/>
                </a:lnTo>
                <a:lnTo>
                  <a:pt x="10627" y="6405"/>
                </a:lnTo>
                <a:lnTo>
                  <a:pt x="10748" y="6777"/>
                </a:lnTo>
                <a:lnTo>
                  <a:pt x="10829" y="7447"/>
                </a:lnTo>
                <a:lnTo>
                  <a:pt x="10909" y="8192"/>
                </a:lnTo>
                <a:lnTo>
                  <a:pt x="11111" y="8788"/>
                </a:lnTo>
                <a:lnTo>
                  <a:pt x="11352" y="9086"/>
                </a:lnTo>
                <a:lnTo>
                  <a:pt x="11513" y="9160"/>
                </a:lnTo>
                <a:lnTo>
                  <a:pt x="11795" y="9309"/>
                </a:lnTo>
                <a:lnTo>
                  <a:pt x="12036" y="9458"/>
                </a:lnTo>
                <a:lnTo>
                  <a:pt x="12157" y="9607"/>
                </a:lnTo>
                <a:lnTo>
                  <a:pt x="12197" y="9905"/>
                </a:lnTo>
                <a:lnTo>
                  <a:pt x="12077" y="10352"/>
                </a:lnTo>
                <a:lnTo>
                  <a:pt x="11916" y="10873"/>
                </a:lnTo>
                <a:lnTo>
                  <a:pt x="11956" y="11096"/>
                </a:lnTo>
                <a:lnTo>
                  <a:pt x="11916" y="11320"/>
                </a:lnTo>
                <a:lnTo>
                  <a:pt x="12358" y="11543"/>
                </a:lnTo>
                <a:lnTo>
                  <a:pt x="12680" y="11469"/>
                </a:lnTo>
                <a:lnTo>
                  <a:pt x="12922" y="11171"/>
                </a:lnTo>
                <a:lnTo>
                  <a:pt x="13204" y="10873"/>
                </a:lnTo>
                <a:lnTo>
                  <a:pt x="13566" y="10873"/>
                </a:lnTo>
                <a:lnTo>
                  <a:pt x="13848" y="10873"/>
                </a:lnTo>
                <a:lnTo>
                  <a:pt x="14089" y="10799"/>
                </a:lnTo>
                <a:lnTo>
                  <a:pt x="14371" y="1065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96" name="d14201"/>
          <xdr:cNvSpPr>
            <a:spLocks/>
          </xdr:cNvSpPr>
        </xdr:nvSpPr>
        <xdr:spPr bwMode="auto">
          <a:xfrm>
            <a:off x="8096250" y="6038850"/>
            <a:ext cx="1914525" cy="192405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w 16384"/>
              <a:gd name="T145" fmla="*/ 0 h 16384"/>
              <a:gd name="T146" fmla="*/ 16384 w 16384"/>
              <a:gd name="T147" fmla="*/ 16384 h 16384"/>
            </a:gdLst>
            <a:ahLst/>
            <a:cxnLst>
              <a:cxn ang="T96">
                <a:pos x="T0" y="T1"/>
              </a:cxn>
              <a:cxn ang="T97">
                <a:pos x="T2" y="T3"/>
              </a:cxn>
              <a:cxn ang="T98">
                <a:pos x="T4" y="T5"/>
              </a:cxn>
              <a:cxn ang="T99">
                <a:pos x="T6" y="T7"/>
              </a:cxn>
              <a:cxn ang="T100">
                <a:pos x="T8" y="T9"/>
              </a:cxn>
              <a:cxn ang="T101">
                <a:pos x="T10" y="T11"/>
              </a:cxn>
              <a:cxn ang="T102">
                <a:pos x="T12" y="T13"/>
              </a:cxn>
              <a:cxn ang="T103">
                <a:pos x="T14" y="T15"/>
              </a:cxn>
              <a:cxn ang="T104">
                <a:pos x="T16" y="T17"/>
              </a:cxn>
              <a:cxn ang="T105">
                <a:pos x="T18" y="T19"/>
              </a:cxn>
              <a:cxn ang="T106">
                <a:pos x="T20" y="T21"/>
              </a:cxn>
              <a:cxn ang="T107">
                <a:pos x="T22" y="T23"/>
              </a:cxn>
              <a:cxn ang="T108">
                <a:pos x="T24" y="T25"/>
              </a:cxn>
              <a:cxn ang="T109">
                <a:pos x="T26" y="T27"/>
              </a:cxn>
              <a:cxn ang="T110">
                <a:pos x="T28" y="T29"/>
              </a:cxn>
              <a:cxn ang="T111">
                <a:pos x="T30" y="T31"/>
              </a:cxn>
              <a:cxn ang="T112">
                <a:pos x="T32" y="T33"/>
              </a:cxn>
              <a:cxn ang="T113">
                <a:pos x="T34" y="T35"/>
              </a:cxn>
              <a:cxn ang="T114">
                <a:pos x="T36" y="T37"/>
              </a:cxn>
              <a:cxn ang="T115">
                <a:pos x="T38" y="T39"/>
              </a:cxn>
              <a:cxn ang="T116">
                <a:pos x="T40" y="T41"/>
              </a:cxn>
              <a:cxn ang="T117">
                <a:pos x="T42" y="T43"/>
              </a:cxn>
              <a:cxn ang="T118">
                <a:pos x="T44" y="T45"/>
              </a:cxn>
              <a:cxn ang="T119">
                <a:pos x="T46" y="T47"/>
              </a:cxn>
              <a:cxn ang="T120">
                <a:pos x="T48" y="T49"/>
              </a:cxn>
              <a:cxn ang="T121">
                <a:pos x="T50" y="T51"/>
              </a:cxn>
              <a:cxn ang="T122">
                <a:pos x="T52" y="T53"/>
              </a:cxn>
              <a:cxn ang="T123">
                <a:pos x="T54" y="T55"/>
              </a:cxn>
              <a:cxn ang="T124">
                <a:pos x="T56" y="T57"/>
              </a:cxn>
              <a:cxn ang="T125">
                <a:pos x="T58" y="T59"/>
              </a:cxn>
              <a:cxn ang="T126">
                <a:pos x="T60" y="T61"/>
              </a:cxn>
              <a:cxn ang="T127">
                <a:pos x="T62" y="T63"/>
              </a:cxn>
              <a:cxn ang="T128">
                <a:pos x="T64" y="T65"/>
              </a:cxn>
              <a:cxn ang="T129">
                <a:pos x="T66" y="T67"/>
              </a:cxn>
              <a:cxn ang="T130">
                <a:pos x="T68" y="T69"/>
              </a:cxn>
              <a:cxn ang="T131">
                <a:pos x="T70" y="T71"/>
              </a:cxn>
              <a:cxn ang="T132">
                <a:pos x="T72" y="T73"/>
              </a:cxn>
              <a:cxn ang="T133">
                <a:pos x="T74" y="T75"/>
              </a:cxn>
              <a:cxn ang="T134">
                <a:pos x="T76" y="T77"/>
              </a:cxn>
              <a:cxn ang="T135">
                <a:pos x="T78" y="T79"/>
              </a:cxn>
              <a:cxn ang="T136">
                <a:pos x="T80" y="T81"/>
              </a:cxn>
              <a:cxn ang="T137">
                <a:pos x="T82" y="T83"/>
              </a:cxn>
              <a:cxn ang="T138">
                <a:pos x="T84" y="T85"/>
              </a:cxn>
              <a:cxn ang="T139">
                <a:pos x="T86" y="T87"/>
              </a:cxn>
              <a:cxn ang="T140">
                <a:pos x="T88" y="T89"/>
              </a:cxn>
              <a:cxn ang="T141">
                <a:pos x="T90" y="T91"/>
              </a:cxn>
              <a:cxn ang="T142">
                <a:pos x="T92" y="T93"/>
              </a:cxn>
              <a:cxn ang="T143">
                <a:pos x="T94" y="T95"/>
              </a:cxn>
            </a:cxnLst>
            <a:rect l="T144" t="T145" r="T146" b="T147"/>
            <a:pathLst>
              <a:path w="16384" h="16384">
                <a:moveTo>
                  <a:pt x="5706" y="243"/>
                </a:moveTo>
                <a:lnTo>
                  <a:pt x="5950" y="0"/>
                </a:lnTo>
                <a:lnTo>
                  <a:pt x="6684" y="324"/>
                </a:lnTo>
                <a:lnTo>
                  <a:pt x="7010" y="811"/>
                </a:lnTo>
                <a:lnTo>
                  <a:pt x="6847" y="1217"/>
                </a:lnTo>
                <a:lnTo>
                  <a:pt x="6439" y="1217"/>
                </a:lnTo>
                <a:lnTo>
                  <a:pt x="6358" y="2514"/>
                </a:lnTo>
                <a:lnTo>
                  <a:pt x="6195" y="2595"/>
                </a:lnTo>
                <a:lnTo>
                  <a:pt x="5787" y="2352"/>
                </a:lnTo>
                <a:lnTo>
                  <a:pt x="6195" y="3001"/>
                </a:lnTo>
                <a:lnTo>
                  <a:pt x="5054" y="3407"/>
                </a:lnTo>
                <a:lnTo>
                  <a:pt x="5298" y="3731"/>
                </a:lnTo>
                <a:lnTo>
                  <a:pt x="5298" y="3974"/>
                </a:lnTo>
                <a:lnTo>
                  <a:pt x="5461" y="4137"/>
                </a:lnTo>
                <a:lnTo>
                  <a:pt x="5869" y="4055"/>
                </a:lnTo>
                <a:lnTo>
                  <a:pt x="6113" y="3650"/>
                </a:lnTo>
                <a:lnTo>
                  <a:pt x="6358" y="3812"/>
                </a:lnTo>
                <a:lnTo>
                  <a:pt x="6358" y="3488"/>
                </a:lnTo>
                <a:lnTo>
                  <a:pt x="6521" y="3163"/>
                </a:lnTo>
                <a:lnTo>
                  <a:pt x="6929" y="2677"/>
                </a:lnTo>
                <a:lnTo>
                  <a:pt x="7499" y="3244"/>
                </a:lnTo>
                <a:lnTo>
                  <a:pt x="7336" y="3407"/>
                </a:lnTo>
                <a:lnTo>
                  <a:pt x="7010" y="3731"/>
                </a:lnTo>
                <a:lnTo>
                  <a:pt x="6766" y="4055"/>
                </a:lnTo>
                <a:lnTo>
                  <a:pt x="6684" y="4542"/>
                </a:lnTo>
                <a:lnTo>
                  <a:pt x="6929" y="4867"/>
                </a:lnTo>
                <a:lnTo>
                  <a:pt x="7418" y="5272"/>
                </a:lnTo>
                <a:lnTo>
                  <a:pt x="7907" y="5515"/>
                </a:lnTo>
                <a:lnTo>
                  <a:pt x="8070" y="5353"/>
                </a:lnTo>
                <a:lnTo>
                  <a:pt x="7988" y="4948"/>
                </a:lnTo>
                <a:lnTo>
                  <a:pt x="7581" y="4623"/>
                </a:lnTo>
                <a:lnTo>
                  <a:pt x="7988" y="4461"/>
                </a:lnTo>
                <a:lnTo>
                  <a:pt x="8314" y="4704"/>
                </a:lnTo>
                <a:lnTo>
                  <a:pt x="8396" y="4055"/>
                </a:lnTo>
                <a:lnTo>
                  <a:pt x="7907" y="3488"/>
                </a:lnTo>
                <a:lnTo>
                  <a:pt x="8640" y="3407"/>
                </a:lnTo>
                <a:lnTo>
                  <a:pt x="9211" y="3488"/>
                </a:lnTo>
                <a:lnTo>
                  <a:pt x="9618" y="3812"/>
                </a:lnTo>
                <a:lnTo>
                  <a:pt x="9700" y="4218"/>
                </a:lnTo>
                <a:lnTo>
                  <a:pt x="9863" y="4867"/>
                </a:lnTo>
                <a:lnTo>
                  <a:pt x="9211" y="4867"/>
                </a:lnTo>
                <a:lnTo>
                  <a:pt x="9374" y="5272"/>
                </a:lnTo>
                <a:lnTo>
                  <a:pt x="9129" y="5434"/>
                </a:lnTo>
                <a:lnTo>
                  <a:pt x="9374" y="5515"/>
                </a:lnTo>
                <a:lnTo>
                  <a:pt x="9618" y="5921"/>
                </a:lnTo>
                <a:lnTo>
                  <a:pt x="9945" y="6408"/>
                </a:lnTo>
                <a:lnTo>
                  <a:pt x="9781" y="6813"/>
                </a:lnTo>
                <a:lnTo>
                  <a:pt x="10597" y="7543"/>
                </a:lnTo>
                <a:lnTo>
                  <a:pt x="12064" y="7949"/>
                </a:lnTo>
                <a:lnTo>
                  <a:pt x="13287" y="7949"/>
                </a:lnTo>
                <a:lnTo>
                  <a:pt x="13939" y="7868"/>
                </a:lnTo>
                <a:lnTo>
                  <a:pt x="14917" y="7462"/>
                </a:lnTo>
                <a:lnTo>
                  <a:pt x="14917" y="7786"/>
                </a:lnTo>
                <a:lnTo>
                  <a:pt x="15324" y="8030"/>
                </a:lnTo>
                <a:lnTo>
                  <a:pt x="15813" y="8354"/>
                </a:lnTo>
                <a:lnTo>
                  <a:pt x="16221" y="8516"/>
                </a:lnTo>
                <a:lnTo>
                  <a:pt x="16384" y="9084"/>
                </a:lnTo>
                <a:lnTo>
                  <a:pt x="15650" y="9490"/>
                </a:lnTo>
                <a:lnTo>
                  <a:pt x="15161" y="9814"/>
                </a:lnTo>
                <a:lnTo>
                  <a:pt x="15080" y="10463"/>
                </a:lnTo>
                <a:lnTo>
                  <a:pt x="14591" y="10625"/>
                </a:lnTo>
                <a:lnTo>
                  <a:pt x="14509" y="10382"/>
                </a:lnTo>
                <a:lnTo>
                  <a:pt x="14346" y="10544"/>
                </a:lnTo>
                <a:lnTo>
                  <a:pt x="14020" y="10544"/>
                </a:lnTo>
                <a:lnTo>
                  <a:pt x="13287" y="9652"/>
                </a:lnTo>
                <a:lnTo>
                  <a:pt x="13613" y="10301"/>
                </a:lnTo>
                <a:lnTo>
                  <a:pt x="13857" y="10706"/>
                </a:lnTo>
                <a:lnTo>
                  <a:pt x="14183" y="11112"/>
                </a:lnTo>
                <a:lnTo>
                  <a:pt x="14591" y="11355"/>
                </a:lnTo>
                <a:lnTo>
                  <a:pt x="14509" y="12410"/>
                </a:lnTo>
                <a:lnTo>
                  <a:pt x="14020" y="12329"/>
                </a:lnTo>
                <a:lnTo>
                  <a:pt x="13939" y="12166"/>
                </a:lnTo>
                <a:lnTo>
                  <a:pt x="13694" y="11923"/>
                </a:lnTo>
                <a:lnTo>
                  <a:pt x="13287" y="11923"/>
                </a:lnTo>
                <a:lnTo>
                  <a:pt x="13205" y="12572"/>
                </a:lnTo>
                <a:lnTo>
                  <a:pt x="13287" y="13140"/>
                </a:lnTo>
                <a:lnTo>
                  <a:pt x="13450" y="13140"/>
                </a:lnTo>
                <a:lnTo>
                  <a:pt x="13857" y="13059"/>
                </a:lnTo>
                <a:lnTo>
                  <a:pt x="14102" y="13221"/>
                </a:lnTo>
                <a:lnTo>
                  <a:pt x="13776" y="13626"/>
                </a:lnTo>
                <a:lnTo>
                  <a:pt x="13776" y="13789"/>
                </a:lnTo>
                <a:lnTo>
                  <a:pt x="13531" y="14113"/>
                </a:lnTo>
                <a:lnTo>
                  <a:pt x="13124" y="13951"/>
                </a:lnTo>
                <a:lnTo>
                  <a:pt x="12634" y="14032"/>
                </a:lnTo>
                <a:lnTo>
                  <a:pt x="11901" y="14113"/>
                </a:lnTo>
                <a:lnTo>
                  <a:pt x="11004" y="14194"/>
                </a:lnTo>
                <a:lnTo>
                  <a:pt x="10434" y="14356"/>
                </a:lnTo>
                <a:lnTo>
                  <a:pt x="9945" y="14600"/>
                </a:lnTo>
                <a:lnTo>
                  <a:pt x="8803" y="15411"/>
                </a:lnTo>
                <a:lnTo>
                  <a:pt x="8314" y="15897"/>
                </a:lnTo>
                <a:lnTo>
                  <a:pt x="7907" y="15573"/>
                </a:lnTo>
                <a:lnTo>
                  <a:pt x="7825" y="15005"/>
                </a:lnTo>
                <a:lnTo>
                  <a:pt x="7418" y="14681"/>
                </a:lnTo>
                <a:lnTo>
                  <a:pt x="7418" y="14113"/>
                </a:lnTo>
                <a:lnTo>
                  <a:pt x="7255" y="14032"/>
                </a:lnTo>
                <a:lnTo>
                  <a:pt x="6929" y="14356"/>
                </a:lnTo>
                <a:lnTo>
                  <a:pt x="6603" y="14437"/>
                </a:lnTo>
                <a:lnTo>
                  <a:pt x="6032" y="14356"/>
                </a:lnTo>
                <a:lnTo>
                  <a:pt x="5706" y="14600"/>
                </a:lnTo>
                <a:lnTo>
                  <a:pt x="5461" y="14437"/>
                </a:lnTo>
                <a:lnTo>
                  <a:pt x="5298" y="14437"/>
                </a:lnTo>
                <a:lnTo>
                  <a:pt x="4809" y="15248"/>
                </a:lnTo>
                <a:lnTo>
                  <a:pt x="4157" y="15330"/>
                </a:lnTo>
                <a:lnTo>
                  <a:pt x="3424" y="16384"/>
                </a:lnTo>
                <a:lnTo>
                  <a:pt x="3260" y="16303"/>
                </a:lnTo>
                <a:lnTo>
                  <a:pt x="2690" y="16141"/>
                </a:lnTo>
                <a:lnTo>
                  <a:pt x="2771" y="15816"/>
                </a:lnTo>
                <a:lnTo>
                  <a:pt x="2282" y="15897"/>
                </a:lnTo>
                <a:lnTo>
                  <a:pt x="1793" y="15816"/>
                </a:lnTo>
                <a:lnTo>
                  <a:pt x="2038" y="15411"/>
                </a:lnTo>
                <a:lnTo>
                  <a:pt x="2282" y="15248"/>
                </a:lnTo>
                <a:lnTo>
                  <a:pt x="2119" y="15005"/>
                </a:lnTo>
                <a:lnTo>
                  <a:pt x="2201" y="14762"/>
                </a:lnTo>
                <a:lnTo>
                  <a:pt x="2364" y="14518"/>
                </a:lnTo>
                <a:lnTo>
                  <a:pt x="2771" y="14356"/>
                </a:lnTo>
                <a:lnTo>
                  <a:pt x="2934" y="14113"/>
                </a:lnTo>
                <a:lnTo>
                  <a:pt x="3097" y="14032"/>
                </a:lnTo>
                <a:lnTo>
                  <a:pt x="3587" y="14275"/>
                </a:lnTo>
                <a:lnTo>
                  <a:pt x="3994" y="14275"/>
                </a:lnTo>
                <a:lnTo>
                  <a:pt x="4402" y="14194"/>
                </a:lnTo>
                <a:lnTo>
                  <a:pt x="4646" y="13545"/>
                </a:lnTo>
                <a:lnTo>
                  <a:pt x="4320" y="13140"/>
                </a:lnTo>
                <a:lnTo>
                  <a:pt x="3913" y="12815"/>
                </a:lnTo>
                <a:lnTo>
                  <a:pt x="3668" y="12734"/>
                </a:lnTo>
                <a:lnTo>
                  <a:pt x="3016" y="12572"/>
                </a:lnTo>
                <a:lnTo>
                  <a:pt x="2445" y="12410"/>
                </a:lnTo>
                <a:lnTo>
                  <a:pt x="2282" y="12734"/>
                </a:lnTo>
                <a:lnTo>
                  <a:pt x="2038" y="12653"/>
                </a:lnTo>
                <a:lnTo>
                  <a:pt x="2201" y="12410"/>
                </a:lnTo>
                <a:lnTo>
                  <a:pt x="2364" y="12085"/>
                </a:lnTo>
                <a:lnTo>
                  <a:pt x="2201" y="11599"/>
                </a:lnTo>
                <a:lnTo>
                  <a:pt x="1956" y="11112"/>
                </a:lnTo>
                <a:lnTo>
                  <a:pt x="2038" y="10950"/>
                </a:lnTo>
                <a:lnTo>
                  <a:pt x="1875" y="10706"/>
                </a:lnTo>
                <a:lnTo>
                  <a:pt x="1712" y="10463"/>
                </a:lnTo>
                <a:lnTo>
                  <a:pt x="1386" y="10139"/>
                </a:lnTo>
                <a:lnTo>
                  <a:pt x="1141" y="9976"/>
                </a:lnTo>
                <a:lnTo>
                  <a:pt x="897" y="9571"/>
                </a:lnTo>
                <a:lnTo>
                  <a:pt x="652" y="9328"/>
                </a:lnTo>
                <a:lnTo>
                  <a:pt x="245" y="9003"/>
                </a:lnTo>
                <a:lnTo>
                  <a:pt x="0" y="9003"/>
                </a:lnTo>
                <a:lnTo>
                  <a:pt x="163" y="8841"/>
                </a:lnTo>
                <a:lnTo>
                  <a:pt x="1467" y="8679"/>
                </a:lnTo>
                <a:lnTo>
                  <a:pt x="1956" y="8679"/>
                </a:lnTo>
                <a:lnTo>
                  <a:pt x="1956" y="8598"/>
                </a:lnTo>
                <a:lnTo>
                  <a:pt x="2201" y="8354"/>
                </a:lnTo>
                <a:lnTo>
                  <a:pt x="2445" y="8354"/>
                </a:lnTo>
                <a:lnTo>
                  <a:pt x="2771" y="8354"/>
                </a:lnTo>
                <a:lnTo>
                  <a:pt x="2934" y="8354"/>
                </a:lnTo>
                <a:lnTo>
                  <a:pt x="3260" y="8354"/>
                </a:lnTo>
                <a:lnTo>
                  <a:pt x="3505" y="8192"/>
                </a:lnTo>
                <a:lnTo>
                  <a:pt x="3668" y="7949"/>
                </a:lnTo>
                <a:lnTo>
                  <a:pt x="3831" y="8030"/>
                </a:lnTo>
                <a:lnTo>
                  <a:pt x="3994" y="8192"/>
                </a:lnTo>
                <a:lnTo>
                  <a:pt x="4076" y="8516"/>
                </a:lnTo>
                <a:lnTo>
                  <a:pt x="4402" y="8679"/>
                </a:lnTo>
                <a:lnTo>
                  <a:pt x="4646" y="8679"/>
                </a:lnTo>
                <a:lnTo>
                  <a:pt x="4728" y="8435"/>
                </a:lnTo>
                <a:lnTo>
                  <a:pt x="4891" y="8354"/>
                </a:lnTo>
                <a:lnTo>
                  <a:pt x="5135" y="8192"/>
                </a:lnTo>
                <a:lnTo>
                  <a:pt x="5543" y="8030"/>
                </a:lnTo>
                <a:lnTo>
                  <a:pt x="5869" y="8111"/>
                </a:lnTo>
                <a:lnTo>
                  <a:pt x="5950" y="7786"/>
                </a:lnTo>
                <a:lnTo>
                  <a:pt x="5787" y="7381"/>
                </a:lnTo>
                <a:lnTo>
                  <a:pt x="5787" y="6975"/>
                </a:lnTo>
                <a:lnTo>
                  <a:pt x="6032" y="6813"/>
                </a:lnTo>
                <a:lnTo>
                  <a:pt x="6032" y="6651"/>
                </a:lnTo>
                <a:lnTo>
                  <a:pt x="5706" y="6651"/>
                </a:lnTo>
                <a:lnTo>
                  <a:pt x="5380" y="6570"/>
                </a:lnTo>
                <a:lnTo>
                  <a:pt x="4891" y="6326"/>
                </a:lnTo>
                <a:lnTo>
                  <a:pt x="4565" y="5921"/>
                </a:lnTo>
                <a:lnTo>
                  <a:pt x="4320" y="6002"/>
                </a:lnTo>
                <a:lnTo>
                  <a:pt x="4076" y="5678"/>
                </a:lnTo>
                <a:lnTo>
                  <a:pt x="3994" y="5434"/>
                </a:lnTo>
                <a:lnTo>
                  <a:pt x="4320" y="5029"/>
                </a:lnTo>
                <a:lnTo>
                  <a:pt x="4239" y="4704"/>
                </a:lnTo>
                <a:lnTo>
                  <a:pt x="4076" y="4137"/>
                </a:lnTo>
                <a:lnTo>
                  <a:pt x="3750" y="3731"/>
                </a:lnTo>
                <a:lnTo>
                  <a:pt x="3750" y="3244"/>
                </a:lnTo>
                <a:lnTo>
                  <a:pt x="3260" y="3001"/>
                </a:lnTo>
                <a:lnTo>
                  <a:pt x="3260" y="2514"/>
                </a:lnTo>
                <a:lnTo>
                  <a:pt x="3097" y="2271"/>
                </a:lnTo>
                <a:lnTo>
                  <a:pt x="2853" y="2028"/>
                </a:lnTo>
                <a:lnTo>
                  <a:pt x="3179" y="1784"/>
                </a:lnTo>
                <a:lnTo>
                  <a:pt x="3260" y="1622"/>
                </a:lnTo>
                <a:lnTo>
                  <a:pt x="3913" y="1541"/>
                </a:lnTo>
                <a:lnTo>
                  <a:pt x="4402" y="1379"/>
                </a:lnTo>
                <a:lnTo>
                  <a:pt x="4565" y="1217"/>
                </a:lnTo>
                <a:lnTo>
                  <a:pt x="4809" y="730"/>
                </a:lnTo>
                <a:lnTo>
                  <a:pt x="5135" y="649"/>
                </a:lnTo>
                <a:lnTo>
                  <a:pt x="5298" y="973"/>
                </a:lnTo>
                <a:lnTo>
                  <a:pt x="5706" y="24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97" name="d14203"/>
          <xdr:cNvSpPr>
            <a:spLocks/>
          </xdr:cNvSpPr>
        </xdr:nvSpPr>
        <xdr:spPr bwMode="auto">
          <a:xfrm>
            <a:off x="4210050" y="5019675"/>
            <a:ext cx="1543050" cy="12573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0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0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2147483646 w 16384"/>
              <a:gd name="T117" fmla="*/ 2147483646 h 16384"/>
              <a:gd name="T118" fmla="*/ 2147483646 w 16384"/>
              <a:gd name="T119" fmla="*/ 2147483646 h 16384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16384"/>
              <a:gd name="T181" fmla="*/ 0 h 16384"/>
              <a:gd name="T182" fmla="*/ 16384 w 16384"/>
              <a:gd name="T183" fmla="*/ 16384 h 16384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16384" h="16384">
                <a:moveTo>
                  <a:pt x="15777" y="9681"/>
                </a:moveTo>
                <a:lnTo>
                  <a:pt x="15676" y="10674"/>
                </a:lnTo>
                <a:lnTo>
                  <a:pt x="15777" y="11171"/>
                </a:lnTo>
                <a:lnTo>
                  <a:pt x="15979" y="11295"/>
                </a:lnTo>
                <a:lnTo>
                  <a:pt x="16081" y="11171"/>
                </a:lnTo>
                <a:lnTo>
                  <a:pt x="16384" y="11419"/>
                </a:lnTo>
                <a:lnTo>
                  <a:pt x="16384" y="11916"/>
                </a:lnTo>
                <a:lnTo>
                  <a:pt x="15979" y="12288"/>
                </a:lnTo>
                <a:lnTo>
                  <a:pt x="15878" y="12909"/>
                </a:lnTo>
                <a:lnTo>
                  <a:pt x="15676" y="13529"/>
                </a:lnTo>
                <a:lnTo>
                  <a:pt x="15676" y="14274"/>
                </a:lnTo>
                <a:lnTo>
                  <a:pt x="16081" y="14646"/>
                </a:lnTo>
                <a:lnTo>
                  <a:pt x="16384" y="15143"/>
                </a:lnTo>
                <a:lnTo>
                  <a:pt x="16384" y="15888"/>
                </a:lnTo>
                <a:lnTo>
                  <a:pt x="15777" y="16012"/>
                </a:lnTo>
                <a:lnTo>
                  <a:pt x="15069" y="15888"/>
                </a:lnTo>
                <a:lnTo>
                  <a:pt x="14361" y="15763"/>
                </a:lnTo>
                <a:lnTo>
                  <a:pt x="13552" y="15763"/>
                </a:lnTo>
                <a:lnTo>
                  <a:pt x="12945" y="15888"/>
                </a:lnTo>
                <a:lnTo>
                  <a:pt x="12339" y="16012"/>
                </a:lnTo>
                <a:lnTo>
                  <a:pt x="11631" y="16260"/>
                </a:lnTo>
                <a:lnTo>
                  <a:pt x="11024" y="16384"/>
                </a:lnTo>
                <a:lnTo>
                  <a:pt x="10518" y="15888"/>
                </a:lnTo>
                <a:lnTo>
                  <a:pt x="10720" y="14895"/>
                </a:lnTo>
                <a:lnTo>
                  <a:pt x="11024" y="14770"/>
                </a:lnTo>
                <a:lnTo>
                  <a:pt x="11428" y="14398"/>
                </a:lnTo>
                <a:lnTo>
                  <a:pt x="11226" y="13902"/>
                </a:lnTo>
                <a:lnTo>
                  <a:pt x="10518" y="13902"/>
                </a:lnTo>
                <a:lnTo>
                  <a:pt x="10215" y="13405"/>
                </a:lnTo>
                <a:lnTo>
                  <a:pt x="10012" y="13902"/>
                </a:lnTo>
                <a:lnTo>
                  <a:pt x="9304" y="14274"/>
                </a:lnTo>
                <a:lnTo>
                  <a:pt x="8698" y="14895"/>
                </a:lnTo>
                <a:lnTo>
                  <a:pt x="7787" y="15019"/>
                </a:lnTo>
                <a:lnTo>
                  <a:pt x="7787" y="14770"/>
                </a:lnTo>
                <a:lnTo>
                  <a:pt x="7181" y="14522"/>
                </a:lnTo>
                <a:lnTo>
                  <a:pt x="6877" y="13902"/>
                </a:lnTo>
                <a:lnTo>
                  <a:pt x="6574" y="13902"/>
                </a:lnTo>
                <a:lnTo>
                  <a:pt x="6776" y="13281"/>
                </a:lnTo>
                <a:lnTo>
                  <a:pt x="6574" y="12909"/>
                </a:lnTo>
                <a:lnTo>
                  <a:pt x="5259" y="12909"/>
                </a:lnTo>
                <a:lnTo>
                  <a:pt x="5057" y="12536"/>
                </a:lnTo>
                <a:lnTo>
                  <a:pt x="4450" y="12660"/>
                </a:lnTo>
                <a:lnTo>
                  <a:pt x="4045" y="12288"/>
                </a:lnTo>
                <a:lnTo>
                  <a:pt x="3236" y="12536"/>
                </a:lnTo>
                <a:lnTo>
                  <a:pt x="2630" y="12288"/>
                </a:lnTo>
                <a:lnTo>
                  <a:pt x="2023" y="13157"/>
                </a:lnTo>
                <a:lnTo>
                  <a:pt x="1315" y="13281"/>
                </a:lnTo>
                <a:lnTo>
                  <a:pt x="1112" y="13281"/>
                </a:lnTo>
                <a:lnTo>
                  <a:pt x="1011" y="13157"/>
                </a:lnTo>
                <a:lnTo>
                  <a:pt x="708" y="12288"/>
                </a:lnTo>
                <a:lnTo>
                  <a:pt x="0" y="11667"/>
                </a:lnTo>
                <a:lnTo>
                  <a:pt x="0" y="9557"/>
                </a:lnTo>
                <a:lnTo>
                  <a:pt x="607" y="8937"/>
                </a:lnTo>
                <a:lnTo>
                  <a:pt x="1517" y="8688"/>
                </a:lnTo>
                <a:lnTo>
                  <a:pt x="2023" y="8440"/>
                </a:lnTo>
                <a:lnTo>
                  <a:pt x="2528" y="8316"/>
                </a:lnTo>
                <a:lnTo>
                  <a:pt x="3135" y="8316"/>
                </a:lnTo>
                <a:lnTo>
                  <a:pt x="3439" y="8192"/>
                </a:lnTo>
                <a:lnTo>
                  <a:pt x="3641" y="7447"/>
                </a:lnTo>
                <a:lnTo>
                  <a:pt x="3944" y="6578"/>
                </a:lnTo>
                <a:lnTo>
                  <a:pt x="4147" y="6578"/>
                </a:lnTo>
                <a:lnTo>
                  <a:pt x="4147" y="5958"/>
                </a:lnTo>
                <a:lnTo>
                  <a:pt x="4147" y="5585"/>
                </a:lnTo>
                <a:lnTo>
                  <a:pt x="4551" y="5461"/>
                </a:lnTo>
                <a:lnTo>
                  <a:pt x="5158" y="5461"/>
                </a:lnTo>
                <a:lnTo>
                  <a:pt x="5562" y="5213"/>
                </a:lnTo>
                <a:lnTo>
                  <a:pt x="6068" y="5337"/>
                </a:lnTo>
                <a:lnTo>
                  <a:pt x="6372" y="5213"/>
                </a:lnTo>
                <a:lnTo>
                  <a:pt x="6270" y="3972"/>
                </a:lnTo>
                <a:lnTo>
                  <a:pt x="6675" y="3848"/>
                </a:lnTo>
                <a:lnTo>
                  <a:pt x="7484" y="3972"/>
                </a:lnTo>
                <a:lnTo>
                  <a:pt x="7484" y="3600"/>
                </a:lnTo>
                <a:lnTo>
                  <a:pt x="7484" y="3103"/>
                </a:lnTo>
                <a:lnTo>
                  <a:pt x="7686" y="2607"/>
                </a:lnTo>
                <a:lnTo>
                  <a:pt x="7990" y="3848"/>
                </a:lnTo>
                <a:lnTo>
                  <a:pt x="8597" y="3848"/>
                </a:lnTo>
                <a:lnTo>
                  <a:pt x="8900" y="4096"/>
                </a:lnTo>
                <a:lnTo>
                  <a:pt x="9203" y="4592"/>
                </a:lnTo>
                <a:lnTo>
                  <a:pt x="9203" y="5461"/>
                </a:lnTo>
                <a:lnTo>
                  <a:pt x="9810" y="5834"/>
                </a:lnTo>
                <a:lnTo>
                  <a:pt x="9810" y="4965"/>
                </a:lnTo>
                <a:lnTo>
                  <a:pt x="9709" y="4220"/>
                </a:lnTo>
                <a:lnTo>
                  <a:pt x="9810" y="3475"/>
                </a:lnTo>
                <a:lnTo>
                  <a:pt x="10012" y="3972"/>
                </a:lnTo>
                <a:lnTo>
                  <a:pt x="10417" y="4344"/>
                </a:lnTo>
                <a:lnTo>
                  <a:pt x="10417" y="4096"/>
                </a:lnTo>
                <a:lnTo>
                  <a:pt x="10822" y="3972"/>
                </a:lnTo>
                <a:lnTo>
                  <a:pt x="11327" y="3972"/>
                </a:lnTo>
                <a:lnTo>
                  <a:pt x="11732" y="3475"/>
                </a:lnTo>
                <a:lnTo>
                  <a:pt x="12237" y="4096"/>
                </a:lnTo>
                <a:lnTo>
                  <a:pt x="12642" y="4220"/>
                </a:lnTo>
                <a:lnTo>
                  <a:pt x="12945" y="2731"/>
                </a:lnTo>
                <a:lnTo>
                  <a:pt x="13249" y="2855"/>
                </a:lnTo>
                <a:lnTo>
                  <a:pt x="13249" y="3600"/>
                </a:lnTo>
                <a:lnTo>
                  <a:pt x="13047" y="4468"/>
                </a:lnTo>
                <a:lnTo>
                  <a:pt x="14159" y="3475"/>
                </a:lnTo>
                <a:lnTo>
                  <a:pt x="14361" y="2358"/>
                </a:lnTo>
                <a:lnTo>
                  <a:pt x="14058" y="1862"/>
                </a:lnTo>
                <a:lnTo>
                  <a:pt x="13856" y="1489"/>
                </a:lnTo>
                <a:lnTo>
                  <a:pt x="13957" y="1489"/>
                </a:lnTo>
                <a:lnTo>
                  <a:pt x="14058" y="0"/>
                </a:lnTo>
                <a:lnTo>
                  <a:pt x="14260" y="0"/>
                </a:lnTo>
                <a:lnTo>
                  <a:pt x="14159" y="496"/>
                </a:lnTo>
                <a:lnTo>
                  <a:pt x="14361" y="745"/>
                </a:lnTo>
                <a:lnTo>
                  <a:pt x="14361" y="1241"/>
                </a:lnTo>
                <a:lnTo>
                  <a:pt x="14462" y="1365"/>
                </a:lnTo>
                <a:lnTo>
                  <a:pt x="14564" y="1614"/>
                </a:lnTo>
                <a:lnTo>
                  <a:pt x="15272" y="1489"/>
                </a:lnTo>
                <a:lnTo>
                  <a:pt x="16283" y="1614"/>
                </a:lnTo>
                <a:lnTo>
                  <a:pt x="16384" y="2234"/>
                </a:lnTo>
                <a:lnTo>
                  <a:pt x="16384" y="2979"/>
                </a:lnTo>
                <a:lnTo>
                  <a:pt x="16384" y="3848"/>
                </a:lnTo>
                <a:lnTo>
                  <a:pt x="16081" y="4717"/>
                </a:lnTo>
                <a:lnTo>
                  <a:pt x="16081" y="5710"/>
                </a:lnTo>
                <a:lnTo>
                  <a:pt x="15777" y="6703"/>
                </a:lnTo>
                <a:lnTo>
                  <a:pt x="15676" y="7075"/>
                </a:lnTo>
                <a:lnTo>
                  <a:pt x="15979" y="7944"/>
                </a:lnTo>
                <a:lnTo>
                  <a:pt x="16081" y="8440"/>
                </a:lnTo>
                <a:lnTo>
                  <a:pt x="15878" y="8688"/>
                </a:lnTo>
                <a:lnTo>
                  <a:pt x="15777" y="968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98" name="d14204"/>
          <xdr:cNvSpPr>
            <a:spLocks/>
          </xdr:cNvSpPr>
        </xdr:nvSpPr>
        <xdr:spPr bwMode="auto">
          <a:xfrm>
            <a:off x="7038975" y="5505450"/>
            <a:ext cx="1219200" cy="9144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0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16384"/>
              <a:gd name="T112" fmla="*/ 0 h 16384"/>
              <a:gd name="T113" fmla="*/ 16384 w 16384"/>
              <a:gd name="T114" fmla="*/ 16384 h 16384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16384" h="16384">
                <a:moveTo>
                  <a:pt x="15360" y="8021"/>
                </a:moveTo>
                <a:lnTo>
                  <a:pt x="15744" y="8704"/>
                </a:lnTo>
                <a:lnTo>
                  <a:pt x="15616" y="9557"/>
                </a:lnTo>
                <a:lnTo>
                  <a:pt x="15616" y="10240"/>
                </a:lnTo>
                <a:lnTo>
                  <a:pt x="16000" y="10752"/>
                </a:lnTo>
                <a:lnTo>
                  <a:pt x="16384" y="11264"/>
                </a:lnTo>
                <a:lnTo>
                  <a:pt x="16256" y="11947"/>
                </a:lnTo>
                <a:lnTo>
                  <a:pt x="15616" y="11776"/>
                </a:lnTo>
                <a:lnTo>
                  <a:pt x="14976" y="12629"/>
                </a:lnTo>
                <a:lnTo>
                  <a:pt x="14720" y="12800"/>
                </a:lnTo>
                <a:lnTo>
                  <a:pt x="13440" y="13653"/>
                </a:lnTo>
                <a:lnTo>
                  <a:pt x="12928" y="13653"/>
                </a:lnTo>
                <a:lnTo>
                  <a:pt x="12032" y="14848"/>
                </a:lnTo>
                <a:lnTo>
                  <a:pt x="11520" y="14848"/>
                </a:lnTo>
                <a:lnTo>
                  <a:pt x="10496" y="15701"/>
                </a:lnTo>
                <a:lnTo>
                  <a:pt x="9728" y="16213"/>
                </a:lnTo>
                <a:lnTo>
                  <a:pt x="9344" y="15531"/>
                </a:lnTo>
                <a:lnTo>
                  <a:pt x="8832" y="14848"/>
                </a:lnTo>
                <a:lnTo>
                  <a:pt x="8064" y="14848"/>
                </a:lnTo>
                <a:lnTo>
                  <a:pt x="7168" y="14848"/>
                </a:lnTo>
                <a:lnTo>
                  <a:pt x="7040" y="15189"/>
                </a:lnTo>
                <a:lnTo>
                  <a:pt x="6656" y="16043"/>
                </a:lnTo>
                <a:lnTo>
                  <a:pt x="6016" y="16384"/>
                </a:lnTo>
                <a:lnTo>
                  <a:pt x="5504" y="16384"/>
                </a:lnTo>
                <a:lnTo>
                  <a:pt x="4736" y="16213"/>
                </a:lnTo>
                <a:lnTo>
                  <a:pt x="4096" y="15872"/>
                </a:lnTo>
                <a:lnTo>
                  <a:pt x="3456" y="15701"/>
                </a:lnTo>
                <a:lnTo>
                  <a:pt x="2816" y="15531"/>
                </a:lnTo>
                <a:lnTo>
                  <a:pt x="1920" y="15360"/>
                </a:lnTo>
                <a:lnTo>
                  <a:pt x="1152" y="15360"/>
                </a:lnTo>
                <a:lnTo>
                  <a:pt x="512" y="15189"/>
                </a:lnTo>
                <a:lnTo>
                  <a:pt x="384" y="15019"/>
                </a:lnTo>
                <a:lnTo>
                  <a:pt x="0" y="15189"/>
                </a:lnTo>
                <a:lnTo>
                  <a:pt x="512" y="13824"/>
                </a:lnTo>
                <a:lnTo>
                  <a:pt x="1024" y="13312"/>
                </a:lnTo>
                <a:lnTo>
                  <a:pt x="1408" y="12629"/>
                </a:lnTo>
                <a:lnTo>
                  <a:pt x="1408" y="11947"/>
                </a:lnTo>
                <a:lnTo>
                  <a:pt x="1536" y="10581"/>
                </a:lnTo>
                <a:lnTo>
                  <a:pt x="1920" y="10411"/>
                </a:lnTo>
                <a:lnTo>
                  <a:pt x="2176" y="9216"/>
                </a:lnTo>
                <a:lnTo>
                  <a:pt x="2560" y="8875"/>
                </a:lnTo>
                <a:lnTo>
                  <a:pt x="3072" y="8704"/>
                </a:lnTo>
                <a:lnTo>
                  <a:pt x="4096" y="7339"/>
                </a:lnTo>
                <a:lnTo>
                  <a:pt x="4352" y="6485"/>
                </a:lnTo>
                <a:lnTo>
                  <a:pt x="4096" y="5973"/>
                </a:lnTo>
                <a:lnTo>
                  <a:pt x="3456" y="6144"/>
                </a:lnTo>
                <a:lnTo>
                  <a:pt x="3584" y="4949"/>
                </a:lnTo>
                <a:lnTo>
                  <a:pt x="2944" y="4608"/>
                </a:lnTo>
                <a:lnTo>
                  <a:pt x="2560" y="3072"/>
                </a:lnTo>
                <a:lnTo>
                  <a:pt x="1536" y="3072"/>
                </a:lnTo>
                <a:lnTo>
                  <a:pt x="1280" y="2389"/>
                </a:lnTo>
                <a:lnTo>
                  <a:pt x="1408" y="1877"/>
                </a:lnTo>
                <a:lnTo>
                  <a:pt x="2048" y="1365"/>
                </a:lnTo>
                <a:lnTo>
                  <a:pt x="2432" y="0"/>
                </a:lnTo>
                <a:lnTo>
                  <a:pt x="3328" y="1024"/>
                </a:lnTo>
                <a:lnTo>
                  <a:pt x="4224" y="1707"/>
                </a:lnTo>
                <a:lnTo>
                  <a:pt x="5120" y="2048"/>
                </a:lnTo>
                <a:lnTo>
                  <a:pt x="5504" y="2048"/>
                </a:lnTo>
                <a:lnTo>
                  <a:pt x="6144" y="2731"/>
                </a:lnTo>
                <a:lnTo>
                  <a:pt x="7424" y="3413"/>
                </a:lnTo>
                <a:lnTo>
                  <a:pt x="8448" y="2560"/>
                </a:lnTo>
                <a:lnTo>
                  <a:pt x="8832" y="1536"/>
                </a:lnTo>
                <a:lnTo>
                  <a:pt x="9216" y="1877"/>
                </a:lnTo>
                <a:lnTo>
                  <a:pt x="9472" y="2901"/>
                </a:lnTo>
                <a:lnTo>
                  <a:pt x="9728" y="3584"/>
                </a:lnTo>
                <a:lnTo>
                  <a:pt x="10368" y="4608"/>
                </a:lnTo>
                <a:lnTo>
                  <a:pt x="11136" y="5291"/>
                </a:lnTo>
                <a:lnTo>
                  <a:pt x="11648" y="5632"/>
                </a:lnTo>
                <a:lnTo>
                  <a:pt x="12544" y="5461"/>
                </a:lnTo>
                <a:lnTo>
                  <a:pt x="12672" y="5461"/>
                </a:lnTo>
                <a:lnTo>
                  <a:pt x="13056" y="6827"/>
                </a:lnTo>
                <a:lnTo>
                  <a:pt x="13056" y="7851"/>
                </a:lnTo>
                <a:lnTo>
                  <a:pt x="13568" y="8192"/>
                </a:lnTo>
                <a:lnTo>
                  <a:pt x="14208" y="8192"/>
                </a:lnTo>
                <a:lnTo>
                  <a:pt x="15360" y="802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99" name="d14205"/>
          <xdr:cNvSpPr>
            <a:spLocks/>
          </xdr:cNvSpPr>
        </xdr:nvSpPr>
        <xdr:spPr bwMode="auto">
          <a:xfrm>
            <a:off x="5972175" y="4629150"/>
            <a:ext cx="1390650" cy="1724025"/>
          </a:xfrm>
          <a:custGeom>
            <a:avLst/>
            <a:gdLst>
              <a:gd name="T0" fmla="*/ 2147483646 w 146"/>
              <a:gd name="T1" fmla="*/ 2147483646 h 181"/>
              <a:gd name="T2" fmla="*/ 2147483646 w 146"/>
              <a:gd name="T3" fmla="*/ 2147483646 h 181"/>
              <a:gd name="T4" fmla="*/ 2147483646 w 146"/>
              <a:gd name="T5" fmla="*/ 2147483646 h 181"/>
              <a:gd name="T6" fmla="*/ 2147483646 w 146"/>
              <a:gd name="T7" fmla="*/ 2147483646 h 181"/>
              <a:gd name="T8" fmla="*/ 2147483646 w 146"/>
              <a:gd name="T9" fmla="*/ 2147483646 h 181"/>
              <a:gd name="T10" fmla="*/ 2147483646 w 146"/>
              <a:gd name="T11" fmla="*/ 2147483646 h 181"/>
              <a:gd name="T12" fmla="*/ 2147483646 w 146"/>
              <a:gd name="T13" fmla="*/ 2147483646 h 181"/>
              <a:gd name="T14" fmla="*/ 2147483646 w 146"/>
              <a:gd name="T15" fmla="*/ 2147483646 h 181"/>
              <a:gd name="T16" fmla="*/ 2147483646 w 146"/>
              <a:gd name="T17" fmla="*/ 2147483646 h 181"/>
              <a:gd name="T18" fmla="*/ 2147483646 w 146"/>
              <a:gd name="T19" fmla="*/ 2147483646 h 181"/>
              <a:gd name="T20" fmla="*/ 2147483646 w 146"/>
              <a:gd name="T21" fmla="*/ 2147483646 h 181"/>
              <a:gd name="T22" fmla="*/ 2147483646 w 146"/>
              <a:gd name="T23" fmla="*/ 2147483646 h 181"/>
              <a:gd name="T24" fmla="*/ 2147483646 w 146"/>
              <a:gd name="T25" fmla="*/ 2147483646 h 181"/>
              <a:gd name="T26" fmla="*/ 2147483646 w 146"/>
              <a:gd name="T27" fmla="*/ 2147483646 h 181"/>
              <a:gd name="T28" fmla="*/ 2147483646 w 146"/>
              <a:gd name="T29" fmla="*/ 2147483646 h 181"/>
              <a:gd name="T30" fmla="*/ 2147483646 w 146"/>
              <a:gd name="T31" fmla="*/ 2147483646 h 181"/>
              <a:gd name="T32" fmla="*/ 2147483646 w 146"/>
              <a:gd name="T33" fmla="*/ 2147483646 h 181"/>
              <a:gd name="T34" fmla="*/ 2147483646 w 146"/>
              <a:gd name="T35" fmla="*/ 2147483646 h 181"/>
              <a:gd name="T36" fmla="*/ 2147483646 w 146"/>
              <a:gd name="T37" fmla="*/ 2147483646 h 181"/>
              <a:gd name="T38" fmla="*/ 2147483646 w 146"/>
              <a:gd name="T39" fmla="*/ 2147483646 h 181"/>
              <a:gd name="T40" fmla="*/ 2147483646 w 146"/>
              <a:gd name="T41" fmla="*/ 2147483646 h 181"/>
              <a:gd name="T42" fmla="*/ 2147483646 w 146"/>
              <a:gd name="T43" fmla="*/ 2147483646 h 181"/>
              <a:gd name="T44" fmla="*/ 2147483646 w 146"/>
              <a:gd name="T45" fmla="*/ 2147483646 h 181"/>
              <a:gd name="T46" fmla="*/ 2147483646 w 146"/>
              <a:gd name="T47" fmla="*/ 2147483646 h 181"/>
              <a:gd name="T48" fmla="*/ 2147483646 w 146"/>
              <a:gd name="T49" fmla="*/ 2147483646 h 181"/>
              <a:gd name="T50" fmla="*/ 2147483646 w 146"/>
              <a:gd name="T51" fmla="*/ 2147483646 h 181"/>
              <a:gd name="T52" fmla="*/ 2147483646 w 146"/>
              <a:gd name="T53" fmla="*/ 2147483646 h 181"/>
              <a:gd name="T54" fmla="*/ 2147483646 w 146"/>
              <a:gd name="T55" fmla="*/ 2147483646 h 181"/>
              <a:gd name="T56" fmla="*/ 2147483646 w 146"/>
              <a:gd name="T57" fmla="*/ 2147483646 h 181"/>
              <a:gd name="T58" fmla="*/ 2147483646 w 146"/>
              <a:gd name="T59" fmla="*/ 2147483646 h 181"/>
              <a:gd name="T60" fmla="*/ 2147483646 w 146"/>
              <a:gd name="T61" fmla="*/ 2147483646 h 181"/>
              <a:gd name="T62" fmla="*/ 2147483646 w 146"/>
              <a:gd name="T63" fmla="*/ 2147483646 h 181"/>
              <a:gd name="T64" fmla="*/ 2147483646 w 146"/>
              <a:gd name="T65" fmla="*/ 2147483646 h 181"/>
              <a:gd name="T66" fmla="*/ 2147483646 w 146"/>
              <a:gd name="T67" fmla="*/ 2147483646 h 181"/>
              <a:gd name="T68" fmla="*/ 2147483646 w 146"/>
              <a:gd name="T69" fmla="*/ 2147483646 h 181"/>
              <a:gd name="T70" fmla="*/ 2147483646 w 146"/>
              <a:gd name="T71" fmla="*/ 2147483646 h 181"/>
              <a:gd name="T72" fmla="*/ 2147483646 w 146"/>
              <a:gd name="T73" fmla="*/ 2147483646 h 181"/>
              <a:gd name="T74" fmla="*/ 2147483646 w 146"/>
              <a:gd name="T75" fmla="*/ 2147483646 h 181"/>
              <a:gd name="T76" fmla="*/ 2147483646 w 146"/>
              <a:gd name="T77" fmla="*/ 2147483646 h 181"/>
              <a:gd name="T78" fmla="*/ 2147483646 w 146"/>
              <a:gd name="T79" fmla="*/ 2147483646 h 181"/>
              <a:gd name="T80" fmla="*/ 2147483646 w 146"/>
              <a:gd name="T81" fmla="*/ 2147483646 h 181"/>
              <a:gd name="T82" fmla="*/ 0 w 146"/>
              <a:gd name="T83" fmla="*/ 2147483646 h 181"/>
              <a:gd name="T84" fmla="*/ 2147483646 w 146"/>
              <a:gd name="T85" fmla="*/ 2147483646 h 181"/>
              <a:gd name="T86" fmla="*/ 2147483646 w 146"/>
              <a:gd name="T87" fmla="*/ 2147483646 h 181"/>
              <a:gd name="T88" fmla="*/ 2147483646 w 146"/>
              <a:gd name="T89" fmla="*/ 2147483646 h 181"/>
              <a:gd name="T90" fmla="*/ 2147483646 w 146"/>
              <a:gd name="T91" fmla="*/ 2147483646 h 181"/>
              <a:gd name="T92" fmla="*/ 2147483646 w 146"/>
              <a:gd name="T93" fmla="*/ 2147483646 h 181"/>
              <a:gd name="T94" fmla="*/ 2147483646 w 146"/>
              <a:gd name="T95" fmla="*/ 2147483646 h 181"/>
              <a:gd name="T96" fmla="*/ 2147483646 w 146"/>
              <a:gd name="T97" fmla="*/ 2147483646 h 181"/>
              <a:gd name="T98" fmla="*/ 2147483646 w 146"/>
              <a:gd name="T99" fmla="*/ 2147483646 h 181"/>
              <a:gd name="T100" fmla="*/ 2147483646 w 146"/>
              <a:gd name="T101" fmla="*/ 2147483646 h 181"/>
              <a:gd name="T102" fmla="*/ 2147483646 w 146"/>
              <a:gd name="T103" fmla="*/ 2147483646 h 181"/>
              <a:gd name="T104" fmla="*/ 2147483646 w 146"/>
              <a:gd name="T105" fmla="*/ 2147483646 h 181"/>
              <a:gd name="T106" fmla="*/ 2147483646 w 146"/>
              <a:gd name="T107" fmla="*/ 2147483646 h 181"/>
              <a:gd name="T108" fmla="*/ 2147483646 w 146"/>
              <a:gd name="T109" fmla="*/ 0 h 181"/>
              <a:gd name="T110" fmla="*/ 2147483646 w 146"/>
              <a:gd name="T111" fmla="*/ 2147483646 h 181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w 146"/>
              <a:gd name="T169" fmla="*/ 0 h 181"/>
              <a:gd name="T170" fmla="*/ 146 w 146"/>
              <a:gd name="T171" fmla="*/ 181 h 181"/>
            </a:gdLst>
            <a:ahLst/>
            <a:cxnLst>
              <a:cxn ang="T112">
                <a:pos x="T0" y="T1"/>
              </a:cxn>
              <a:cxn ang="T113">
                <a:pos x="T2" y="T3"/>
              </a:cxn>
              <a:cxn ang="T114">
                <a:pos x="T4" y="T5"/>
              </a:cxn>
              <a:cxn ang="T115">
                <a:pos x="T6" y="T7"/>
              </a:cxn>
              <a:cxn ang="T116">
                <a:pos x="T8" y="T9"/>
              </a:cxn>
              <a:cxn ang="T117">
                <a:pos x="T10" y="T11"/>
              </a:cxn>
              <a:cxn ang="T118">
                <a:pos x="T12" y="T13"/>
              </a:cxn>
              <a:cxn ang="T119">
                <a:pos x="T14" y="T15"/>
              </a:cxn>
              <a:cxn ang="T120">
                <a:pos x="T16" y="T17"/>
              </a:cxn>
              <a:cxn ang="T121">
                <a:pos x="T18" y="T19"/>
              </a:cxn>
              <a:cxn ang="T122">
                <a:pos x="T20" y="T21"/>
              </a:cxn>
              <a:cxn ang="T123">
                <a:pos x="T22" y="T23"/>
              </a:cxn>
              <a:cxn ang="T124">
                <a:pos x="T24" y="T25"/>
              </a:cxn>
              <a:cxn ang="T125">
                <a:pos x="T26" y="T27"/>
              </a:cxn>
              <a:cxn ang="T126">
                <a:pos x="T28" y="T29"/>
              </a:cxn>
              <a:cxn ang="T127">
                <a:pos x="T30" y="T31"/>
              </a:cxn>
              <a:cxn ang="T128">
                <a:pos x="T32" y="T33"/>
              </a:cxn>
              <a:cxn ang="T129">
                <a:pos x="T34" y="T35"/>
              </a:cxn>
              <a:cxn ang="T130">
                <a:pos x="T36" y="T37"/>
              </a:cxn>
              <a:cxn ang="T131">
                <a:pos x="T38" y="T39"/>
              </a:cxn>
              <a:cxn ang="T132">
                <a:pos x="T40" y="T41"/>
              </a:cxn>
              <a:cxn ang="T133">
                <a:pos x="T42" y="T43"/>
              </a:cxn>
              <a:cxn ang="T134">
                <a:pos x="T44" y="T45"/>
              </a:cxn>
              <a:cxn ang="T135">
                <a:pos x="T46" y="T47"/>
              </a:cxn>
              <a:cxn ang="T136">
                <a:pos x="T48" y="T49"/>
              </a:cxn>
              <a:cxn ang="T137">
                <a:pos x="T50" y="T51"/>
              </a:cxn>
              <a:cxn ang="T138">
                <a:pos x="T52" y="T53"/>
              </a:cxn>
              <a:cxn ang="T139">
                <a:pos x="T54" y="T55"/>
              </a:cxn>
              <a:cxn ang="T140">
                <a:pos x="T56" y="T57"/>
              </a:cxn>
              <a:cxn ang="T141">
                <a:pos x="T58" y="T59"/>
              </a:cxn>
              <a:cxn ang="T142">
                <a:pos x="T60" y="T61"/>
              </a:cxn>
              <a:cxn ang="T143">
                <a:pos x="T62" y="T63"/>
              </a:cxn>
              <a:cxn ang="T144">
                <a:pos x="T64" y="T65"/>
              </a:cxn>
              <a:cxn ang="T145">
                <a:pos x="T66" y="T67"/>
              </a:cxn>
              <a:cxn ang="T146">
                <a:pos x="T68" y="T69"/>
              </a:cxn>
              <a:cxn ang="T147">
                <a:pos x="T70" y="T71"/>
              </a:cxn>
              <a:cxn ang="T148">
                <a:pos x="T72" y="T73"/>
              </a:cxn>
              <a:cxn ang="T149">
                <a:pos x="T74" y="T75"/>
              </a:cxn>
              <a:cxn ang="T150">
                <a:pos x="T76" y="T77"/>
              </a:cxn>
              <a:cxn ang="T151">
                <a:pos x="T78" y="T79"/>
              </a:cxn>
              <a:cxn ang="T152">
                <a:pos x="T80" y="T81"/>
              </a:cxn>
              <a:cxn ang="T153">
                <a:pos x="T82" y="T83"/>
              </a:cxn>
              <a:cxn ang="T154">
                <a:pos x="T84" y="T85"/>
              </a:cxn>
              <a:cxn ang="T155">
                <a:pos x="T86" y="T87"/>
              </a:cxn>
              <a:cxn ang="T156">
                <a:pos x="T88" y="T89"/>
              </a:cxn>
              <a:cxn ang="T157">
                <a:pos x="T90" y="T91"/>
              </a:cxn>
              <a:cxn ang="T158">
                <a:pos x="T92" y="T93"/>
              </a:cxn>
              <a:cxn ang="T159">
                <a:pos x="T94" y="T95"/>
              </a:cxn>
              <a:cxn ang="T160">
                <a:pos x="T96" y="T97"/>
              </a:cxn>
              <a:cxn ang="T161">
                <a:pos x="T98" y="T99"/>
              </a:cxn>
              <a:cxn ang="T162">
                <a:pos x="T100" y="T101"/>
              </a:cxn>
              <a:cxn ang="T163">
                <a:pos x="T102" y="T103"/>
              </a:cxn>
              <a:cxn ang="T164">
                <a:pos x="T104" y="T105"/>
              </a:cxn>
              <a:cxn ang="T165">
                <a:pos x="T106" y="T107"/>
              </a:cxn>
              <a:cxn ang="T166">
                <a:pos x="T108" y="T109"/>
              </a:cxn>
              <a:cxn ang="T167">
                <a:pos x="T110" y="T111"/>
              </a:cxn>
            </a:cxnLst>
            <a:rect l="T168" t="T169" r="T170" b="T171"/>
            <a:pathLst>
              <a:path w="146" h="181">
                <a:moveTo>
                  <a:pt x="94" y="14"/>
                </a:moveTo>
                <a:lnTo>
                  <a:pt x="98" y="16"/>
                </a:lnTo>
                <a:lnTo>
                  <a:pt x="101" y="19"/>
                </a:lnTo>
                <a:lnTo>
                  <a:pt x="101" y="23"/>
                </a:lnTo>
                <a:lnTo>
                  <a:pt x="100" y="29"/>
                </a:lnTo>
                <a:lnTo>
                  <a:pt x="99" y="36"/>
                </a:lnTo>
                <a:lnTo>
                  <a:pt x="100" y="40"/>
                </a:lnTo>
                <a:lnTo>
                  <a:pt x="99" y="44"/>
                </a:lnTo>
                <a:lnTo>
                  <a:pt x="101" y="48"/>
                </a:lnTo>
                <a:lnTo>
                  <a:pt x="102" y="54"/>
                </a:lnTo>
                <a:lnTo>
                  <a:pt x="102" y="58"/>
                </a:lnTo>
                <a:lnTo>
                  <a:pt x="106" y="61"/>
                </a:lnTo>
                <a:lnTo>
                  <a:pt x="108" y="65"/>
                </a:lnTo>
                <a:lnTo>
                  <a:pt x="110" y="66"/>
                </a:lnTo>
                <a:lnTo>
                  <a:pt x="112" y="72"/>
                </a:lnTo>
                <a:lnTo>
                  <a:pt x="115" y="74"/>
                </a:lnTo>
                <a:lnTo>
                  <a:pt x="119" y="77"/>
                </a:lnTo>
                <a:lnTo>
                  <a:pt x="121" y="81"/>
                </a:lnTo>
                <a:lnTo>
                  <a:pt x="120" y="85"/>
                </a:lnTo>
                <a:lnTo>
                  <a:pt x="116" y="88"/>
                </a:lnTo>
                <a:lnTo>
                  <a:pt x="114" y="93"/>
                </a:lnTo>
                <a:lnTo>
                  <a:pt x="112" y="98"/>
                </a:lnTo>
                <a:lnTo>
                  <a:pt x="111" y="105"/>
                </a:lnTo>
                <a:lnTo>
                  <a:pt x="117" y="107"/>
                </a:lnTo>
                <a:lnTo>
                  <a:pt x="122" y="106"/>
                </a:lnTo>
                <a:lnTo>
                  <a:pt x="124" y="110"/>
                </a:lnTo>
                <a:lnTo>
                  <a:pt x="132" y="110"/>
                </a:lnTo>
                <a:lnTo>
                  <a:pt x="135" y="119"/>
                </a:lnTo>
                <a:lnTo>
                  <a:pt x="140" y="121"/>
                </a:lnTo>
                <a:lnTo>
                  <a:pt x="139" y="128"/>
                </a:lnTo>
                <a:lnTo>
                  <a:pt x="144" y="127"/>
                </a:lnTo>
                <a:lnTo>
                  <a:pt x="146" y="130"/>
                </a:lnTo>
                <a:lnTo>
                  <a:pt x="144" y="135"/>
                </a:lnTo>
                <a:lnTo>
                  <a:pt x="136" y="143"/>
                </a:lnTo>
                <a:lnTo>
                  <a:pt x="132" y="144"/>
                </a:lnTo>
                <a:lnTo>
                  <a:pt x="129" y="146"/>
                </a:lnTo>
                <a:lnTo>
                  <a:pt x="127" y="153"/>
                </a:lnTo>
                <a:lnTo>
                  <a:pt x="124" y="154"/>
                </a:lnTo>
                <a:lnTo>
                  <a:pt x="123" y="162"/>
                </a:lnTo>
                <a:lnTo>
                  <a:pt x="123" y="166"/>
                </a:lnTo>
                <a:lnTo>
                  <a:pt x="120" y="170"/>
                </a:lnTo>
                <a:lnTo>
                  <a:pt x="116" y="173"/>
                </a:lnTo>
                <a:lnTo>
                  <a:pt x="112" y="181"/>
                </a:lnTo>
                <a:lnTo>
                  <a:pt x="109" y="181"/>
                </a:lnTo>
                <a:lnTo>
                  <a:pt x="106" y="181"/>
                </a:lnTo>
                <a:lnTo>
                  <a:pt x="100" y="177"/>
                </a:lnTo>
                <a:lnTo>
                  <a:pt x="95" y="171"/>
                </a:lnTo>
                <a:lnTo>
                  <a:pt x="89" y="169"/>
                </a:lnTo>
                <a:lnTo>
                  <a:pt x="82" y="167"/>
                </a:lnTo>
                <a:lnTo>
                  <a:pt x="73" y="166"/>
                </a:lnTo>
                <a:lnTo>
                  <a:pt x="66" y="165"/>
                </a:lnTo>
                <a:lnTo>
                  <a:pt x="59" y="163"/>
                </a:lnTo>
                <a:lnTo>
                  <a:pt x="53" y="163"/>
                </a:lnTo>
                <a:lnTo>
                  <a:pt x="54" y="157"/>
                </a:lnTo>
                <a:lnTo>
                  <a:pt x="56" y="150"/>
                </a:lnTo>
                <a:lnTo>
                  <a:pt x="58" y="144"/>
                </a:lnTo>
                <a:lnTo>
                  <a:pt x="60" y="137"/>
                </a:lnTo>
                <a:lnTo>
                  <a:pt x="61" y="130"/>
                </a:lnTo>
                <a:lnTo>
                  <a:pt x="58" y="126"/>
                </a:lnTo>
                <a:lnTo>
                  <a:pt x="58" y="122"/>
                </a:lnTo>
                <a:lnTo>
                  <a:pt x="56" y="116"/>
                </a:lnTo>
                <a:lnTo>
                  <a:pt x="52" y="112"/>
                </a:lnTo>
                <a:lnTo>
                  <a:pt x="51" y="104"/>
                </a:lnTo>
                <a:lnTo>
                  <a:pt x="52" y="99"/>
                </a:lnTo>
                <a:lnTo>
                  <a:pt x="55" y="98"/>
                </a:lnTo>
                <a:lnTo>
                  <a:pt x="56" y="92"/>
                </a:lnTo>
                <a:lnTo>
                  <a:pt x="48" y="92"/>
                </a:lnTo>
                <a:lnTo>
                  <a:pt x="49" y="86"/>
                </a:lnTo>
                <a:lnTo>
                  <a:pt x="47" y="85"/>
                </a:lnTo>
                <a:lnTo>
                  <a:pt x="44" y="89"/>
                </a:lnTo>
                <a:lnTo>
                  <a:pt x="40" y="87"/>
                </a:lnTo>
                <a:lnTo>
                  <a:pt x="44" y="85"/>
                </a:lnTo>
                <a:lnTo>
                  <a:pt x="44" y="81"/>
                </a:lnTo>
                <a:lnTo>
                  <a:pt x="47" y="76"/>
                </a:lnTo>
                <a:lnTo>
                  <a:pt x="44" y="69"/>
                </a:lnTo>
                <a:lnTo>
                  <a:pt x="35" y="71"/>
                </a:lnTo>
                <a:lnTo>
                  <a:pt x="28" y="68"/>
                </a:lnTo>
                <a:lnTo>
                  <a:pt x="13" y="78"/>
                </a:lnTo>
                <a:lnTo>
                  <a:pt x="11" y="76"/>
                </a:lnTo>
                <a:lnTo>
                  <a:pt x="7" y="69"/>
                </a:lnTo>
                <a:lnTo>
                  <a:pt x="8" y="60"/>
                </a:lnTo>
                <a:lnTo>
                  <a:pt x="2" y="59"/>
                </a:lnTo>
                <a:lnTo>
                  <a:pt x="4" y="51"/>
                </a:lnTo>
                <a:lnTo>
                  <a:pt x="0" y="49"/>
                </a:lnTo>
                <a:lnTo>
                  <a:pt x="2" y="44"/>
                </a:lnTo>
                <a:lnTo>
                  <a:pt x="5" y="44"/>
                </a:lnTo>
                <a:lnTo>
                  <a:pt x="8" y="46"/>
                </a:lnTo>
                <a:lnTo>
                  <a:pt x="11" y="43"/>
                </a:lnTo>
                <a:lnTo>
                  <a:pt x="14" y="42"/>
                </a:lnTo>
                <a:lnTo>
                  <a:pt x="16" y="36"/>
                </a:lnTo>
                <a:lnTo>
                  <a:pt x="21" y="29"/>
                </a:lnTo>
                <a:lnTo>
                  <a:pt x="25" y="19"/>
                </a:lnTo>
                <a:lnTo>
                  <a:pt x="38" y="23"/>
                </a:lnTo>
                <a:lnTo>
                  <a:pt x="38" y="18"/>
                </a:lnTo>
                <a:lnTo>
                  <a:pt x="46" y="19"/>
                </a:lnTo>
                <a:lnTo>
                  <a:pt x="55" y="23"/>
                </a:lnTo>
                <a:lnTo>
                  <a:pt x="59" y="27"/>
                </a:lnTo>
                <a:lnTo>
                  <a:pt x="60" y="34"/>
                </a:lnTo>
                <a:lnTo>
                  <a:pt x="65" y="37"/>
                </a:lnTo>
                <a:lnTo>
                  <a:pt x="64" y="32"/>
                </a:lnTo>
                <a:lnTo>
                  <a:pt x="72" y="32"/>
                </a:lnTo>
                <a:lnTo>
                  <a:pt x="76" y="22"/>
                </a:lnTo>
                <a:lnTo>
                  <a:pt x="72" y="17"/>
                </a:lnTo>
                <a:lnTo>
                  <a:pt x="61" y="7"/>
                </a:lnTo>
                <a:lnTo>
                  <a:pt x="66" y="5"/>
                </a:lnTo>
                <a:lnTo>
                  <a:pt x="69" y="8"/>
                </a:lnTo>
                <a:lnTo>
                  <a:pt x="73" y="9"/>
                </a:lnTo>
                <a:lnTo>
                  <a:pt x="78" y="10"/>
                </a:lnTo>
                <a:lnTo>
                  <a:pt x="82" y="12"/>
                </a:lnTo>
                <a:lnTo>
                  <a:pt x="84" y="0"/>
                </a:lnTo>
                <a:lnTo>
                  <a:pt x="88" y="1"/>
                </a:lnTo>
                <a:lnTo>
                  <a:pt x="87" y="11"/>
                </a:lnTo>
                <a:lnTo>
                  <a:pt x="94" y="14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0" name="d14206"/>
          <xdr:cNvSpPr>
            <a:spLocks/>
          </xdr:cNvSpPr>
        </xdr:nvSpPr>
        <xdr:spPr bwMode="auto">
          <a:xfrm>
            <a:off x="2152650" y="6019800"/>
            <a:ext cx="2038350" cy="21050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0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0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0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2147483646 w 16384"/>
              <a:gd name="T117" fmla="*/ 2147483646 h 16384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w 16384"/>
              <a:gd name="T178" fmla="*/ 0 h 16384"/>
              <a:gd name="T179" fmla="*/ 16384 w 16384"/>
              <a:gd name="T180" fmla="*/ 16384 h 16384"/>
            </a:gdLst>
            <a:ahLst/>
            <a:cxnLst>
              <a:cxn ang="T118">
                <a:pos x="T0" y="T1"/>
              </a:cxn>
              <a:cxn ang="T119">
                <a:pos x="T2" y="T3"/>
              </a:cxn>
              <a:cxn ang="T120">
                <a:pos x="T4" y="T5"/>
              </a:cxn>
              <a:cxn ang="T121">
                <a:pos x="T6" y="T7"/>
              </a:cxn>
              <a:cxn ang="T122">
                <a:pos x="T8" y="T9"/>
              </a:cxn>
              <a:cxn ang="T123">
                <a:pos x="T10" y="T11"/>
              </a:cxn>
              <a:cxn ang="T124">
                <a:pos x="T12" y="T13"/>
              </a:cxn>
              <a:cxn ang="T125">
                <a:pos x="T14" y="T15"/>
              </a:cxn>
              <a:cxn ang="T126">
                <a:pos x="T16" y="T17"/>
              </a:cxn>
              <a:cxn ang="T127">
                <a:pos x="T18" y="T19"/>
              </a:cxn>
              <a:cxn ang="T128">
                <a:pos x="T20" y="T21"/>
              </a:cxn>
              <a:cxn ang="T129">
                <a:pos x="T22" y="T23"/>
              </a:cxn>
              <a:cxn ang="T130">
                <a:pos x="T24" y="T25"/>
              </a:cxn>
              <a:cxn ang="T131">
                <a:pos x="T26" y="T27"/>
              </a:cxn>
              <a:cxn ang="T132">
                <a:pos x="T28" y="T29"/>
              </a:cxn>
              <a:cxn ang="T133">
                <a:pos x="T30" y="T31"/>
              </a:cxn>
              <a:cxn ang="T134">
                <a:pos x="T32" y="T33"/>
              </a:cxn>
              <a:cxn ang="T135">
                <a:pos x="T34" y="T35"/>
              </a:cxn>
              <a:cxn ang="T136">
                <a:pos x="T36" y="T37"/>
              </a:cxn>
              <a:cxn ang="T137">
                <a:pos x="T38" y="T39"/>
              </a:cxn>
              <a:cxn ang="T138">
                <a:pos x="T40" y="T41"/>
              </a:cxn>
              <a:cxn ang="T139">
                <a:pos x="T42" y="T43"/>
              </a:cxn>
              <a:cxn ang="T140">
                <a:pos x="T44" y="T45"/>
              </a:cxn>
              <a:cxn ang="T141">
                <a:pos x="T46" y="T47"/>
              </a:cxn>
              <a:cxn ang="T142">
                <a:pos x="T48" y="T49"/>
              </a:cxn>
              <a:cxn ang="T143">
                <a:pos x="T50" y="T51"/>
              </a:cxn>
              <a:cxn ang="T144">
                <a:pos x="T52" y="T53"/>
              </a:cxn>
              <a:cxn ang="T145">
                <a:pos x="T54" y="T55"/>
              </a:cxn>
              <a:cxn ang="T146">
                <a:pos x="T56" y="T57"/>
              </a:cxn>
              <a:cxn ang="T147">
                <a:pos x="T58" y="T59"/>
              </a:cxn>
              <a:cxn ang="T148">
                <a:pos x="T60" y="T61"/>
              </a:cxn>
              <a:cxn ang="T149">
                <a:pos x="T62" y="T63"/>
              </a:cxn>
              <a:cxn ang="T150">
                <a:pos x="T64" y="T65"/>
              </a:cxn>
              <a:cxn ang="T151">
                <a:pos x="T66" y="T67"/>
              </a:cxn>
              <a:cxn ang="T152">
                <a:pos x="T68" y="T69"/>
              </a:cxn>
              <a:cxn ang="T153">
                <a:pos x="T70" y="T71"/>
              </a:cxn>
              <a:cxn ang="T154">
                <a:pos x="T72" y="T73"/>
              </a:cxn>
              <a:cxn ang="T155">
                <a:pos x="T74" y="T75"/>
              </a:cxn>
              <a:cxn ang="T156">
                <a:pos x="T76" y="T77"/>
              </a:cxn>
              <a:cxn ang="T157">
                <a:pos x="T78" y="T79"/>
              </a:cxn>
              <a:cxn ang="T158">
                <a:pos x="T80" y="T81"/>
              </a:cxn>
              <a:cxn ang="T159">
                <a:pos x="T82" y="T83"/>
              </a:cxn>
              <a:cxn ang="T160">
                <a:pos x="T84" y="T85"/>
              </a:cxn>
              <a:cxn ang="T161">
                <a:pos x="T86" y="T87"/>
              </a:cxn>
              <a:cxn ang="T162">
                <a:pos x="T88" y="T89"/>
              </a:cxn>
              <a:cxn ang="T163">
                <a:pos x="T90" y="T91"/>
              </a:cxn>
              <a:cxn ang="T164">
                <a:pos x="T92" y="T93"/>
              </a:cxn>
              <a:cxn ang="T165">
                <a:pos x="T94" y="T95"/>
              </a:cxn>
              <a:cxn ang="T166">
                <a:pos x="T96" y="T97"/>
              </a:cxn>
              <a:cxn ang="T167">
                <a:pos x="T98" y="T99"/>
              </a:cxn>
              <a:cxn ang="T168">
                <a:pos x="T100" y="T101"/>
              </a:cxn>
              <a:cxn ang="T169">
                <a:pos x="T102" y="T103"/>
              </a:cxn>
              <a:cxn ang="T170">
                <a:pos x="T104" y="T105"/>
              </a:cxn>
              <a:cxn ang="T171">
                <a:pos x="T106" y="T107"/>
              </a:cxn>
              <a:cxn ang="T172">
                <a:pos x="T108" y="T109"/>
              </a:cxn>
              <a:cxn ang="T173">
                <a:pos x="T110" y="T111"/>
              </a:cxn>
              <a:cxn ang="T174">
                <a:pos x="T112" y="T113"/>
              </a:cxn>
              <a:cxn ang="T175">
                <a:pos x="T114" y="T115"/>
              </a:cxn>
              <a:cxn ang="T176">
                <a:pos x="T116" y="T117"/>
              </a:cxn>
            </a:cxnLst>
            <a:rect l="T177" t="T178" r="T179" b="T180"/>
            <a:pathLst>
              <a:path w="16384" h="16384">
                <a:moveTo>
                  <a:pt x="6508" y="1483"/>
                </a:moveTo>
                <a:lnTo>
                  <a:pt x="6584" y="1260"/>
                </a:lnTo>
                <a:lnTo>
                  <a:pt x="6814" y="1112"/>
                </a:lnTo>
                <a:lnTo>
                  <a:pt x="7120" y="964"/>
                </a:lnTo>
                <a:lnTo>
                  <a:pt x="7273" y="593"/>
                </a:lnTo>
                <a:lnTo>
                  <a:pt x="7580" y="593"/>
                </a:lnTo>
                <a:lnTo>
                  <a:pt x="8269" y="1705"/>
                </a:lnTo>
                <a:lnTo>
                  <a:pt x="8804" y="1779"/>
                </a:lnTo>
                <a:lnTo>
                  <a:pt x="9187" y="1557"/>
                </a:lnTo>
                <a:lnTo>
                  <a:pt x="9570" y="1186"/>
                </a:lnTo>
                <a:lnTo>
                  <a:pt x="9647" y="1409"/>
                </a:lnTo>
                <a:lnTo>
                  <a:pt x="9800" y="1112"/>
                </a:lnTo>
                <a:lnTo>
                  <a:pt x="9953" y="890"/>
                </a:lnTo>
                <a:lnTo>
                  <a:pt x="10183" y="741"/>
                </a:lnTo>
                <a:lnTo>
                  <a:pt x="10259" y="371"/>
                </a:lnTo>
                <a:lnTo>
                  <a:pt x="10336" y="297"/>
                </a:lnTo>
                <a:lnTo>
                  <a:pt x="10948" y="148"/>
                </a:lnTo>
                <a:lnTo>
                  <a:pt x="11101" y="0"/>
                </a:lnTo>
                <a:lnTo>
                  <a:pt x="11254" y="74"/>
                </a:lnTo>
                <a:lnTo>
                  <a:pt x="11331" y="222"/>
                </a:lnTo>
                <a:lnTo>
                  <a:pt x="11714" y="741"/>
                </a:lnTo>
                <a:lnTo>
                  <a:pt x="11943" y="1038"/>
                </a:lnTo>
                <a:lnTo>
                  <a:pt x="12250" y="1260"/>
                </a:lnTo>
                <a:lnTo>
                  <a:pt x="12709" y="1557"/>
                </a:lnTo>
                <a:lnTo>
                  <a:pt x="12862" y="1557"/>
                </a:lnTo>
                <a:lnTo>
                  <a:pt x="13092" y="1853"/>
                </a:lnTo>
                <a:lnTo>
                  <a:pt x="13092" y="2150"/>
                </a:lnTo>
                <a:lnTo>
                  <a:pt x="13551" y="1928"/>
                </a:lnTo>
                <a:lnTo>
                  <a:pt x="13857" y="1705"/>
                </a:lnTo>
                <a:lnTo>
                  <a:pt x="14240" y="1260"/>
                </a:lnTo>
                <a:lnTo>
                  <a:pt x="14853" y="1483"/>
                </a:lnTo>
                <a:lnTo>
                  <a:pt x="15312" y="1483"/>
                </a:lnTo>
                <a:lnTo>
                  <a:pt x="15695" y="1186"/>
                </a:lnTo>
                <a:lnTo>
                  <a:pt x="15848" y="1038"/>
                </a:lnTo>
                <a:lnTo>
                  <a:pt x="15925" y="1334"/>
                </a:lnTo>
                <a:lnTo>
                  <a:pt x="16078" y="1483"/>
                </a:lnTo>
                <a:lnTo>
                  <a:pt x="16384" y="1631"/>
                </a:lnTo>
                <a:lnTo>
                  <a:pt x="16231" y="2150"/>
                </a:lnTo>
                <a:lnTo>
                  <a:pt x="16231" y="2446"/>
                </a:lnTo>
                <a:lnTo>
                  <a:pt x="16307" y="2669"/>
                </a:lnTo>
                <a:lnTo>
                  <a:pt x="16307" y="2891"/>
                </a:lnTo>
                <a:lnTo>
                  <a:pt x="16231" y="3262"/>
                </a:lnTo>
                <a:lnTo>
                  <a:pt x="16078" y="3484"/>
                </a:lnTo>
                <a:lnTo>
                  <a:pt x="16231" y="3559"/>
                </a:lnTo>
                <a:lnTo>
                  <a:pt x="16231" y="3707"/>
                </a:lnTo>
                <a:lnTo>
                  <a:pt x="16078" y="3855"/>
                </a:lnTo>
                <a:lnTo>
                  <a:pt x="16001" y="4226"/>
                </a:lnTo>
                <a:lnTo>
                  <a:pt x="16154" y="4596"/>
                </a:lnTo>
                <a:lnTo>
                  <a:pt x="15772" y="4745"/>
                </a:lnTo>
                <a:lnTo>
                  <a:pt x="15465" y="4893"/>
                </a:lnTo>
                <a:lnTo>
                  <a:pt x="15082" y="5041"/>
                </a:lnTo>
                <a:lnTo>
                  <a:pt x="14700" y="5190"/>
                </a:lnTo>
                <a:lnTo>
                  <a:pt x="14164" y="5486"/>
                </a:lnTo>
                <a:lnTo>
                  <a:pt x="13704" y="5708"/>
                </a:lnTo>
                <a:lnTo>
                  <a:pt x="13092" y="6153"/>
                </a:lnTo>
                <a:lnTo>
                  <a:pt x="12709" y="6524"/>
                </a:lnTo>
                <a:lnTo>
                  <a:pt x="12403" y="6746"/>
                </a:lnTo>
                <a:lnTo>
                  <a:pt x="11943" y="7117"/>
                </a:lnTo>
                <a:lnTo>
                  <a:pt x="11561" y="7414"/>
                </a:lnTo>
                <a:lnTo>
                  <a:pt x="11101" y="7710"/>
                </a:lnTo>
                <a:lnTo>
                  <a:pt x="10719" y="7858"/>
                </a:lnTo>
                <a:lnTo>
                  <a:pt x="10336" y="8081"/>
                </a:lnTo>
                <a:lnTo>
                  <a:pt x="9953" y="8377"/>
                </a:lnTo>
                <a:lnTo>
                  <a:pt x="9417" y="8822"/>
                </a:lnTo>
                <a:lnTo>
                  <a:pt x="8958" y="9193"/>
                </a:lnTo>
                <a:lnTo>
                  <a:pt x="8422" y="9564"/>
                </a:lnTo>
                <a:lnTo>
                  <a:pt x="8192" y="9564"/>
                </a:lnTo>
                <a:lnTo>
                  <a:pt x="8039" y="9712"/>
                </a:lnTo>
                <a:lnTo>
                  <a:pt x="7733" y="10157"/>
                </a:lnTo>
                <a:lnTo>
                  <a:pt x="7426" y="10305"/>
                </a:lnTo>
                <a:lnTo>
                  <a:pt x="7350" y="10750"/>
                </a:lnTo>
                <a:lnTo>
                  <a:pt x="7273" y="11343"/>
                </a:lnTo>
                <a:lnTo>
                  <a:pt x="7350" y="12158"/>
                </a:lnTo>
                <a:lnTo>
                  <a:pt x="7503" y="12751"/>
                </a:lnTo>
                <a:lnTo>
                  <a:pt x="7350" y="13344"/>
                </a:lnTo>
                <a:lnTo>
                  <a:pt x="7273" y="13641"/>
                </a:lnTo>
                <a:lnTo>
                  <a:pt x="7197" y="13938"/>
                </a:lnTo>
                <a:lnTo>
                  <a:pt x="7044" y="14456"/>
                </a:lnTo>
                <a:lnTo>
                  <a:pt x="7120" y="14827"/>
                </a:lnTo>
                <a:lnTo>
                  <a:pt x="7197" y="15124"/>
                </a:lnTo>
                <a:lnTo>
                  <a:pt x="7044" y="15569"/>
                </a:lnTo>
                <a:lnTo>
                  <a:pt x="6967" y="15865"/>
                </a:lnTo>
                <a:lnTo>
                  <a:pt x="6967" y="16013"/>
                </a:lnTo>
                <a:lnTo>
                  <a:pt x="7044" y="16236"/>
                </a:lnTo>
                <a:lnTo>
                  <a:pt x="6814" y="16384"/>
                </a:lnTo>
                <a:lnTo>
                  <a:pt x="5589" y="15717"/>
                </a:lnTo>
                <a:lnTo>
                  <a:pt x="4747" y="15346"/>
                </a:lnTo>
                <a:lnTo>
                  <a:pt x="4364" y="15272"/>
                </a:lnTo>
                <a:lnTo>
                  <a:pt x="3981" y="15198"/>
                </a:lnTo>
                <a:lnTo>
                  <a:pt x="3522" y="15050"/>
                </a:lnTo>
                <a:lnTo>
                  <a:pt x="3062" y="14975"/>
                </a:lnTo>
                <a:lnTo>
                  <a:pt x="2756" y="14531"/>
                </a:lnTo>
                <a:lnTo>
                  <a:pt x="2450" y="14382"/>
                </a:lnTo>
                <a:lnTo>
                  <a:pt x="2220" y="14456"/>
                </a:lnTo>
                <a:lnTo>
                  <a:pt x="1761" y="14234"/>
                </a:lnTo>
                <a:lnTo>
                  <a:pt x="1531" y="14160"/>
                </a:lnTo>
                <a:lnTo>
                  <a:pt x="1531" y="13789"/>
                </a:lnTo>
                <a:lnTo>
                  <a:pt x="1837" y="13641"/>
                </a:lnTo>
                <a:lnTo>
                  <a:pt x="1914" y="13196"/>
                </a:lnTo>
                <a:lnTo>
                  <a:pt x="2144" y="12900"/>
                </a:lnTo>
                <a:lnTo>
                  <a:pt x="2220" y="12529"/>
                </a:lnTo>
                <a:lnTo>
                  <a:pt x="2144" y="12307"/>
                </a:lnTo>
                <a:lnTo>
                  <a:pt x="2373" y="12084"/>
                </a:lnTo>
                <a:lnTo>
                  <a:pt x="2603" y="11936"/>
                </a:lnTo>
                <a:lnTo>
                  <a:pt x="2833" y="11639"/>
                </a:lnTo>
                <a:lnTo>
                  <a:pt x="3139" y="11491"/>
                </a:lnTo>
                <a:lnTo>
                  <a:pt x="3522" y="11194"/>
                </a:lnTo>
                <a:lnTo>
                  <a:pt x="3828" y="11194"/>
                </a:lnTo>
                <a:lnTo>
                  <a:pt x="3981" y="11046"/>
                </a:lnTo>
                <a:lnTo>
                  <a:pt x="4364" y="10972"/>
                </a:lnTo>
                <a:lnTo>
                  <a:pt x="4747" y="11046"/>
                </a:lnTo>
                <a:lnTo>
                  <a:pt x="5053" y="10824"/>
                </a:lnTo>
                <a:lnTo>
                  <a:pt x="5053" y="10601"/>
                </a:lnTo>
                <a:lnTo>
                  <a:pt x="5053" y="10379"/>
                </a:lnTo>
                <a:lnTo>
                  <a:pt x="5130" y="10157"/>
                </a:lnTo>
                <a:lnTo>
                  <a:pt x="5436" y="10008"/>
                </a:lnTo>
                <a:lnTo>
                  <a:pt x="5512" y="9638"/>
                </a:lnTo>
                <a:lnTo>
                  <a:pt x="5436" y="9489"/>
                </a:lnTo>
                <a:lnTo>
                  <a:pt x="4747" y="9712"/>
                </a:lnTo>
                <a:lnTo>
                  <a:pt x="4441" y="9638"/>
                </a:lnTo>
                <a:lnTo>
                  <a:pt x="4134" y="9564"/>
                </a:lnTo>
                <a:lnTo>
                  <a:pt x="3828" y="9564"/>
                </a:lnTo>
                <a:lnTo>
                  <a:pt x="3675" y="9564"/>
                </a:lnTo>
                <a:lnTo>
                  <a:pt x="3445" y="9341"/>
                </a:lnTo>
                <a:lnTo>
                  <a:pt x="3292" y="9193"/>
                </a:lnTo>
                <a:lnTo>
                  <a:pt x="3062" y="9119"/>
                </a:lnTo>
                <a:lnTo>
                  <a:pt x="2833" y="9267"/>
                </a:lnTo>
                <a:lnTo>
                  <a:pt x="2756" y="9564"/>
                </a:lnTo>
                <a:lnTo>
                  <a:pt x="2756" y="9712"/>
                </a:lnTo>
                <a:lnTo>
                  <a:pt x="2220" y="9934"/>
                </a:lnTo>
                <a:lnTo>
                  <a:pt x="1991" y="10008"/>
                </a:lnTo>
                <a:lnTo>
                  <a:pt x="1608" y="9786"/>
                </a:lnTo>
                <a:lnTo>
                  <a:pt x="1378" y="9489"/>
                </a:lnTo>
                <a:lnTo>
                  <a:pt x="1148" y="9267"/>
                </a:lnTo>
                <a:lnTo>
                  <a:pt x="995" y="9193"/>
                </a:lnTo>
                <a:lnTo>
                  <a:pt x="766" y="9415"/>
                </a:lnTo>
                <a:lnTo>
                  <a:pt x="612" y="9415"/>
                </a:lnTo>
                <a:lnTo>
                  <a:pt x="306" y="8896"/>
                </a:lnTo>
                <a:lnTo>
                  <a:pt x="77" y="8896"/>
                </a:lnTo>
                <a:lnTo>
                  <a:pt x="0" y="8748"/>
                </a:lnTo>
                <a:lnTo>
                  <a:pt x="0" y="8526"/>
                </a:lnTo>
                <a:lnTo>
                  <a:pt x="306" y="8229"/>
                </a:lnTo>
                <a:lnTo>
                  <a:pt x="612" y="8155"/>
                </a:lnTo>
                <a:lnTo>
                  <a:pt x="689" y="7858"/>
                </a:lnTo>
                <a:lnTo>
                  <a:pt x="459" y="7784"/>
                </a:lnTo>
                <a:lnTo>
                  <a:pt x="383" y="7636"/>
                </a:lnTo>
                <a:lnTo>
                  <a:pt x="383" y="7265"/>
                </a:lnTo>
                <a:lnTo>
                  <a:pt x="306" y="6895"/>
                </a:lnTo>
                <a:lnTo>
                  <a:pt x="77" y="6598"/>
                </a:lnTo>
                <a:lnTo>
                  <a:pt x="0" y="6376"/>
                </a:lnTo>
                <a:lnTo>
                  <a:pt x="0" y="6153"/>
                </a:lnTo>
                <a:lnTo>
                  <a:pt x="536" y="6005"/>
                </a:lnTo>
                <a:lnTo>
                  <a:pt x="1148" y="6079"/>
                </a:lnTo>
                <a:lnTo>
                  <a:pt x="1455" y="6005"/>
                </a:lnTo>
                <a:lnTo>
                  <a:pt x="1991" y="5783"/>
                </a:lnTo>
                <a:lnTo>
                  <a:pt x="2603" y="5708"/>
                </a:lnTo>
                <a:lnTo>
                  <a:pt x="2756" y="5486"/>
                </a:lnTo>
                <a:lnTo>
                  <a:pt x="4287" y="5412"/>
                </a:lnTo>
                <a:lnTo>
                  <a:pt x="4823" y="5338"/>
                </a:lnTo>
                <a:lnTo>
                  <a:pt x="5053" y="5338"/>
                </a:lnTo>
                <a:lnTo>
                  <a:pt x="5512" y="5190"/>
                </a:lnTo>
                <a:lnTo>
                  <a:pt x="5436" y="4819"/>
                </a:lnTo>
                <a:lnTo>
                  <a:pt x="5436" y="4596"/>
                </a:lnTo>
                <a:lnTo>
                  <a:pt x="5665" y="4522"/>
                </a:lnTo>
                <a:lnTo>
                  <a:pt x="6048" y="4596"/>
                </a:lnTo>
                <a:lnTo>
                  <a:pt x="6355" y="4522"/>
                </a:lnTo>
                <a:lnTo>
                  <a:pt x="6508" y="4226"/>
                </a:lnTo>
                <a:lnTo>
                  <a:pt x="6584" y="4003"/>
                </a:lnTo>
                <a:lnTo>
                  <a:pt x="6508" y="3781"/>
                </a:lnTo>
                <a:lnTo>
                  <a:pt x="6737" y="3707"/>
                </a:lnTo>
                <a:lnTo>
                  <a:pt x="6584" y="3040"/>
                </a:lnTo>
                <a:lnTo>
                  <a:pt x="6584" y="2965"/>
                </a:lnTo>
                <a:lnTo>
                  <a:pt x="6508" y="2595"/>
                </a:lnTo>
                <a:lnTo>
                  <a:pt x="6431" y="2372"/>
                </a:lnTo>
                <a:lnTo>
                  <a:pt x="6508" y="2150"/>
                </a:lnTo>
                <a:lnTo>
                  <a:pt x="6737" y="1928"/>
                </a:lnTo>
                <a:lnTo>
                  <a:pt x="6661" y="1779"/>
                </a:lnTo>
                <a:lnTo>
                  <a:pt x="6508" y="148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1" name="d14207"/>
          <xdr:cNvSpPr>
            <a:spLocks/>
          </xdr:cNvSpPr>
        </xdr:nvSpPr>
        <xdr:spPr bwMode="auto">
          <a:xfrm>
            <a:off x="5686425" y="5276850"/>
            <a:ext cx="866775" cy="9620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0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0 w 16384"/>
              <a:gd name="T101" fmla="*/ 2147483646 h 16384"/>
              <a:gd name="T102" fmla="*/ 0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2147483646 w 16384"/>
              <a:gd name="T117" fmla="*/ 2147483646 h 16384"/>
              <a:gd name="T118" fmla="*/ 0 w 16384"/>
              <a:gd name="T119" fmla="*/ 2147483646 h 16384"/>
              <a:gd name="T120" fmla="*/ 2147483646 w 16384"/>
              <a:gd name="T121" fmla="*/ 2147483646 h 16384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w 16384"/>
              <a:gd name="T184" fmla="*/ 0 h 16384"/>
              <a:gd name="T185" fmla="*/ 16384 w 16384"/>
              <a:gd name="T186" fmla="*/ 16384 h 16384"/>
            </a:gdLst>
            <a:ahLst/>
            <a:cxnLst>
              <a:cxn ang="T122">
                <a:pos x="T0" y="T1"/>
              </a:cxn>
              <a:cxn ang="T123">
                <a:pos x="T2" y="T3"/>
              </a:cxn>
              <a:cxn ang="T124">
                <a:pos x="T4" y="T5"/>
              </a:cxn>
              <a:cxn ang="T125">
                <a:pos x="T6" y="T7"/>
              </a:cxn>
              <a:cxn ang="T126">
                <a:pos x="T8" y="T9"/>
              </a:cxn>
              <a:cxn ang="T127">
                <a:pos x="T10" y="T11"/>
              </a:cxn>
              <a:cxn ang="T128">
                <a:pos x="T12" y="T13"/>
              </a:cxn>
              <a:cxn ang="T129">
                <a:pos x="T14" y="T15"/>
              </a:cxn>
              <a:cxn ang="T130">
                <a:pos x="T16" y="T17"/>
              </a:cxn>
              <a:cxn ang="T131">
                <a:pos x="T18" y="T19"/>
              </a:cxn>
              <a:cxn ang="T132">
                <a:pos x="T20" y="T21"/>
              </a:cxn>
              <a:cxn ang="T133">
                <a:pos x="T22" y="T23"/>
              </a:cxn>
              <a:cxn ang="T134">
                <a:pos x="T24" y="T25"/>
              </a:cxn>
              <a:cxn ang="T135">
                <a:pos x="T26" y="T27"/>
              </a:cxn>
              <a:cxn ang="T136">
                <a:pos x="T28" y="T29"/>
              </a:cxn>
              <a:cxn ang="T137">
                <a:pos x="T30" y="T31"/>
              </a:cxn>
              <a:cxn ang="T138">
                <a:pos x="T32" y="T33"/>
              </a:cxn>
              <a:cxn ang="T139">
                <a:pos x="T34" y="T35"/>
              </a:cxn>
              <a:cxn ang="T140">
                <a:pos x="T36" y="T37"/>
              </a:cxn>
              <a:cxn ang="T141">
                <a:pos x="T38" y="T39"/>
              </a:cxn>
              <a:cxn ang="T142">
                <a:pos x="T40" y="T41"/>
              </a:cxn>
              <a:cxn ang="T143">
                <a:pos x="T42" y="T43"/>
              </a:cxn>
              <a:cxn ang="T144">
                <a:pos x="T44" y="T45"/>
              </a:cxn>
              <a:cxn ang="T145">
                <a:pos x="T46" y="T47"/>
              </a:cxn>
              <a:cxn ang="T146">
                <a:pos x="T48" y="T49"/>
              </a:cxn>
              <a:cxn ang="T147">
                <a:pos x="T50" y="T51"/>
              </a:cxn>
              <a:cxn ang="T148">
                <a:pos x="T52" y="T53"/>
              </a:cxn>
              <a:cxn ang="T149">
                <a:pos x="T54" y="T55"/>
              </a:cxn>
              <a:cxn ang="T150">
                <a:pos x="T56" y="T57"/>
              </a:cxn>
              <a:cxn ang="T151">
                <a:pos x="T58" y="T59"/>
              </a:cxn>
              <a:cxn ang="T152">
                <a:pos x="T60" y="T61"/>
              </a:cxn>
              <a:cxn ang="T153">
                <a:pos x="T62" y="T63"/>
              </a:cxn>
              <a:cxn ang="T154">
                <a:pos x="T64" y="T65"/>
              </a:cxn>
              <a:cxn ang="T155">
                <a:pos x="T66" y="T67"/>
              </a:cxn>
              <a:cxn ang="T156">
                <a:pos x="T68" y="T69"/>
              </a:cxn>
              <a:cxn ang="T157">
                <a:pos x="T70" y="T71"/>
              </a:cxn>
              <a:cxn ang="T158">
                <a:pos x="T72" y="T73"/>
              </a:cxn>
              <a:cxn ang="T159">
                <a:pos x="T74" y="T75"/>
              </a:cxn>
              <a:cxn ang="T160">
                <a:pos x="T76" y="T77"/>
              </a:cxn>
              <a:cxn ang="T161">
                <a:pos x="T78" y="T79"/>
              </a:cxn>
              <a:cxn ang="T162">
                <a:pos x="T80" y="T81"/>
              </a:cxn>
              <a:cxn ang="T163">
                <a:pos x="T82" y="T83"/>
              </a:cxn>
              <a:cxn ang="T164">
                <a:pos x="T84" y="T85"/>
              </a:cxn>
              <a:cxn ang="T165">
                <a:pos x="T86" y="T87"/>
              </a:cxn>
              <a:cxn ang="T166">
                <a:pos x="T88" y="T89"/>
              </a:cxn>
              <a:cxn ang="T167">
                <a:pos x="T90" y="T91"/>
              </a:cxn>
              <a:cxn ang="T168">
                <a:pos x="T92" y="T93"/>
              </a:cxn>
              <a:cxn ang="T169">
                <a:pos x="T94" y="T95"/>
              </a:cxn>
              <a:cxn ang="T170">
                <a:pos x="T96" y="T97"/>
              </a:cxn>
              <a:cxn ang="T171">
                <a:pos x="T98" y="T99"/>
              </a:cxn>
              <a:cxn ang="T172">
                <a:pos x="T100" y="T101"/>
              </a:cxn>
              <a:cxn ang="T173">
                <a:pos x="T102" y="T103"/>
              </a:cxn>
              <a:cxn ang="T174">
                <a:pos x="T104" y="T105"/>
              </a:cxn>
              <a:cxn ang="T175">
                <a:pos x="T106" y="T107"/>
              </a:cxn>
              <a:cxn ang="T176">
                <a:pos x="T108" y="T109"/>
              </a:cxn>
              <a:cxn ang="T177">
                <a:pos x="T110" y="T111"/>
              </a:cxn>
              <a:cxn ang="T178">
                <a:pos x="T112" y="T113"/>
              </a:cxn>
              <a:cxn ang="T179">
                <a:pos x="T114" y="T115"/>
              </a:cxn>
              <a:cxn ang="T180">
                <a:pos x="T116" y="T117"/>
              </a:cxn>
              <a:cxn ang="T181">
                <a:pos x="T118" y="T119"/>
              </a:cxn>
              <a:cxn ang="T182">
                <a:pos x="T120" y="T121"/>
              </a:cxn>
            </a:cxnLst>
            <a:rect l="T183" t="T184" r="T185" b="T186"/>
            <a:pathLst>
              <a:path w="16384" h="16384">
                <a:moveTo>
                  <a:pt x="180" y="8273"/>
                </a:moveTo>
                <a:lnTo>
                  <a:pt x="1260" y="8111"/>
                </a:lnTo>
                <a:lnTo>
                  <a:pt x="3061" y="7949"/>
                </a:lnTo>
                <a:lnTo>
                  <a:pt x="5401" y="7786"/>
                </a:lnTo>
                <a:lnTo>
                  <a:pt x="5941" y="6813"/>
                </a:lnTo>
                <a:lnTo>
                  <a:pt x="5941" y="6164"/>
                </a:lnTo>
                <a:lnTo>
                  <a:pt x="5401" y="5515"/>
                </a:lnTo>
                <a:lnTo>
                  <a:pt x="5401" y="4867"/>
                </a:lnTo>
                <a:lnTo>
                  <a:pt x="6482" y="4218"/>
                </a:lnTo>
                <a:lnTo>
                  <a:pt x="7022" y="3569"/>
                </a:lnTo>
                <a:lnTo>
                  <a:pt x="7562" y="2595"/>
                </a:lnTo>
                <a:lnTo>
                  <a:pt x="7742" y="1622"/>
                </a:lnTo>
                <a:lnTo>
                  <a:pt x="10443" y="0"/>
                </a:lnTo>
                <a:lnTo>
                  <a:pt x="11703" y="487"/>
                </a:lnTo>
                <a:lnTo>
                  <a:pt x="13323" y="162"/>
                </a:lnTo>
                <a:lnTo>
                  <a:pt x="13863" y="1298"/>
                </a:lnTo>
                <a:lnTo>
                  <a:pt x="13323" y="2109"/>
                </a:lnTo>
                <a:lnTo>
                  <a:pt x="13323" y="2758"/>
                </a:lnTo>
                <a:lnTo>
                  <a:pt x="12603" y="3082"/>
                </a:lnTo>
                <a:lnTo>
                  <a:pt x="13323" y="3407"/>
                </a:lnTo>
                <a:lnTo>
                  <a:pt x="13863" y="2758"/>
                </a:lnTo>
                <a:lnTo>
                  <a:pt x="14223" y="2920"/>
                </a:lnTo>
                <a:lnTo>
                  <a:pt x="14043" y="3893"/>
                </a:lnTo>
                <a:lnTo>
                  <a:pt x="15484" y="3893"/>
                </a:lnTo>
                <a:lnTo>
                  <a:pt x="15304" y="4867"/>
                </a:lnTo>
                <a:lnTo>
                  <a:pt x="14764" y="5029"/>
                </a:lnTo>
                <a:lnTo>
                  <a:pt x="14584" y="5840"/>
                </a:lnTo>
                <a:lnTo>
                  <a:pt x="14764" y="7138"/>
                </a:lnTo>
                <a:lnTo>
                  <a:pt x="15484" y="7786"/>
                </a:lnTo>
                <a:lnTo>
                  <a:pt x="15844" y="8760"/>
                </a:lnTo>
                <a:lnTo>
                  <a:pt x="15844" y="9409"/>
                </a:lnTo>
                <a:lnTo>
                  <a:pt x="16384" y="10058"/>
                </a:lnTo>
                <a:lnTo>
                  <a:pt x="16204" y="11193"/>
                </a:lnTo>
                <a:lnTo>
                  <a:pt x="15844" y="12329"/>
                </a:lnTo>
                <a:lnTo>
                  <a:pt x="15484" y="13302"/>
                </a:lnTo>
                <a:lnTo>
                  <a:pt x="15124" y="14437"/>
                </a:lnTo>
                <a:lnTo>
                  <a:pt x="14944" y="15411"/>
                </a:lnTo>
                <a:lnTo>
                  <a:pt x="14043" y="15411"/>
                </a:lnTo>
                <a:lnTo>
                  <a:pt x="12603" y="15248"/>
                </a:lnTo>
                <a:lnTo>
                  <a:pt x="11523" y="15735"/>
                </a:lnTo>
                <a:lnTo>
                  <a:pt x="10263" y="15897"/>
                </a:lnTo>
                <a:lnTo>
                  <a:pt x="8822" y="15735"/>
                </a:lnTo>
                <a:lnTo>
                  <a:pt x="7382" y="15573"/>
                </a:lnTo>
                <a:lnTo>
                  <a:pt x="6121" y="16060"/>
                </a:lnTo>
                <a:lnTo>
                  <a:pt x="5221" y="16060"/>
                </a:lnTo>
                <a:lnTo>
                  <a:pt x="3781" y="16060"/>
                </a:lnTo>
                <a:lnTo>
                  <a:pt x="2341" y="16222"/>
                </a:lnTo>
                <a:lnTo>
                  <a:pt x="1260" y="16384"/>
                </a:lnTo>
                <a:lnTo>
                  <a:pt x="1260" y="15411"/>
                </a:lnTo>
                <a:lnTo>
                  <a:pt x="720" y="14762"/>
                </a:lnTo>
                <a:lnTo>
                  <a:pt x="0" y="14275"/>
                </a:lnTo>
                <a:lnTo>
                  <a:pt x="0" y="13302"/>
                </a:lnTo>
                <a:lnTo>
                  <a:pt x="360" y="12491"/>
                </a:lnTo>
                <a:lnTo>
                  <a:pt x="540" y="11680"/>
                </a:lnTo>
                <a:lnTo>
                  <a:pt x="1260" y="11193"/>
                </a:lnTo>
                <a:lnTo>
                  <a:pt x="1260" y="10544"/>
                </a:lnTo>
                <a:lnTo>
                  <a:pt x="720" y="10220"/>
                </a:lnTo>
                <a:lnTo>
                  <a:pt x="540" y="10382"/>
                </a:lnTo>
                <a:lnTo>
                  <a:pt x="180" y="10220"/>
                </a:lnTo>
                <a:lnTo>
                  <a:pt x="0" y="9571"/>
                </a:lnTo>
                <a:lnTo>
                  <a:pt x="180" y="82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2" name="d14208"/>
          <xdr:cNvSpPr>
            <a:spLocks/>
          </xdr:cNvSpPr>
        </xdr:nvSpPr>
        <xdr:spPr bwMode="auto">
          <a:xfrm>
            <a:off x="7762875" y="6162675"/>
            <a:ext cx="847725" cy="6191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0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0 h 16384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w 16384"/>
              <a:gd name="T100" fmla="*/ 0 h 16384"/>
              <a:gd name="T101" fmla="*/ 16384 w 16384"/>
              <a:gd name="T102" fmla="*/ 16384 h 16384"/>
            </a:gdLst>
            <a:ahLst/>
            <a:cxnLst>
              <a:cxn ang="T66">
                <a:pos x="T0" y="T1"/>
              </a:cxn>
              <a:cxn ang="T67">
                <a:pos x="T2" y="T3"/>
              </a:cxn>
              <a:cxn ang="T68">
                <a:pos x="T4" y="T5"/>
              </a:cxn>
              <a:cxn ang="T69">
                <a:pos x="T6" y="T7"/>
              </a:cxn>
              <a:cxn ang="T70">
                <a:pos x="T8" y="T9"/>
              </a:cxn>
              <a:cxn ang="T71">
                <a:pos x="T10" y="T11"/>
              </a:cxn>
              <a:cxn ang="T72">
                <a:pos x="T12" y="T13"/>
              </a:cxn>
              <a:cxn ang="T73">
                <a:pos x="T14" y="T15"/>
              </a:cxn>
              <a:cxn ang="T74">
                <a:pos x="T16" y="T17"/>
              </a:cxn>
              <a:cxn ang="T75">
                <a:pos x="T18" y="T19"/>
              </a:cxn>
              <a:cxn ang="T76">
                <a:pos x="T20" y="T21"/>
              </a:cxn>
              <a:cxn ang="T77">
                <a:pos x="T22" y="T23"/>
              </a:cxn>
              <a:cxn ang="T78">
                <a:pos x="T24" y="T25"/>
              </a:cxn>
              <a:cxn ang="T79">
                <a:pos x="T26" y="T27"/>
              </a:cxn>
              <a:cxn ang="T80">
                <a:pos x="T28" y="T29"/>
              </a:cxn>
              <a:cxn ang="T81">
                <a:pos x="T30" y="T31"/>
              </a:cxn>
              <a:cxn ang="T82">
                <a:pos x="T32" y="T33"/>
              </a:cxn>
              <a:cxn ang="T83">
                <a:pos x="T34" y="T35"/>
              </a:cxn>
              <a:cxn ang="T84">
                <a:pos x="T36" y="T37"/>
              </a:cxn>
              <a:cxn ang="T85">
                <a:pos x="T38" y="T39"/>
              </a:cxn>
              <a:cxn ang="T86">
                <a:pos x="T40" y="T41"/>
              </a:cxn>
              <a:cxn ang="T87">
                <a:pos x="T42" y="T43"/>
              </a:cxn>
              <a:cxn ang="T88">
                <a:pos x="T44" y="T45"/>
              </a:cxn>
              <a:cxn ang="T89">
                <a:pos x="T46" y="T47"/>
              </a:cxn>
              <a:cxn ang="T90">
                <a:pos x="T48" y="T49"/>
              </a:cxn>
              <a:cxn ang="T91">
                <a:pos x="T50" y="T51"/>
              </a:cxn>
              <a:cxn ang="T92">
                <a:pos x="T52" y="T53"/>
              </a:cxn>
              <a:cxn ang="T93">
                <a:pos x="T54" y="T55"/>
              </a:cxn>
              <a:cxn ang="T94">
                <a:pos x="T56" y="T57"/>
              </a:cxn>
              <a:cxn ang="T95">
                <a:pos x="T58" y="T59"/>
              </a:cxn>
              <a:cxn ang="T96">
                <a:pos x="T60" y="T61"/>
              </a:cxn>
              <a:cxn ang="T97">
                <a:pos x="T62" y="T63"/>
              </a:cxn>
              <a:cxn ang="T98">
                <a:pos x="T64" y="T65"/>
              </a:cxn>
            </a:cxnLst>
            <a:rect l="T99" t="T100" r="T101" b="T102"/>
            <a:pathLst>
              <a:path w="16384" h="16384">
                <a:moveTo>
                  <a:pt x="9389" y="252"/>
                </a:moveTo>
                <a:lnTo>
                  <a:pt x="9757" y="1008"/>
                </a:lnTo>
                <a:lnTo>
                  <a:pt x="10861" y="2016"/>
                </a:lnTo>
                <a:lnTo>
                  <a:pt x="11782" y="2016"/>
                </a:lnTo>
                <a:lnTo>
                  <a:pt x="12150" y="2521"/>
                </a:lnTo>
                <a:lnTo>
                  <a:pt x="12886" y="3025"/>
                </a:lnTo>
                <a:lnTo>
                  <a:pt x="13439" y="3781"/>
                </a:lnTo>
                <a:lnTo>
                  <a:pt x="13807" y="4537"/>
                </a:lnTo>
                <a:lnTo>
                  <a:pt x="13807" y="6049"/>
                </a:lnTo>
                <a:lnTo>
                  <a:pt x="14911" y="6806"/>
                </a:lnTo>
                <a:lnTo>
                  <a:pt x="14911" y="8318"/>
                </a:lnTo>
                <a:lnTo>
                  <a:pt x="15648" y="9578"/>
                </a:lnTo>
                <a:lnTo>
                  <a:pt x="16016" y="11343"/>
                </a:lnTo>
                <a:lnTo>
                  <a:pt x="16200" y="12351"/>
                </a:lnTo>
                <a:lnTo>
                  <a:pt x="15464" y="13611"/>
                </a:lnTo>
                <a:lnTo>
                  <a:pt x="15648" y="14368"/>
                </a:lnTo>
                <a:lnTo>
                  <a:pt x="16200" y="15376"/>
                </a:lnTo>
                <a:lnTo>
                  <a:pt x="16384" y="15628"/>
                </a:lnTo>
                <a:lnTo>
                  <a:pt x="15832" y="16384"/>
                </a:lnTo>
                <a:lnTo>
                  <a:pt x="14911" y="16384"/>
                </a:lnTo>
                <a:lnTo>
                  <a:pt x="14175" y="15880"/>
                </a:lnTo>
                <a:lnTo>
                  <a:pt x="13623" y="15628"/>
                </a:lnTo>
                <a:lnTo>
                  <a:pt x="12702" y="15880"/>
                </a:lnTo>
                <a:lnTo>
                  <a:pt x="11782" y="16132"/>
                </a:lnTo>
                <a:lnTo>
                  <a:pt x="11229" y="15880"/>
                </a:lnTo>
                <a:lnTo>
                  <a:pt x="10493" y="15880"/>
                </a:lnTo>
                <a:lnTo>
                  <a:pt x="9941" y="14872"/>
                </a:lnTo>
                <a:lnTo>
                  <a:pt x="10125" y="14368"/>
                </a:lnTo>
                <a:lnTo>
                  <a:pt x="10677" y="14368"/>
                </a:lnTo>
                <a:lnTo>
                  <a:pt x="11598" y="13863"/>
                </a:lnTo>
                <a:lnTo>
                  <a:pt x="12150" y="13863"/>
                </a:lnTo>
                <a:lnTo>
                  <a:pt x="13070" y="12855"/>
                </a:lnTo>
                <a:lnTo>
                  <a:pt x="13439" y="11847"/>
                </a:lnTo>
                <a:lnTo>
                  <a:pt x="12886" y="11091"/>
                </a:lnTo>
                <a:lnTo>
                  <a:pt x="11966" y="11343"/>
                </a:lnTo>
                <a:lnTo>
                  <a:pt x="11782" y="10839"/>
                </a:lnTo>
                <a:lnTo>
                  <a:pt x="10309" y="10839"/>
                </a:lnTo>
                <a:lnTo>
                  <a:pt x="9941" y="10587"/>
                </a:lnTo>
                <a:lnTo>
                  <a:pt x="9020" y="10839"/>
                </a:lnTo>
                <a:lnTo>
                  <a:pt x="8468" y="10587"/>
                </a:lnTo>
                <a:lnTo>
                  <a:pt x="7916" y="11847"/>
                </a:lnTo>
                <a:lnTo>
                  <a:pt x="7180" y="12351"/>
                </a:lnTo>
                <a:lnTo>
                  <a:pt x="6443" y="12351"/>
                </a:lnTo>
                <a:lnTo>
                  <a:pt x="5891" y="13359"/>
                </a:lnTo>
                <a:lnTo>
                  <a:pt x="5155" y="13863"/>
                </a:lnTo>
                <a:lnTo>
                  <a:pt x="4418" y="12603"/>
                </a:lnTo>
                <a:lnTo>
                  <a:pt x="4786" y="12099"/>
                </a:lnTo>
                <a:lnTo>
                  <a:pt x="4418" y="10839"/>
                </a:lnTo>
                <a:lnTo>
                  <a:pt x="3682" y="9830"/>
                </a:lnTo>
                <a:lnTo>
                  <a:pt x="2761" y="10335"/>
                </a:lnTo>
                <a:lnTo>
                  <a:pt x="1841" y="10082"/>
                </a:lnTo>
                <a:lnTo>
                  <a:pt x="1289" y="10335"/>
                </a:lnTo>
                <a:lnTo>
                  <a:pt x="1105" y="8822"/>
                </a:lnTo>
                <a:lnTo>
                  <a:pt x="368" y="9074"/>
                </a:lnTo>
                <a:lnTo>
                  <a:pt x="0" y="8570"/>
                </a:lnTo>
                <a:lnTo>
                  <a:pt x="184" y="7814"/>
                </a:lnTo>
                <a:lnTo>
                  <a:pt x="368" y="7310"/>
                </a:lnTo>
                <a:lnTo>
                  <a:pt x="0" y="6554"/>
                </a:lnTo>
                <a:lnTo>
                  <a:pt x="1105" y="5797"/>
                </a:lnTo>
                <a:lnTo>
                  <a:pt x="2577" y="4537"/>
                </a:lnTo>
                <a:lnTo>
                  <a:pt x="3314" y="4537"/>
                </a:lnTo>
                <a:lnTo>
                  <a:pt x="4602" y="2773"/>
                </a:lnTo>
                <a:lnTo>
                  <a:pt x="5339" y="2773"/>
                </a:lnTo>
                <a:lnTo>
                  <a:pt x="7180" y="1512"/>
                </a:lnTo>
                <a:lnTo>
                  <a:pt x="7548" y="1260"/>
                </a:lnTo>
                <a:lnTo>
                  <a:pt x="8468" y="0"/>
                </a:lnTo>
                <a:lnTo>
                  <a:pt x="9389" y="252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3" name="d14210"/>
          <xdr:cNvSpPr>
            <a:spLocks/>
          </xdr:cNvSpPr>
        </xdr:nvSpPr>
        <xdr:spPr bwMode="auto">
          <a:xfrm>
            <a:off x="8410575" y="7686675"/>
            <a:ext cx="828675" cy="10001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0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0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w 16384"/>
              <a:gd name="T133" fmla="*/ 0 h 16384"/>
              <a:gd name="T134" fmla="*/ 16384 w 16384"/>
              <a:gd name="T135" fmla="*/ 16384 h 16384"/>
            </a:gdLst>
            <a:ahLst/>
            <a:cxnLst>
              <a:cxn ang="T88">
                <a:pos x="T0" y="T1"/>
              </a:cxn>
              <a:cxn ang="T89">
                <a:pos x="T2" y="T3"/>
              </a:cxn>
              <a:cxn ang="T90">
                <a:pos x="T4" y="T5"/>
              </a:cxn>
              <a:cxn ang="T91">
                <a:pos x="T6" y="T7"/>
              </a:cxn>
              <a:cxn ang="T92">
                <a:pos x="T8" y="T9"/>
              </a:cxn>
              <a:cxn ang="T93">
                <a:pos x="T10" y="T11"/>
              </a:cxn>
              <a:cxn ang="T94">
                <a:pos x="T12" y="T13"/>
              </a:cxn>
              <a:cxn ang="T95">
                <a:pos x="T14" y="T15"/>
              </a:cxn>
              <a:cxn ang="T96">
                <a:pos x="T16" y="T17"/>
              </a:cxn>
              <a:cxn ang="T97">
                <a:pos x="T18" y="T19"/>
              </a:cxn>
              <a:cxn ang="T98">
                <a:pos x="T20" y="T21"/>
              </a:cxn>
              <a:cxn ang="T99">
                <a:pos x="T22" y="T23"/>
              </a:cxn>
              <a:cxn ang="T100">
                <a:pos x="T24" y="T25"/>
              </a:cxn>
              <a:cxn ang="T101">
                <a:pos x="T26" y="T27"/>
              </a:cxn>
              <a:cxn ang="T102">
                <a:pos x="T28" y="T29"/>
              </a:cxn>
              <a:cxn ang="T103">
                <a:pos x="T30" y="T31"/>
              </a:cxn>
              <a:cxn ang="T104">
                <a:pos x="T32" y="T33"/>
              </a:cxn>
              <a:cxn ang="T105">
                <a:pos x="T34" y="T35"/>
              </a:cxn>
              <a:cxn ang="T106">
                <a:pos x="T36" y="T37"/>
              </a:cxn>
              <a:cxn ang="T107">
                <a:pos x="T38" y="T39"/>
              </a:cxn>
              <a:cxn ang="T108">
                <a:pos x="T40" y="T41"/>
              </a:cxn>
              <a:cxn ang="T109">
                <a:pos x="T42" y="T43"/>
              </a:cxn>
              <a:cxn ang="T110">
                <a:pos x="T44" y="T45"/>
              </a:cxn>
              <a:cxn ang="T111">
                <a:pos x="T46" y="T47"/>
              </a:cxn>
              <a:cxn ang="T112">
                <a:pos x="T48" y="T49"/>
              </a:cxn>
              <a:cxn ang="T113">
                <a:pos x="T50" y="T51"/>
              </a:cxn>
              <a:cxn ang="T114">
                <a:pos x="T52" y="T53"/>
              </a:cxn>
              <a:cxn ang="T115">
                <a:pos x="T54" y="T55"/>
              </a:cxn>
              <a:cxn ang="T116">
                <a:pos x="T56" y="T57"/>
              </a:cxn>
              <a:cxn ang="T117">
                <a:pos x="T58" y="T59"/>
              </a:cxn>
              <a:cxn ang="T118">
                <a:pos x="T60" y="T61"/>
              </a:cxn>
              <a:cxn ang="T119">
                <a:pos x="T62" y="T63"/>
              </a:cxn>
              <a:cxn ang="T120">
                <a:pos x="T64" y="T65"/>
              </a:cxn>
              <a:cxn ang="T121">
                <a:pos x="T66" y="T67"/>
              </a:cxn>
              <a:cxn ang="T122">
                <a:pos x="T68" y="T69"/>
              </a:cxn>
              <a:cxn ang="T123">
                <a:pos x="T70" y="T71"/>
              </a:cxn>
              <a:cxn ang="T124">
                <a:pos x="T72" y="T73"/>
              </a:cxn>
              <a:cxn ang="T125">
                <a:pos x="T74" y="T75"/>
              </a:cxn>
              <a:cxn ang="T126">
                <a:pos x="T76" y="T77"/>
              </a:cxn>
              <a:cxn ang="T127">
                <a:pos x="T78" y="T79"/>
              </a:cxn>
              <a:cxn ang="T128">
                <a:pos x="T80" y="T81"/>
              </a:cxn>
              <a:cxn ang="T129">
                <a:pos x="T82" y="T83"/>
              </a:cxn>
              <a:cxn ang="T130">
                <a:pos x="T84" y="T85"/>
              </a:cxn>
              <a:cxn ang="T131">
                <a:pos x="T86" y="T87"/>
              </a:cxn>
            </a:cxnLst>
            <a:rect l="T132" t="T133" r="T134" b="T135"/>
            <a:pathLst>
              <a:path w="16384" h="16384">
                <a:moveTo>
                  <a:pt x="1695" y="4525"/>
                </a:moveTo>
                <a:lnTo>
                  <a:pt x="3390" y="2497"/>
                </a:lnTo>
                <a:lnTo>
                  <a:pt x="4896" y="2341"/>
                </a:lnTo>
                <a:lnTo>
                  <a:pt x="6026" y="780"/>
                </a:lnTo>
                <a:lnTo>
                  <a:pt x="6403" y="780"/>
                </a:lnTo>
                <a:lnTo>
                  <a:pt x="6968" y="1092"/>
                </a:lnTo>
                <a:lnTo>
                  <a:pt x="7721" y="624"/>
                </a:lnTo>
                <a:lnTo>
                  <a:pt x="9039" y="780"/>
                </a:lnTo>
                <a:lnTo>
                  <a:pt x="9793" y="624"/>
                </a:lnTo>
                <a:lnTo>
                  <a:pt x="10546" y="0"/>
                </a:lnTo>
                <a:lnTo>
                  <a:pt x="10923" y="156"/>
                </a:lnTo>
                <a:lnTo>
                  <a:pt x="10923" y="1248"/>
                </a:lnTo>
                <a:lnTo>
                  <a:pt x="11864" y="1872"/>
                </a:lnTo>
                <a:lnTo>
                  <a:pt x="12053" y="2965"/>
                </a:lnTo>
                <a:lnTo>
                  <a:pt x="12994" y="3589"/>
                </a:lnTo>
                <a:lnTo>
                  <a:pt x="12241" y="4213"/>
                </a:lnTo>
                <a:lnTo>
                  <a:pt x="11488" y="4837"/>
                </a:lnTo>
                <a:lnTo>
                  <a:pt x="11111" y="5617"/>
                </a:lnTo>
                <a:lnTo>
                  <a:pt x="10734" y="6866"/>
                </a:lnTo>
                <a:lnTo>
                  <a:pt x="10734" y="7958"/>
                </a:lnTo>
                <a:lnTo>
                  <a:pt x="11676" y="8582"/>
                </a:lnTo>
                <a:lnTo>
                  <a:pt x="11864" y="8894"/>
                </a:lnTo>
                <a:lnTo>
                  <a:pt x="12053" y="10299"/>
                </a:lnTo>
                <a:lnTo>
                  <a:pt x="12241" y="11079"/>
                </a:lnTo>
                <a:lnTo>
                  <a:pt x="13183" y="11547"/>
                </a:lnTo>
                <a:lnTo>
                  <a:pt x="14501" y="11703"/>
                </a:lnTo>
                <a:lnTo>
                  <a:pt x="15254" y="11859"/>
                </a:lnTo>
                <a:lnTo>
                  <a:pt x="16007" y="12015"/>
                </a:lnTo>
                <a:lnTo>
                  <a:pt x="16196" y="12639"/>
                </a:lnTo>
                <a:lnTo>
                  <a:pt x="16384" y="13575"/>
                </a:lnTo>
                <a:lnTo>
                  <a:pt x="16196" y="14512"/>
                </a:lnTo>
                <a:lnTo>
                  <a:pt x="15442" y="14824"/>
                </a:lnTo>
                <a:lnTo>
                  <a:pt x="15819" y="15448"/>
                </a:lnTo>
                <a:lnTo>
                  <a:pt x="15631" y="16072"/>
                </a:lnTo>
                <a:lnTo>
                  <a:pt x="14877" y="15448"/>
                </a:lnTo>
                <a:lnTo>
                  <a:pt x="14501" y="15916"/>
                </a:lnTo>
                <a:lnTo>
                  <a:pt x="13936" y="15916"/>
                </a:lnTo>
                <a:lnTo>
                  <a:pt x="13936" y="15292"/>
                </a:lnTo>
                <a:lnTo>
                  <a:pt x="13371" y="14512"/>
                </a:lnTo>
                <a:lnTo>
                  <a:pt x="12241" y="14980"/>
                </a:lnTo>
                <a:lnTo>
                  <a:pt x="13183" y="15136"/>
                </a:lnTo>
                <a:lnTo>
                  <a:pt x="12994" y="15604"/>
                </a:lnTo>
                <a:lnTo>
                  <a:pt x="12241" y="15760"/>
                </a:lnTo>
                <a:lnTo>
                  <a:pt x="11676" y="15916"/>
                </a:lnTo>
                <a:lnTo>
                  <a:pt x="10923" y="16228"/>
                </a:lnTo>
                <a:lnTo>
                  <a:pt x="9604" y="15292"/>
                </a:lnTo>
                <a:lnTo>
                  <a:pt x="9416" y="15916"/>
                </a:lnTo>
                <a:lnTo>
                  <a:pt x="7345" y="16072"/>
                </a:lnTo>
                <a:lnTo>
                  <a:pt x="7345" y="15760"/>
                </a:lnTo>
                <a:lnTo>
                  <a:pt x="6591" y="15760"/>
                </a:lnTo>
                <a:lnTo>
                  <a:pt x="5461" y="15916"/>
                </a:lnTo>
                <a:lnTo>
                  <a:pt x="5085" y="16384"/>
                </a:lnTo>
                <a:lnTo>
                  <a:pt x="3013" y="16072"/>
                </a:lnTo>
                <a:lnTo>
                  <a:pt x="1883" y="16072"/>
                </a:lnTo>
                <a:lnTo>
                  <a:pt x="1507" y="15760"/>
                </a:lnTo>
                <a:lnTo>
                  <a:pt x="565" y="15136"/>
                </a:lnTo>
                <a:lnTo>
                  <a:pt x="1318" y="14512"/>
                </a:lnTo>
                <a:lnTo>
                  <a:pt x="1507" y="13731"/>
                </a:lnTo>
                <a:lnTo>
                  <a:pt x="377" y="12951"/>
                </a:lnTo>
                <a:lnTo>
                  <a:pt x="0" y="12483"/>
                </a:lnTo>
                <a:lnTo>
                  <a:pt x="753" y="12171"/>
                </a:lnTo>
                <a:lnTo>
                  <a:pt x="2072" y="12483"/>
                </a:lnTo>
                <a:lnTo>
                  <a:pt x="2260" y="12327"/>
                </a:lnTo>
                <a:lnTo>
                  <a:pt x="1695" y="11859"/>
                </a:lnTo>
                <a:lnTo>
                  <a:pt x="2637" y="11391"/>
                </a:lnTo>
                <a:lnTo>
                  <a:pt x="1883" y="11235"/>
                </a:lnTo>
                <a:lnTo>
                  <a:pt x="1318" y="11547"/>
                </a:lnTo>
                <a:lnTo>
                  <a:pt x="753" y="11235"/>
                </a:lnTo>
                <a:lnTo>
                  <a:pt x="753" y="10455"/>
                </a:lnTo>
                <a:lnTo>
                  <a:pt x="1883" y="10923"/>
                </a:lnTo>
                <a:lnTo>
                  <a:pt x="2637" y="10767"/>
                </a:lnTo>
                <a:lnTo>
                  <a:pt x="3390" y="10611"/>
                </a:lnTo>
                <a:lnTo>
                  <a:pt x="4520" y="10767"/>
                </a:lnTo>
                <a:lnTo>
                  <a:pt x="4708" y="10299"/>
                </a:lnTo>
                <a:lnTo>
                  <a:pt x="3955" y="10299"/>
                </a:lnTo>
                <a:lnTo>
                  <a:pt x="3013" y="9986"/>
                </a:lnTo>
                <a:lnTo>
                  <a:pt x="2260" y="9674"/>
                </a:lnTo>
                <a:lnTo>
                  <a:pt x="2072" y="9362"/>
                </a:lnTo>
                <a:lnTo>
                  <a:pt x="2260" y="8738"/>
                </a:lnTo>
                <a:lnTo>
                  <a:pt x="2448" y="8114"/>
                </a:lnTo>
                <a:lnTo>
                  <a:pt x="2448" y="7490"/>
                </a:lnTo>
                <a:lnTo>
                  <a:pt x="2072" y="6710"/>
                </a:lnTo>
                <a:lnTo>
                  <a:pt x="1507" y="6085"/>
                </a:lnTo>
                <a:lnTo>
                  <a:pt x="2072" y="5929"/>
                </a:lnTo>
                <a:lnTo>
                  <a:pt x="2637" y="5617"/>
                </a:lnTo>
                <a:lnTo>
                  <a:pt x="2260" y="5305"/>
                </a:lnTo>
                <a:lnTo>
                  <a:pt x="1883" y="4993"/>
                </a:lnTo>
                <a:lnTo>
                  <a:pt x="1695" y="4525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4" name="d14211"/>
          <xdr:cNvSpPr>
            <a:spLocks/>
          </xdr:cNvSpPr>
        </xdr:nvSpPr>
        <xdr:spPr bwMode="auto">
          <a:xfrm>
            <a:off x="3095625" y="4210050"/>
            <a:ext cx="1714500" cy="159067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0 w 16384"/>
              <a:gd name="T59" fmla="*/ 2147483646 h 16384"/>
              <a:gd name="T60" fmla="*/ 0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w 16384"/>
              <a:gd name="T166" fmla="*/ 0 h 16384"/>
              <a:gd name="T167" fmla="*/ 16384 w 16384"/>
              <a:gd name="T168" fmla="*/ 16384 h 16384"/>
            </a:gdLst>
            <a:ahLst/>
            <a:cxnLst>
              <a:cxn ang="T110">
                <a:pos x="T0" y="T1"/>
              </a:cxn>
              <a:cxn ang="T111">
                <a:pos x="T2" y="T3"/>
              </a:cxn>
              <a:cxn ang="T112">
                <a:pos x="T4" y="T5"/>
              </a:cxn>
              <a:cxn ang="T113">
                <a:pos x="T6" y="T7"/>
              </a:cxn>
              <a:cxn ang="T114">
                <a:pos x="T8" y="T9"/>
              </a:cxn>
              <a:cxn ang="T115">
                <a:pos x="T10" y="T11"/>
              </a:cxn>
              <a:cxn ang="T116">
                <a:pos x="T12" y="T13"/>
              </a:cxn>
              <a:cxn ang="T117">
                <a:pos x="T14" y="T15"/>
              </a:cxn>
              <a:cxn ang="T118">
                <a:pos x="T16" y="T17"/>
              </a:cxn>
              <a:cxn ang="T119">
                <a:pos x="T18" y="T19"/>
              </a:cxn>
              <a:cxn ang="T120">
                <a:pos x="T20" y="T21"/>
              </a:cxn>
              <a:cxn ang="T121">
                <a:pos x="T22" y="T23"/>
              </a:cxn>
              <a:cxn ang="T122">
                <a:pos x="T24" y="T25"/>
              </a:cxn>
              <a:cxn ang="T123">
                <a:pos x="T26" y="T27"/>
              </a:cxn>
              <a:cxn ang="T124">
                <a:pos x="T28" y="T29"/>
              </a:cxn>
              <a:cxn ang="T125">
                <a:pos x="T30" y="T31"/>
              </a:cxn>
              <a:cxn ang="T126">
                <a:pos x="T32" y="T33"/>
              </a:cxn>
              <a:cxn ang="T127">
                <a:pos x="T34" y="T35"/>
              </a:cxn>
              <a:cxn ang="T128">
                <a:pos x="T36" y="T37"/>
              </a:cxn>
              <a:cxn ang="T129">
                <a:pos x="T38" y="T39"/>
              </a:cxn>
              <a:cxn ang="T130">
                <a:pos x="T40" y="T41"/>
              </a:cxn>
              <a:cxn ang="T131">
                <a:pos x="T42" y="T43"/>
              </a:cxn>
              <a:cxn ang="T132">
                <a:pos x="T44" y="T45"/>
              </a:cxn>
              <a:cxn ang="T133">
                <a:pos x="T46" y="T47"/>
              </a:cxn>
              <a:cxn ang="T134">
                <a:pos x="T48" y="T49"/>
              </a:cxn>
              <a:cxn ang="T135">
                <a:pos x="T50" y="T51"/>
              </a:cxn>
              <a:cxn ang="T136">
                <a:pos x="T52" y="T53"/>
              </a:cxn>
              <a:cxn ang="T137">
                <a:pos x="T54" y="T55"/>
              </a:cxn>
              <a:cxn ang="T138">
                <a:pos x="T56" y="T57"/>
              </a:cxn>
              <a:cxn ang="T139">
                <a:pos x="T58" y="T59"/>
              </a:cxn>
              <a:cxn ang="T140">
                <a:pos x="T60" y="T61"/>
              </a:cxn>
              <a:cxn ang="T141">
                <a:pos x="T62" y="T63"/>
              </a:cxn>
              <a:cxn ang="T142">
                <a:pos x="T64" y="T65"/>
              </a:cxn>
              <a:cxn ang="T143">
                <a:pos x="T66" y="T67"/>
              </a:cxn>
              <a:cxn ang="T144">
                <a:pos x="T68" y="T69"/>
              </a:cxn>
              <a:cxn ang="T145">
                <a:pos x="T70" y="T71"/>
              </a:cxn>
              <a:cxn ang="T146">
                <a:pos x="T72" y="T73"/>
              </a:cxn>
              <a:cxn ang="T147">
                <a:pos x="T74" y="T75"/>
              </a:cxn>
              <a:cxn ang="T148">
                <a:pos x="T76" y="T77"/>
              </a:cxn>
              <a:cxn ang="T149">
                <a:pos x="T78" y="T79"/>
              </a:cxn>
              <a:cxn ang="T150">
                <a:pos x="T80" y="T81"/>
              </a:cxn>
              <a:cxn ang="T151">
                <a:pos x="T82" y="T83"/>
              </a:cxn>
              <a:cxn ang="T152">
                <a:pos x="T84" y="T85"/>
              </a:cxn>
              <a:cxn ang="T153">
                <a:pos x="T86" y="T87"/>
              </a:cxn>
              <a:cxn ang="T154">
                <a:pos x="T88" y="T89"/>
              </a:cxn>
              <a:cxn ang="T155">
                <a:pos x="T90" y="T91"/>
              </a:cxn>
              <a:cxn ang="T156">
                <a:pos x="T92" y="T93"/>
              </a:cxn>
              <a:cxn ang="T157">
                <a:pos x="T94" y="T95"/>
              </a:cxn>
              <a:cxn ang="T158">
                <a:pos x="T96" y="T97"/>
              </a:cxn>
              <a:cxn ang="T159">
                <a:pos x="T98" y="T99"/>
              </a:cxn>
              <a:cxn ang="T160">
                <a:pos x="T100" y="T101"/>
              </a:cxn>
              <a:cxn ang="T161">
                <a:pos x="T102" y="T103"/>
              </a:cxn>
              <a:cxn ang="T162">
                <a:pos x="T104" y="T105"/>
              </a:cxn>
              <a:cxn ang="T163">
                <a:pos x="T106" y="T107"/>
              </a:cxn>
              <a:cxn ang="T164">
                <a:pos x="T108" y="T109"/>
              </a:cxn>
            </a:cxnLst>
            <a:rect l="T165" t="T166" r="T167" b="T168"/>
            <a:pathLst>
              <a:path w="16384" h="16384">
                <a:moveTo>
                  <a:pt x="16293" y="11479"/>
                </a:moveTo>
                <a:lnTo>
                  <a:pt x="16384" y="12460"/>
                </a:lnTo>
                <a:lnTo>
                  <a:pt x="16111" y="12558"/>
                </a:lnTo>
                <a:lnTo>
                  <a:pt x="15656" y="12460"/>
                </a:lnTo>
                <a:lnTo>
                  <a:pt x="15292" y="12656"/>
                </a:lnTo>
                <a:lnTo>
                  <a:pt x="14746" y="12656"/>
                </a:lnTo>
                <a:lnTo>
                  <a:pt x="14382" y="12754"/>
                </a:lnTo>
                <a:lnTo>
                  <a:pt x="14382" y="13048"/>
                </a:lnTo>
                <a:lnTo>
                  <a:pt x="14382" y="13539"/>
                </a:lnTo>
                <a:lnTo>
                  <a:pt x="14199" y="13539"/>
                </a:lnTo>
                <a:lnTo>
                  <a:pt x="13926" y="14226"/>
                </a:lnTo>
                <a:lnTo>
                  <a:pt x="13744" y="14814"/>
                </a:lnTo>
                <a:lnTo>
                  <a:pt x="13471" y="14912"/>
                </a:lnTo>
                <a:lnTo>
                  <a:pt x="12925" y="14912"/>
                </a:lnTo>
                <a:lnTo>
                  <a:pt x="12470" y="15010"/>
                </a:lnTo>
                <a:lnTo>
                  <a:pt x="12015" y="15207"/>
                </a:lnTo>
                <a:lnTo>
                  <a:pt x="11105" y="15109"/>
                </a:lnTo>
                <a:lnTo>
                  <a:pt x="10468" y="15501"/>
                </a:lnTo>
                <a:lnTo>
                  <a:pt x="9648" y="15305"/>
                </a:lnTo>
                <a:lnTo>
                  <a:pt x="8829" y="15207"/>
                </a:lnTo>
                <a:lnTo>
                  <a:pt x="8192" y="15501"/>
                </a:lnTo>
                <a:lnTo>
                  <a:pt x="7737" y="14912"/>
                </a:lnTo>
                <a:lnTo>
                  <a:pt x="7737" y="14814"/>
                </a:lnTo>
                <a:lnTo>
                  <a:pt x="7646" y="14716"/>
                </a:lnTo>
                <a:lnTo>
                  <a:pt x="7646" y="14422"/>
                </a:lnTo>
                <a:lnTo>
                  <a:pt x="7282" y="14324"/>
                </a:lnTo>
                <a:lnTo>
                  <a:pt x="7191" y="14128"/>
                </a:lnTo>
                <a:lnTo>
                  <a:pt x="6918" y="14128"/>
                </a:lnTo>
                <a:lnTo>
                  <a:pt x="6736" y="14520"/>
                </a:lnTo>
                <a:lnTo>
                  <a:pt x="6372" y="14520"/>
                </a:lnTo>
                <a:lnTo>
                  <a:pt x="6190" y="15109"/>
                </a:lnTo>
                <a:lnTo>
                  <a:pt x="5552" y="15010"/>
                </a:lnTo>
                <a:lnTo>
                  <a:pt x="4733" y="15599"/>
                </a:lnTo>
                <a:lnTo>
                  <a:pt x="4460" y="15795"/>
                </a:lnTo>
                <a:lnTo>
                  <a:pt x="3823" y="16384"/>
                </a:lnTo>
                <a:lnTo>
                  <a:pt x="3368" y="15992"/>
                </a:lnTo>
                <a:lnTo>
                  <a:pt x="2913" y="15010"/>
                </a:lnTo>
                <a:lnTo>
                  <a:pt x="2731" y="14618"/>
                </a:lnTo>
                <a:lnTo>
                  <a:pt x="2094" y="14814"/>
                </a:lnTo>
                <a:lnTo>
                  <a:pt x="1638" y="13833"/>
                </a:lnTo>
                <a:lnTo>
                  <a:pt x="273" y="11577"/>
                </a:lnTo>
                <a:lnTo>
                  <a:pt x="273" y="11184"/>
                </a:lnTo>
                <a:lnTo>
                  <a:pt x="364" y="10399"/>
                </a:lnTo>
                <a:lnTo>
                  <a:pt x="546" y="10007"/>
                </a:lnTo>
                <a:lnTo>
                  <a:pt x="910" y="9811"/>
                </a:lnTo>
                <a:lnTo>
                  <a:pt x="1001" y="9516"/>
                </a:lnTo>
                <a:lnTo>
                  <a:pt x="910" y="9026"/>
                </a:lnTo>
                <a:lnTo>
                  <a:pt x="728" y="8633"/>
                </a:lnTo>
                <a:lnTo>
                  <a:pt x="819" y="8143"/>
                </a:lnTo>
                <a:lnTo>
                  <a:pt x="364" y="7554"/>
                </a:lnTo>
                <a:lnTo>
                  <a:pt x="455" y="7260"/>
                </a:lnTo>
                <a:lnTo>
                  <a:pt x="546" y="7064"/>
                </a:lnTo>
                <a:lnTo>
                  <a:pt x="637" y="6671"/>
                </a:lnTo>
                <a:lnTo>
                  <a:pt x="546" y="6083"/>
                </a:lnTo>
                <a:lnTo>
                  <a:pt x="637" y="5690"/>
                </a:lnTo>
                <a:lnTo>
                  <a:pt x="546" y="5298"/>
                </a:lnTo>
                <a:lnTo>
                  <a:pt x="364" y="5003"/>
                </a:lnTo>
                <a:lnTo>
                  <a:pt x="455" y="4513"/>
                </a:lnTo>
                <a:lnTo>
                  <a:pt x="182" y="4121"/>
                </a:lnTo>
                <a:lnTo>
                  <a:pt x="0" y="3532"/>
                </a:lnTo>
                <a:lnTo>
                  <a:pt x="91" y="3139"/>
                </a:lnTo>
                <a:lnTo>
                  <a:pt x="0" y="2747"/>
                </a:lnTo>
                <a:lnTo>
                  <a:pt x="91" y="2453"/>
                </a:lnTo>
                <a:lnTo>
                  <a:pt x="728" y="2355"/>
                </a:lnTo>
                <a:lnTo>
                  <a:pt x="1365" y="2256"/>
                </a:lnTo>
                <a:lnTo>
                  <a:pt x="1729" y="1668"/>
                </a:lnTo>
                <a:lnTo>
                  <a:pt x="2094" y="1570"/>
                </a:lnTo>
                <a:lnTo>
                  <a:pt x="2367" y="981"/>
                </a:lnTo>
                <a:lnTo>
                  <a:pt x="2549" y="981"/>
                </a:lnTo>
                <a:lnTo>
                  <a:pt x="3095" y="1079"/>
                </a:lnTo>
                <a:lnTo>
                  <a:pt x="3641" y="1275"/>
                </a:lnTo>
                <a:lnTo>
                  <a:pt x="4187" y="2060"/>
                </a:lnTo>
                <a:lnTo>
                  <a:pt x="4460" y="2158"/>
                </a:lnTo>
                <a:lnTo>
                  <a:pt x="4551" y="1766"/>
                </a:lnTo>
                <a:lnTo>
                  <a:pt x="5188" y="1668"/>
                </a:lnTo>
                <a:lnTo>
                  <a:pt x="5916" y="1472"/>
                </a:lnTo>
                <a:lnTo>
                  <a:pt x="6098" y="1472"/>
                </a:lnTo>
                <a:lnTo>
                  <a:pt x="6463" y="981"/>
                </a:lnTo>
                <a:lnTo>
                  <a:pt x="6827" y="883"/>
                </a:lnTo>
                <a:lnTo>
                  <a:pt x="7009" y="294"/>
                </a:lnTo>
                <a:lnTo>
                  <a:pt x="7282" y="392"/>
                </a:lnTo>
                <a:lnTo>
                  <a:pt x="7464" y="294"/>
                </a:lnTo>
                <a:lnTo>
                  <a:pt x="8101" y="0"/>
                </a:lnTo>
                <a:lnTo>
                  <a:pt x="8192" y="98"/>
                </a:lnTo>
                <a:lnTo>
                  <a:pt x="8829" y="294"/>
                </a:lnTo>
                <a:lnTo>
                  <a:pt x="9648" y="883"/>
                </a:lnTo>
                <a:lnTo>
                  <a:pt x="9466" y="1275"/>
                </a:lnTo>
                <a:lnTo>
                  <a:pt x="9375" y="1570"/>
                </a:lnTo>
                <a:lnTo>
                  <a:pt x="9739" y="1962"/>
                </a:lnTo>
                <a:lnTo>
                  <a:pt x="9648" y="2256"/>
                </a:lnTo>
                <a:lnTo>
                  <a:pt x="9739" y="2845"/>
                </a:lnTo>
                <a:lnTo>
                  <a:pt x="9739" y="3041"/>
                </a:lnTo>
                <a:lnTo>
                  <a:pt x="9648" y="3630"/>
                </a:lnTo>
                <a:lnTo>
                  <a:pt x="9830" y="4121"/>
                </a:lnTo>
                <a:lnTo>
                  <a:pt x="10377" y="5396"/>
                </a:lnTo>
                <a:lnTo>
                  <a:pt x="11105" y="6868"/>
                </a:lnTo>
                <a:lnTo>
                  <a:pt x="11651" y="7162"/>
                </a:lnTo>
                <a:lnTo>
                  <a:pt x="11924" y="7751"/>
                </a:lnTo>
                <a:lnTo>
                  <a:pt x="12288" y="8045"/>
                </a:lnTo>
                <a:lnTo>
                  <a:pt x="12288" y="8633"/>
                </a:lnTo>
                <a:lnTo>
                  <a:pt x="12470" y="9026"/>
                </a:lnTo>
                <a:lnTo>
                  <a:pt x="12470" y="9320"/>
                </a:lnTo>
                <a:lnTo>
                  <a:pt x="12288" y="9418"/>
                </a:lnTo>
                <a:lnTo>
                  <a:pt x="11924" y="9909"/>
                </a:lnTo>
                <a:lnTo>
                  <a:pt x="12106" y="11086"/>
                </a:lnTo>
                <a:lnTo>
                  <a:pt x="12470" y="11282"/>
                </a:lnTo>
                <a:lnTo>
                  <a:pt x="13289" y="10890"/>
                </a:lnTo>
                <a:lnTo>
                  <a:pt x="13926" y="10890"/>
                </a:lnTo>
                <a:lnTo>
                  <a:pt x="14928" y="10596"/>
                </a:lnTo>
                <a:lnTo>
                  <a:pt x="15474" y="11282"/>
                </a:lnTo>
                <a:lnTo>
                  <a:pt x="16293" y="1147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5" name="d14212"/>
          <xdr:cNvSpPr>
            <a:spLocks/>
          </xdr:cNvSpPr>
        </xdr:nvSpPr>
        <xdr:spPr bwMode="auto">
          <a:xfrm>
            <a:off x="4076700" y="3324225"/>
            <a:ext cx="1752600" cy="1819275"/>
          </a:xfrm>
          <a:custGeom>
            <a:avLst/>
            <a:gdLst>
              <a:gd name="T0" fmla="*/ 2147483646 w 184"/>
              <a:gd name="T1" fmla="*/ 2147483646 h 191"/>
              <a:gd name="T2" fmla="*/ 2147483646 w 184"/>
              <a:gd name="T3" fmla="*/ 2147483646 h 191"/>
              <a:gd name="T4" fmla="*/ 2147483646 w 184"/>
              <a:gd name="T5" fmla="*/ 2147483646 h 191"/>
              <a:gd name="T6" fmla="*/ 2147483646 w 184"/>
              <a:gd name="T7" fmla="*/ 2147483646 h 191"/>
              <a:gd name="T8" fmla="*/ 2147483646 w 184"/>
              <a:gd name="T9" fmla="*/ 2147483646 h 191"/>
              <a:gd name="T10" fmla="*/ 2147483646 w 184"/>
              <a:gd name="T11" fmla="*/ 2147483646 h 191"/>
              <a:gd name="T12" fmla="*/ 2147483646 w 184"/>
              <a:gd name="T13" fmla="*/ 2147483646 h 191"/>
              <a:gd name="T14" fmla="*/ 2147483646 w 184"/>
              <a:gd name="T15" fmla="*/ 2147483646 h 191"/>
              <a:gd name="T16" fmla="*/ 2147483646 w 184"/>
              <a:gd name="T17" fmla="*/ 2147483646 h 191"/>
              <a:gd name="T18" fmla="*/ 2147483646 w 184"/>
              <a:gd name="T19" fmla="*/ 2147483646 h 191"/>
              <a:gd name="T20" fmla="*/ 2147483646 w 184"/>
              <a:gd name="T21" fmla="*/ 2147483646 h 191"/>
              <a:gd name="T22" fmla="*/ 2147483646 w 184"/>
              <a:gd name="T23" fmla="*/ 2147483646 h 191"/>
              <a:gd name="T24" fmla="*/ 2147483646 w 184"/>
              <a:gd name="T25" fmla="*/ 2147483646 h 191"/>
              <a:gd name="T26" fmla="*/ 2147483646 w 184"/>
              <a:gd name="T27" fmla="*/ 2147483646 h 191"/>
              <a:gd name="T28" fmla="*/ 0 w 184"/>
              <a:gd name="T29" fmla="*/ 2147483646 h 191"/>
              <a:gd name="T30" fmla="*/ 2147483646 w 184"/>
              <a:gd name="T31" fmla="*/ 2147483646 h 191"/>
              <a:gd name="T32" fmla="*/ 2147483646 w 184"/>
              <a:gd name="T33" fmla="*/ 2147483646 h 191"/>
              <a:gd name="T34" fmla="*/ 2147483646 w 184"/>
              <a:gd name="T35" fmla="*/ 2147483646 h 191"/>
              <a:gd name="T36" fmla="*/ 2147483646 w 184"/>
              <a:gd name="T37" fmla="*/ 2147483646 h 191"/>
              <a:gd name="T38" fmla="*/ 2147483646 w 184"/>
              <a:gd name="T39" fmla="*/ 2147483646 h 191"/>
              <a:gd name="T40" fmla="*/ 2147483646 w 184"/>
              <a:gd name="T41" fmla="*/ 2147483646 h 191"/>
              <a:gd name="T42" fmla="*/ 2147483646 w 184"/>
              <a:gd name="T43" fmla="*/ 2147483646 h 191"/>
              <a:gd name="T44" fmla="*/ 2147483646 w 184"/>
              <a:gd name="T45" fmla="*/ 2147483646 h 191"/>
              <a:gd name="T46" fmla="*/ 2147483646 w 184"/>
              <a:gd name="T47" fmla="*/ 2147483646 h 191"/>
              <a:gd name="T48" fmla="*/ 2147483646 w 184"/>
              <a:gd name="T49" fmla="*/ 2147483646 h 191"/>
              <a:gd name="T50" fmla="*/ 2147483646 w 184"/>
              <a:gd name="T51" fmla="*/ 2147483646 h 191"/>
              <a:gd name="T52" fmla="*/ 2147483646 w 184"/>
              <a:gd name="T53" fmla="*/ 2147483646 h 191"/>
              <a:gd name="T54" fmla="*/ 2147483646 w 184"/>
              <a:gd name="T55" fmla="*/ 2147483646 h 191"/>
              <a:gd name="T56" fmla="*/ 2147483646 w 184"/>
              <a:gd name="T57" fmla="*/ 2147483646 h 191"/>
              <a:gd name="T58" fmla="*/ 2147483646 w 184"/>
              <a:gd name="T59" fmla="*/ 2147483646 h 191"/>
              <a:gd name="T60" fmla="*/ 2147483646 w 184"/>
              <a:gd name="T61" fmla="*/ 2147483646 h 191"/>
              <a:gd name="T62" fmla="*/ 2147483646 w 184"/>
              <a:gd name="T63" fmla="*/ 2147483646 h 191"/>
              <a:gd name="T64" fmla="*/ 2147483646 w 184"/>
              <a:gd name="T65" fmla="*/ 2147483646 h 191"/>
              <a:gd name="T66" fmla="*/ 2147483646 w 184"/>
              <a:gd name="T67" fmla="*/ 2147483646 h 191"/>
              <a:gd name="T68" fmla="*/ 2147483646 w 184"/>
              <a:gd name="T69" fmla="*/ 2147483646 h 191"/>
              <a:gd name="T70" fmla="*/ 2147483646 w 184"/>
              <a:gd name="T71" fmla="*/ 2147483646 h 191"/>
              <a:gd name="T72" fmla="*/ 2147483646 w 184"/>
              <a:gd name="T73" fmla="*/ 2147483646 h 191"/>
              <a:gd name="T74" fmla="*/ 2147483646 w 184"/>
              <a:gd name="T75" fmla="*/ 2147483646 h 191"/>
              <a:gd name="T76" fmla="*/ 2147483646 w 184"/>
              <a:gd name="T77" fmla="*/ 2147483646 h 191"/>
              <a:gd name="T78" fmla="*/ 2147483646 w 184"/>
              <a:gd name="T79" fmla="*/ 2147483646 h 191"/>
              <a:gd name="T80" fmla="*/ 2147483646 w 184"/>
              <a:gd name="T81" fmla="*/ 2147483646 h 191"/>
              <a:gd name="T82" fmla="*/ 2147483646 w 184"/>
              <a:gd name="T83" fmla="*/ 2147483646 h 191"/>
              <a:gd name="T84" fmla="*/ 2147483646 w 184"/>
              <a:gd name="T85" fmla="*/ 2147483646 h 191"/>
              <a:gd name="T86" fmla="*/ 2147483646 w 184"/>
              <a:gd name="T87" fmla="*/ 2147483646 h 191"/>
              <a:gd name="T88" fmla="*/ 2147483646 w 184"/>
              <a:gd name="T89" fmla="*/ 2147483646 h 191"/>
              <a:gd name="T90" fmla="*/ 2147483646 w 184"/>
              <a:gd name="T91" fmla="*/ 2147483646 h 191"/>
              <a:gd name="T92" fmla="*/ 2147483646 w 184"/>
              <a:gd name="T93" fmla="*/ 2147483646 h 191"/>
              <a:gd name="T94" fmla="*/ 2147483646 w 184"/>
              <a:gd name="T95" fmla="*/ 2147483646 h 191"/>
              <a:gd name="T96" fmla="*/ 2147483646 w 184"/>
              <a:gd name="T97" fmla="*/ 2147483646 h 191"/>
              <a:gd name="T98" fmla="*/ 2147483646 w 184"/>
              <a:gd name="T99" fmla="*/ 2147483646 h 191"/>
              <a:gd name="T100" fmla="*/ 2147483646 w 184"/>
              <a:gd name="T101" fmla="*/ 2147483646 h 191"/>
              <a:gd name="T102" fmla="*/ 2147483646 w 184"/>
              <a:gd name="T103" fmla="*/ 2147483646 h 191"/>
              <a:gd name="T104" fmla="*/ 2147483646 w 184"/>
              <a:gd name="T105" fmla="*/ 2147483646 h 191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84"/>
              <a:gd name="T160" fmla="*/ 0 h 191"/>
              <a:gd name="T161" fmla="*/ 184 w 184"/>
              <a:gd name="T162" fmla="*/ 191 h 191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84" h="191">
                <a:moveTo>
                  <a:pt x="151" y="190"/>
                </a:moveTo>
                <a:lnTo>
                  <a:pt x="149" y="182"/>
                </a:lnTo>
                <a:lnTo>
                  <a:pt x="145" y="178"/>
                </a:lnTo>
                <a:lnTo>
                  <a:pt x="144" y="173"/>
                </a:lnTo>
                <a:lnTo>
                  <a:pt x="144" y="168"/>
                </a:lnTo>
                <a:lnTo>
                  <a:pt x="144" y="162"/>
                </a:lnTo>
                <a:lnTo>
                  <a:pt x="142" y="160"/>
                </a:lnTo>
                <a:lnTo>
                  <a:pt x="140" y="157"/>
                </a:lnTo>
                <a:lnTo>
                  <a:pt x="135" y="156"/>
                </a:lnTo>
                <a:lnTo>
                  <a:pt x="130" y="150"/>
                </a:lnTo>
                <a:lnTo>
                  <a:pt x="126" y="148"/>
                </a:lnTo>
                <a:lnTo>
                  <a:pt x="122" y="145"/>
                </a:lnTo>
                <a:lnTo>
                  <a:pt x="123" y="142"/>
                </a:lnTo>
                <a:lnTo>
                  <a:pt x="121" y="141"/>
                </a:lnTo>
                <a:lnTo>
                  <a:pt x="118" y="142"/>
                </a:lnTo>
                <a:lnTo>
                  <a:pt x="114" y="142"/>
                </a:lnTo>
                <a:lnTo>
                  <a:pt x="114" y="145"/>
                </a:lnTo>
                <a:lnTo>
                  <a:pt x="105" y="151"/>
                </a:lnTo>
                <a:lnTo>
                  <a:pt x="102" y="148"/>
                </a:lnTo>
                <a:lnTo>
                  <a:pt x="96" y="146"/>
                </a:lnTo>
                <a:lnTo>
                  <a:pt x="93" y="144"/>
                </a:lnTo>
                <a:lnTo>
                  <a:pt x="90" y="139"/>
                </a:lnTo>
                <a:lnTo>
                  <a:pt x="91" y="132"/>
                </a:lnTo>
                <a:lnTo>
                  <a:pt x="82" y="132"/>
                </a:lnTo>
                <a:lnTo>
                  <a:pt x="78" y="128"/>
                </a:lnTo>
                <a:lnTo>
                  <a:pt x="75" y="128"/>
                </a:lnTo>
                <a:lnTo>
                  <a:pt x="74" y="125"/>
                </a:lnTo>
                <a:lnTo>
                  <a:pt x="62" y="123"/>
                </a:lnTo>
                <a:lnTo>
                  <a:pt x="59" y="120"/>
                </a:lnTo>
                <a:lnTo>
                  <a:pt x="47" y="119"/>
                </a:lnTo>
                <a:lnTo>
                  <a:pt x="45" y="117"/>
                </a:lnTo>
                <a:lnTo>
                  <a:pt x="42" y="118"/>
                </a:lnTo>
                <a:lnTo>
                  <a:pt x="40" y="115"/>
                </a:lnTo>
                <a:lnTo>
                  <a:pt x="36" y="114"/>
                </a:lnTo>
                <a:lnTo>
                  <a:pt x="32" y="112"/>
                </a:lnTo>
                <a:lnTo>
                  <a:pt x="27" y="115"/>
                </a:lnTo>
                <a:lnTo>
                  <a:pt x="21" y="114"/>
                </a:lnTo>
                <a:lnTo>
                  <a:pt x="18" y="115"/>
                </a:lnTo>
                <a:lnTo>
                  <a:pt x="15" y="119"/>
                </a:lnTo>
                <a:lnTo>
                  <a:pt x="11" y="123"/>
                </a:lnTo>
                <a:lnTo>
                  <a:pt x="4" y="124"/>
                </a:lnTo>
                <a:lnTo>
                  <a:pt x="4" y="122"/>
                </a:lnTo>
                <a:lnTo>
                  <a:pt x="3" y="116"/>
                </a:lnTo>
                <a:lnTo>
                  <a:pt x="4" y="113"/>
                </a:lnTo>
                <a:lnTo>
                  <a:pt x="0" y="109"/>
                </a:lnTo>
                <a:lnTo>
                  <a:pt x="1" y="106"/>
                </a:lnTo>
                <a:lnTo>
                  <a:pt x="6" y="104"/>
                </a:lnTo>
                <a:lnTo>
                  <a:pt x="12" y="101"/>
                </a:lnTo>
                <a:lnTo>
                  <a:pt x="13" y="98"/>
                </a:lnTo>
                <a:lnTo>
                  <a:pt x="15" y="95"/>
                </a:lnTo>
                <a:lnTo>
                  <a:pt x="18" y="95"/>
                </a:lnTo>
                <a:lnTo>
                  <a:pt x="23" y="91"/>
                </a:lnTo>
                <a:lnTo>
                  <a:pt x="29" y="96"/>
                </a:lnTo>
                <a:lnTo>
                  <a:pt x="35" y="95"/>
                </a:lnTo>
                <a:lnTo>
                  <a:pt x="39" y="93"/>
                </a:lnTo>
                <a:lnTo>
                  <a:pt x="41" y="94"/>
                </a:lnTo>
                <a:lnTo>
                  <a:pt x="45" y="93"/>
                </a:lnTo>
                <a:lnTo>
                  <a:pt x="50" y="92"/>
                </a:lnTo>
                <a:lnTo>
                  <a:pt x="54" y="93"/>
                </a:lnTo>
                <a:lnTo>
                  <a:pt x="60" y="91"/>
                </a:lnTo>
                <a:lnTo>
                  <a:pt x="66" y="91"/>
                </a:lnTo>
                <a:lnTo>
                  <a:pt x="70" y="94"/>
                </a:lnTo>
                <a:lnTo>
                  <a:pt x="76" y="91"/>
                </a:lnTo>
                <a:lnTo>
                  <a:pt x="77" y="92"/>
                </a:lnTo>
                <a:lnTo>
                  <a:pt x="80" y="92"/>
                </a:lnTo>
                <a:lnTo>
                  <a:pt x="82" y="89"/>
                </a:lnTo>
                <a:lnTo>
                  <a:pt x="82" y="82"/>
                </a:lnTo>
                <a:lnTo>
                  <a:pt x="85" y="80"/>
                </a:lnTo>
                <a:lnTo>
                  <a:pt x="85" y="76"/>
                </a:lnTo>
                <a:lnTo>
                  <a:pt x="85" y="72"/>
                </a:lnTo>
                <a:lnTo>
                  <a:pt x="84" y="67"/>
                </a:lnTo>
                <a:lnTo>
                  <a:pt x="81" y="66"/>
                </a:lnTo>
                <a:lnTo>
                  <a:pt x="77" y="64"/>
                </a:lnTo>
                <a:lnTo>
                  <a:pt x="75" y="63"/>
                </a:lnTo>
                <a:lnTo>
                  <a:pt x="74" y="58"/>
                </a:lnTo>
                <a:lnTo>
                  <a:pt x="73" y="54"/>
                </a:lnTo>
                <a:lnTo>
                  <a:pt x="69" y="53"/>
                </a:lnTo>
                <a:lnTo>
                  <a:pt x="67" y="50"/>
                </a:lnTo>
                <a:lnTo>
                  <a:pt x="66" y="47"/>
                </a:lnTo>
                <a:lnTo>
                  <a:pt x="66" y="42"/>
                </a:lnTo>
                <a:lnTo>
                  <a:pt x="62" y="38"/>
                </a:lnTo>
                <a:lnTo>
                  <a:pt x="61" y="33"/>
                </a:lnTo>
                <a:lnTo>
                  <a:pt x="58" y="29"/>
                </a:lnTo>
                <a:lnTo>
                  <a:pt x="58" y="27"/>
                </a:lnTo>
                <a:lnTo>
                  <a:pt x="59" y="21"/>
                </a:lnTo>
                <a:lnTo>
                  <a:pt x="62" y="19"/>
                </a:lnTo>
                <a:lnTo>
                  <a:pt x="66" y="21"/>
                </a:lnTo>
                <a:lnTo>
                  <a:pt x="75" y="17"/>
                </a:lnTo>
                <a:lnTo>
                  <a:pt x="81" y="9"/>
                </a:lnTo>
                <a:lnTo>
                  <a:pt x="86" y="9"/>
                </a:lnTo>
                <a:lnTo>
                  <a:pt x="88" y="7"/>
                </a:lnTo>
                <a:lnTo>
                  <a:pt x="92" y="9"/>
                </a:lnTo>
                <a:lnTo>
                  <a:pt x="96" y="6"/>
                </a:lnTo>
                <a:lnTo>
                  <a:pt x="103" y="9"/>
                </a:lnTo>
                <a:lnTo>
                  <a:pt x="102" y="14"/>
                </a:lnTo>
                <a:lnTo>
                  <a:pt x="106" y="20"/>
                </a:lnTo>
                <a:lnTo>
                  <a:pt x="106" y="27"/>
                </a:lnTo>
                <a:lnTo>
                  <a:pt x="112" y="26"/>
                </a:lnTo>
                <a:lnTo>
                  <a:pt x="115" y="29"/>
                </a:lnTo>
                <a:lnTo>
                  <a:pt x="122" y="29"/>
                </a:lnTo>
                <a:lnTo>
                  <a:pt x="131" y="32"/>
                </a:lnTo>
                <a:lnTo>
                  <a:pt x="136" y="39"/>
                </a:lnTo>
                <a:lnTo>
                  <a:pt x="140" y="41"/>
                </a:lnTo>
                <a:lnTo>
                  <a:pt x="142" y="40"/>
                </a:lnTo>
                <a:lnTo>
                  <a:pt x="144" y="38"/>
                </a:lnTo>
                <a:lnTo>
                  <a:pt x="143" y="32"/>
                </a:lnTo>
                <a:lnTo>
                  <a:pt x="145" y="30"/>
                </a:lnTo>
                <a:lnTo>
                  <a:pt x="144" y="28"/>
                </a:lnTo>
                <a:lnTo>
                  <a:pt x="146" y="27"/>
                </a:lnTo>
                <a:lnTo>
                  <a:pt x="145" y="25"/>
                </a:lnTo>
                <a:lnTo>
                  <a:pt x="147" y="25"/>
                </a:lnTo>
                <a:lnTo>
                  <a:pt x="147" y="23"/>
                </a:lnTo>
                <a:lnTo>
                  <a:pt x="146" y="18"/>
                </a:lnTo>
                <a:lnTo>
                  <a:pt x="145" y="13"/>
                </a:lnTo>
                <a:lnTo>
                  <a:pt x="155" y="10"/>
                </a:lnTo>
                <a:lnTo>
                  <a:pt x="155" y="5"/>
                </a:lnTo>
                <a:lnTo>
                  <a:pt x="151" y="4"/>
                </a:lnTo>
                <a:lnTo>
                  <a:pt x="150" y="3"/>
                </a:lnTo>
                <a:lnTo>
                  <a:pt x="154" y="0"/>
                </a:lnTo>
                <a:lnTo>
                  <a:pt x="157" y="2"/>
                </a:lnTo>
                <a:lnTo>
                  <a:pt x="161" y="8"/>
                </a:lnTo>
                <a:lnTo>
                  <a:pt x="167" y="8"/>
                </a:lnTo>
                <a:lnTo>
                  <a:pt x="179" y="15"/>
                </a:lnTo>
                <a:lnTo>
                  <a:pt x="180" y="22"/>
                </a:lnTo>
                <a:lnTo>
                  <a:pt x="179" y="40"/>
                </a:lnTo>
                <a:lnTo>
                  <a:pt x="177" y="50"/>
                </a:lnTo>
                <a:lnTo>
                  <a:pt x="176" y="55"/>
                </a:lnTo>
                <a:lnTo>
                  <a:pt x="177" y="59"/>
                </a:lnTo>
                <a:lnTo>
                  <a:pt x="177" y="64"/>
                </a:lnTo>
                <a:lnTo>
                  <a:pt x="179" y="68"/>
                </a:lnTo>
                <a:lnTo>
                  <a:pt x="182" y="73"/>
                </a:lnTo>
                <a:lnTo>
                  <a:pt x="183" y="79"/>
                </a:lnTo>
                <a:lnTo>
                  <a:pt x="184" y="83"/>
                </a:lnTo>
                <a:lnTo>
                  <a:pt x="184" y="88"/>
                </a:lnTo>
                <a:lnTo>
                  <a:pt x="183" y="96"/>
                </a:lnTo>
                <a:lnTo>
                  <a:pt x="178" y="104"/>
                </a:lnTo>
                <a:lnTo>
                  <a:pt x="174" y="110"/>
                </a:lnTo>
                <a:lnTo>
                  <a:pt x="172" y="115"/>
                </a:lnTo>
                <a:lnTo>
                  <a:pt x="173" y="121"/>
                </a:lnTo>
                <a:lnTo>
                  <a:pt x="174" y="125"/>
                </a:lnTo>
                <a:lnTo>
                  <a:pt x="176" y="129"/>
                </a:lnTo>
                <a:lnTo>
                  <a:pt x="177" y="137"/>
                </a:lnTo>
                <a:lnTo>
                  <a:pt x="175" y="145"/>
                </a:lnTo>
                <a:lnTo>
                  <a:pt x="173" y="153"/>
                </a:lnTo>
                <a:lnTo>
                  <a:pt x="172" y="159"/>
                </a:lnTo>
                <a:lnTo>
                  <a:pt x="171" y="164"/>
                </a:lnTo>
                <a:lnTo>
                  <a:pt x="170" y="172"/>
                </a:lnTo>
                <a:lnTo>
                  <a:pt x="171" y="178"/>
                </a:lnTo>
                <a:lnTo>
                  <a:pt x="172" y="182"/>
                </a:lnTo>
                <a:lnTo>
                  <a:pt x="174" y="186"/>
                </a:lnTo>
                <a:lnTo>
                  <a:pt x="175" y="191"/>
                </a:lnTo>
                <a:lnTo>
                  <a:pt x="165" y="190"/>
                </a:lnTo>
                <a:lnTo>
                  <a:pt x="158" y="191"/>
                </a:lnTo>
                <a:lnTo>
                  <a:pt x="157" y="189"/>
                </a:lnTo>
                <a:lnTo>
                  <a:pt x="156" y="188"/>
                </a:lnTo>
                <a:lnTo>
                  <a:pt x="156" y="184"/>
                </a:lnTo>
                <a:lnTo>
                  <a:pt x="154" y="182"/>
                </a:lnTo>
                <a:lnTo>
                  <a:pt x="155" y="178"/>
                </a:lnTo>
                <a:lnTo>
                  <a:pt x="153" y="178"/>
                </a:lnTo>
                <a:lnTo>
                  <a:pt x="152" y="190"/>
                </a:lnTo>
                <a:lnTo>
                  <a:pt x="151" y="19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6" name="d14213"/>
          <xdr:cNvSpPr>
            <a:spLocks/>
          </xdr:cNvSpPr>
        </xdr:nvSpPr>
        <xdr:spPr bwMode="auto">
          <a:xfrm>
            <a:off x="6381750" y="3409950"/>
            <a:ext cx="581025" cy="1343025"/>
          </a:xfrm>
          <a:custGeom>
            <a:avLst/>
            <a:gdLst>
              <a:gd name="T0" fmla="*/ 2147483646 w 61"/>
              <a:gd name="T1" fmla="*/ 2147483646 h 141"/>
              <a:gd name="T2" fmla="*/ 2147483646 w 61"/>
              <a:gd name="T3" fmla="*/ 2147483646 h 141"/>
              <a:gd name="T4" fmla="*/ 2147483646 w 61"/>
              <a:gd name="T5" fmla="*/ 2147483646 h 141"/>
              <a:gd name="T6" fmla="*/ 2147483646 w 61"/>
              <a:gd name="T7" fmla="*/ 2147483646 h 141"/>
              <a:gd name="T8" fmla="*/ 2147483646 w 61"/>
              <a:gd name="T9" fmla="*/ 2147483646 h 141"/>
              <a:gd name="T10" fmla="*/ 2147483646 w 61"/>
              <a:gd name="T11" fmla="*/ 2147483646 h 141"/>
              <a:gd name="T12" fmla="*/ 2147483646 w 61"/>
              <a:gd name="T13" fmla="*/ 2147483646 h 141"/>
              <a:gd name="T14" fmla="*/ 2147483646 w 61"/>
              <a:gd name="T15" fmla="*/ 2147483646 h 141"/>
              <a:gd name="T16" fmla="*/ 2147483646 w 61"/>
              <a:gd name="T17" fmla="*/ 2147483646 h 141"/>
              <a:gd name="T18" fmla="*/ 2147483646 w 61"/>
              <a:gd name="T19" fmla="*/ 2147483646 h 141"/>
              <a:gd name="T20" fmla="*/ 2147483646 w 61"/>
              <a:gd name="T21" fmla="*/ 2147483646 h 141"/>
              <a:gd name="T22" fmla="*/ 2147483646 w 61"/>
              <a:gd name="T23" fmla="*/ 2147483646 h 141"/>
              <a:gd name="T24" fmla="*/ 2147483646 w 61"/>
              <a:gd name="T25" fmla="*/ 2147483646 h 141"/>
              <a:gd name="T26" fmla="*/ 2147483646 w 61"/>
              <a:gd name="T27" fmla="*/ 2147483646 h 141"/>
              <a:gd name="T28" fmla="*/ 2147483646 w 61"/>
              <a:gd name="T29" fmla="*/ 2147483646 h 141"/>
              <a:gd name="T30" fmla="*/ 2147483646 w 61"/>
              <a:gd name="T31" fmla="*/ 2147483646 h 141"/>
              <a:gd name="T32" fmla="*/ 2147483646 w 61"/>
              <a:gd name="T33" fmla="*/ 2147483646 h 141"/>
              <a:gd name="T34" fmla="*/ 2147483646 w 61"/>
              <a:gd name="T35" fmla="*/ 2147483646 h 141"/>
              <a:gd name="T36" fmla="*/ 2147483646 w 61"/>
              <a:gd name="T37" fmla="*/ 2147483646 h 141"/>
              <a:gd name="T38" fmla="*/ 2147483646 w 61"/>
              <a:gd name="T39" fmla="*/ 2147483646 h 141"/>
              <a:gd name="T40" fmla="*/ 2147483646 w 61"/>
              <a:gd name="T41" fmla="*/ 2147483646 h 141"/>
              <a:gd name="T42" fmla="*/ 2147483646 w 61"/>
              <a:gd name="T43" fmla="*/ 2147483646 h 141"/>
              <a:gd name="T44" fmla="*/ 2147483646 w 61"/>
              <a:gd name="T45" fmla="*/ 2147483646 h 141"/>
              <a:gd name="T46" fmla="*/ 2147483646 w 61"/>
              <a:gd name="T47" fmla="*/ 2147483646 h 141"/>
              <a:gd name="T48" fmla="*/ 2147483646 w 61"/>
              <a:gd name="T49" fmla="*/ 2147483646 h 141"/>
              <a:gd name="T50" fmla="*/ 2147483646 w 61"/>
              <a:gd name="T51" fmla="*/ 2147483646 h 141"/>
              <a:gd name="T52" fmla="*/ 2147483646 w 61"/>
              <a:gd name="T53" fmla="*/ 2147483646 h 141"/>
              <a:gd name="T54" fmla="*/ 2147483646 w 61"/>
              <a:gd name="T55" fmla="*/ 2147483646 h 141"/>
              <a:gd name="T56" fmla="*/ 2147483646 w 61"/>
              <a:gd name="T57" fmla="*/ 2147483646 h 141"/>
              <a:gd name="T58" fmla="*/ 2147483646 w 61"/>
              <a:gd name="T59" fmla="*/ 2147483646 h 141"/>
              <a:gd name="T60" fmla="*/ 2147483646 w 61"/>
              <a:gd name="T61" fmla="*/ 2147483646 h 141"/>
              <a:gd name="T62" fmla="*/ 2147483646 w 61"/>
              <a:gd name="T63" fmla="*/ 2147483646 h 141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w 61"/>
              <a:gd name="T97" fmla="*/ 0 h 141"/>
              <a:gd name="T98" fmla="*/ 61 w 61"/>
              <a:gd name="T99" fmla="*/ 141 h 141"/>
            </a:gdLst>
            <a:ahLst/>
            <a:cxnLst>
              <a:cxn ang="T64">
                <a:pos x="T0" y="T1"/>
              </a:cxn>
              <a:cxn ang="T65">
                <a:pos x="T2" y="T3"/>
              </a:cxn>
              <a:cxn ang="T66">
                <a:pos x="T4" y="T5"/>
              </a:cxn>
              <a:cxn ang="T67">
                <a:pos x="T6" y="T7"/>
              </a:cxn>
              <a:cxn ang="T68">
                <a:pos x="T8" y="T9"/>
              </a:cxn>
              <a:cxn ang="T69">
                <a:pos x="T10" y="T11"/>
              </a:cxn>
              <a:cxn ang="T70">
                <a:pos x="T12" y="T13"/>
              </a:cxn>
              <a:cxn ang="T71">
                <a:pos x="T14" y="T15"/>
              </a:cxn>
              <a:cxn ang="T72">
                <a:pos x="T16" y="T17"/>
              </a:cxn>
              <a:cxn ang="T73">
                <a:pos x="T18" y="T19"/>
              </a:cxn>
              <a:cxn ang="T74">
                <a:pos x="T20" y="T21"/>
              </a:cxn>
              <a:cxn ang="T75">
                <a:pos x="T22" y="T23"/>
              </a:cxn>
              <a:cxn ang="T76">
                <a:pos x="T24" y="T25"/>
              </a:cxn>
              <a:cxn ang="T77">
                <a:pos x="T26" y="T27"/>
              </a:cxn>
              <a:cxn ang="T78">
                <a:pos x="T28" y="T29"/>
              </a:cxn>
              <a:cxn ang="T79">
                <a:pos x="T30" y="T31"/>
              </a:cxn>
              <a:cxn ang="T80">
                <a:pos x="T32" y="T33"/>
              </a:cxn>
              <a:cxn ang="T81">
                <a:pos x="T34" y="T35"/>
              </a:cxn>
              <a:cxn ang="T82">
                <a:pos x="T36" y="T37"/>
              </a:cxn>
              <a:cxn ang="T83">
                <a:pos x="T38" y="T39"/>
              </a:cxn>
              <a:cxn ang="T84">
                <a:pos x="T40" y="T41"/>
              </a:cxn>
              <a:cxn ang="T85">
                <a:pos x="T42" y="T43"/>
              </a:cxn>
              <a:cxn ang="T86">
                <a:pos x="T44" y="T45"/>
              </a:cxn>
              <a:cxn ang="T87">
                <a:pos x="T46" y="T47"/>
              </a:cxn>
              <a:cxn ang="T88">
                <a:pos x="T48" y="T49"/>
              </a:cxn>
              <a:cxn ang="T89">
                <a:pos x="T50" y="T51"/>
              </a:cxn>
              <a:cxn ang="T90">
                <a:pos x="T52" y="T53"/>
              </a:cxn>
              <a:cxn ang="T91">
                <a:pos x="T54" y="T55"/>
              </a:cxn>
              <a:cxn ang="T92">
                <a:pos x="T56" y="T57"/>
              </a:cxn>
              <a:cxn ang="T93">
                <a:pos x="T58" y="T59"/>
              </a:cxn>
              <a:cxn ang="T94">
                <a:pos x="T60" y="T61"/>
              </a:cxn>
              <a:cxn ang="T95">
                <a:pos x="T62" y="T63"/>
              </a:cxn>
            </a:cxnLst>
            <a:rect l="T96" t="T97" r="T98" b="T99"/>
            <a:pathLst>
              <a:path w="61" h="141">
                <a:moveTo>
                  <a:pt x="33" y="0"/>
                </a:moveTo>
                <a:lnTo>
                  <a:pt x="34" y="1"/>
                </a:lnTo>
                <a:lnTo>
                  <a:pt x="38" y="0"/>
                </a:lnTo>
                <a:lnTo>
                  <a:pt x="42" y="3"/>
                </a:lnTo>
                <a:lnTo>
                  <a:pt x="44" y="5"/>
                </a:lnTo>
                <a:lnTo>
                  <a:pt x="44" y="9"/>
                </a:lnTo>
                <a:lnTo>
                  <a:pt x="44" y="12"/>
                </a:lnTo>
                <a:lnTo>
                  <a:pt x="46" y="16"/>
                </a:lnTo>
                <a:lnTo>
                  <a:pt x="48" y="19"/>
                </a:lnTo>
                <a:lnTo>
                  <a:pt x="48" y="23"/>
                </a:lnTo>
                <a:lnTo>
                  <a:pt x="47" y="27"/>
                </a:lnTo>
                <a:lnTo>
                  <a:pt x="44" y="30"/>
                </a:lnTo>
                <a:lnTo>
                  <a:pt x="42" y="33"/>
                </a:lnTo>
                <a:lnTo>
                  <a:pt x="44" y="36"/>
                </a:lnTo>
                <a:lnTo>
                  <a:pt x="47" y="37"/>
                </a:lnTo>
                <a:lnTo>
                  <a:pt x="51" y="46"/>
                </a:lnTo>
                <a:lnTo>
                  <a:pt x="49" y="51"/>
                </a:lnTo>
                <a:lnTo>
                  <a:pt x="50" y="55"/>
                </a:lnTo>
                <a:lnTo>
                  <a:pt x="50" y="60"/>
                </a:lnTo>
                <a:lnTo>
                  <a:pt x="50" y="65"/>
                </a:lnTo>
                <a:lnTo>
                  <a:pt x="54" y="73"/>
                </a:lnTo>
                <a:lnTo>
                  <a:pt x="54" y="77"/>
                </a:lnTo>
                <a:lnTo>
                  <a:pt x="52" y="82"/>
                </a:lnTo>
                <a:lnTo>
                  <a:pt x="54" y="88"/>
                </a:lnTo>
                <a:lnTo>
                  <a:pt x="58" y="97"/>
                </a:lnTo>
                <a:lnTo>
                  <a:pt x="61" y="105"/>
                </a:lnTo>
                <a:lnTo>
                  <a:pt x="57" y="115"/>
                </a:lnTo>
                <a:lnTo>
                  <a:pt x="52" y="126"/>
                </a:lnTo>
                <a:lnTo>
                  <a:pt x="53" y="130"/>
                </a:lnTo>
                <a:lnTo>
                  <a:pt x="51" y="141"/>
                </a:lnTo>
                <a:lnTo>
                  <a:pt x="44" y="138"/>
                </a:lnTo>
                <a:lnTo>
                  <a:pt x="45" y="128"/>
                </a:lnTo>
                <a:lnTo>
                  <a:pt x="41" y="127"/>
                </a:lnTo>
                <a:lnTo>
                  <a:pt x="39" y="139"/>
                </a:lnTo>
                <a:lnTo>
                  <a:pt x="35" y="137"/>
                </a:lnTo>
                <a:lnTo>
                  <a:pt x="30" y="136"/>
                </a:lnTo>
                <a:lnTo>
                  <a:pt x="26" y="135"/>
                </a:lnTo>
                <a:lnTo>
                  <a:pt x="23" y="132"/>
                </a:lnTo>
                <a:lnTo>
                  <a:pt x="25" y="124"/>
                </a:lnTo>
                <a:lnTo>
                  <a:pt x="25" y="118"/>
                </a:lnTo>
                <a:lnTo>
                  <a:pt x="24" y="110"/>
                </a:lnTo>
                <a:lnTo>
                  <a:pt x="25" y="109"/>
                </a:lnTo>
                <a:lnTo>
                  <a:pt x="28" y="103"/>
                </a:lnTo>
                <a:lnTo>
                  <a:pt x="31" y="100"/>
                </a:lnTo>
                <a:lnTo>
                  <a:pt x="32" y="95"/>
                </a:lnTo>
                <a:lnTo>
                  <a:pt x="30" y="90"/>
                </a:lnTo>
                <a:lnTo>
                  <a:pt x="27" y="87"/>
                </a:lnTo>
                <a:lnTo>
                  <a:pt x="27" y="76"/>
                </a:lnTo>
                <a:lnTo>
                  <a:pt x="9" y="76"/>
                </a:lnTo>
                <a:lnTo>
                  <a:pt x="9" y="72"/>
                </a:lnTo>
                <a:lnTo>
                  <a:pt x="8" y="67"/>
                </a:lnTo>
                <a:lnTo>
                  <a:pt x="5" y="62"/>
                </a:lnTo>
                <a:lnTo>
                  <a:pt x="11" y="56"/>
                </a:lnTo>
                <a:lnTo>
                  <a:pt x="9" y="49"/>
                </a:lnTo>
                <a:lnTo>
                  <a:pt x="3" y="31"/>
                </a:lnTo>
                <a:lnTo>
                  <a:pt x="1" y="23"/>
                </a:lnTo>
                <a:lnTo>
                  <a:pt x="0" y="18"/>
                </a:lnTo>
                <a:lnTo>
                  <a:pt x="2" y="17"/>
                </a:lnTo>
                <a:lnTo>
                  <a:pt x="6" y="17"/>
                </a:lnTo>
                <a:lnTo>
                  <a:pt x="11" y="16"/>
                </a:lnTo>
                <a:lnTo>
                  <a:pt x="17" y="13"/>
                </a:lnTo>
                <a:lnTo>
                  <a:pt x="20" y="8"/>
                </a:lnTo>
                <a:lnTo>
                  <a:pt x="23" y="5"/>
                </a:lnTo>
                <a:lnTo>
                  <a:pt x="27" y="3"/>
                </a:lnTo>
                <a:lnTo>
                  <a:pt x="33" y="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7" name="d14214"/>
          <xdr:cNvSpPr>
            <a:spLocks/>
          </xdr:cNvSpPr>
        </xdr:nvSpPr>
        <xdr:spPr bwMode="auto">
          <a:xfrm>
            <a:off x="4105275" y="4391025"/>
            <a:ext cx="1457325" cy="10763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0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16384"/>
              <a:gd name="T136" fmla="*/ 0 h 16384"/>
              <a:gd name="T137" fmla="*/ 16384 w 16384"/>
              <a:gd name="T138" fmla="*/ 16384 h 16384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16384" h="16384">
                <a:moveTo>
                  <a:pt x="15849" y="11309"/>
                </a:moveTo>
                <a:lnTo>
                  <a:pt x="16063" y="11744"/>
                </a:lnTo>
                <a:lnTo>
                  <a:pt x="16384" y="12324"/>
                </a:lnTo>
                <a:lnTo>
                  <a:pt x="16170" y="13629"/>
                </a:lnTo>
                <a:lnTo>
                  <a:pt x="14992" y="14789"/>
                </a:lnTo>
                <a:lnTo>
                  <a:pt x="15206" y="13774"/>
                </a:lnTo>
                <a:lnTo>
                  <a:pt x="15206" y="12904"/>
                </a:lnTo>
                <a:lnTo>
                  <a:pt x="14885" y="12759"/>
                </a:lnTo>
                <a:lnTo>
                  <a:pt x="14564" y="14499"/>
                </a:lnTo>
                <a:lnTo>
                  <a:pt x="14135" y="14354"/>
                </a:lnTo>
                <a:lnTo>
                  <a:pt x="13600" y="13629"/>
                </a:lnTo>
                <a:lnTo>
                  <a:pt x="13171" y="14209"/>
                </a:lnTo>
                <a:lnTo>
                  <a:pt x="12636" y="14209"/>
                </a:lnTo>
                <a:lnTo>
                  <a:pt x="12208" y="14354"/>
                </a:lnTo>
                <a:lnTo>
                  <a:pt x="12208" y="14644"/>
                </a:lnTo>
                <a:lnTo>
                  <a:pt x="11779" y="14209"/>
                </a:lnTo>
                <a:lnTo>
                  <a:pt x="11565" y="13629"/>
                </a:lnTo>
                <a:lnTo>
                  <a:pt x="11458" y="14499"/>
                </a:lnTo>
                <a:lnTo>
                  <a:pt x="11565" y="15369"/>
                </a:lnTo>
                <a:lnTo>
                  <a:pt x="11565" y="16384"/>
                </a:lnTo>
                <a:lnTo>
                  <a:pt x="10923" y="15949"/>
                </a:lnTo>
                <a:lnTo>
                  <a:pt x="10923" y="14934"/>
                </a:lnTo>
                <a:lnTo>
                  <a:pt x="10601" y="14354"/>
                </a:lnTo>
                <a:lnTo>
                  <a:pt x="10280" y="14064"/>
                </a:lnTo>
                <a:lnTo>
                  <a:pt x="9638" y="14064"/>
                </a:lnTo>
                <a:lnTo>
                  <a:pt x="9316" y="12614"/>
                </a:lnTo>
                <a:lnTo>
                  <a:pt x="9102" y="13194"/>
                </a:lnTo>
                <a:lnTo>
                  <a:pt x="9102" y="13774"/>
                </a:lnTo>
                <a:lnTo>
                  <a:pt x="9102" y="14209"/>
                </a:lnTo>
                <a:lnTo>
                  <a:pt x="8246" y="14064"/>
                </a:lnTo>
                <a:lnTo>
                  <a:pt x="7817" y="14209"/>
                </a:lnTo>
                <a:lnTo>
                  <a:pt x="6853" y="13919"/>
                </a:lnTo>
                <a:lnTo>
                  <a:pt x="6211" y="12904"/>
                </a:lnTo>
                <a:lnTo>
                  <a:pt x="5033" y="13339"/>
                </a:lnTo>
                <a:lnTo>
                  <a:pt x="4283" y="13339"/>
                </a:lnTo>
                <a:lnTo>
                  <a:pt x="3320" y="13919"/>
                </a:lnTo>
                <a:lnTo>
                  <a:pt x="2891" y="13629"/>
                </a:lnTo>
                <a:lnTo>
                  <a:pt x="2677" y="11889"/>
                </a:lnTo>
                <a:lnTo>
                  <a:pt x="3105" y="11164"/>
                </a:lnTo>
                <a:lnTo>
                  <a:pt x="3320" y="11019"/>
                </a:lnTo>
                <a:lnTo>
                  <a:pt x="3320" y="10584"/>
                </a:lnTo>
                <a:lnTo>
                  <a:pt x="3105" y="10004"/>
                </a:lnTo>
                <a:lnTo>
                  <a:pt x="3105" y="9134"/>
                </a:lnTo>
                <a:lnTo>
                  <a:pt x="2677" y="8699"/>
                </a:lnTo>
                <a:lnTo>
                  <a:pt x="2356" y="7830"/>
                </a:lnTo>
                <a:lnTo>
                  <a:pt x="1713" y="7395"/>
                </a:lnTo>
                <a:lnTo>
                  <a:pt x="857" y="5220"/>
                </a:lnTo>
                <a:lnTo>
                  <a:pt x="214" y="3335"/>
                </a:lnTo>
                <a:lnTo>
                  <a:pt x="0" y="2610"/>
                </a:lnTo>
                <a:lnTo>
                  <a:pt x="107" y="1740"/>
                </a:lnTo>
                <a:lnTo>
                  <a:pt x="857" y="1595"/>
                </a:lnTo>
                <a:lnTo>
                  <a:pt x="1285" y="1015"/>
                </a:lnTo>
                <a:lnTo>
                  <a:pt x="1606" y="435"/>
                </a:lnTo>
                <a:lnTo>
                  <a:pt x="1928" y="290"/>
                </a:lnTo>
                <a:lnTo>
                  <a:pt x="2570" y="435"/>
                </a:lnTo>
                <a:lnTo>
                  <a:pt x="3105" y="0"/>
                </a:lnTo>
                <a:lnTo>
                  <a:pt x="3534" y="290"/>
                </a:lnTo>
                <a:lnTo>
                  <a:pt x="3962" y="435"/>
                </a:lnTo>
                <a:lnTo>
                  <a:pt x="4176" y="870"/>
                </a:lnTo>
                <a:lnTo>
                  <a:pt x="4498" y="725"/>
                </a:lnTo>
                <a:lnTo>
                  <a:pt x="4712" y="1015"/>
                </a:lnTo>
                <a:lnTo>
                  <a:pt x="5997" y="1160"/>
                </a:lnTo>
                <a:lnTo>
                  <a:pt x="6318" y="1595"/>
                </a:lnTo>
                <a:lnTo>
                  <a:pt x="7603" y="1885"/>
                </a:lnTo>
                <a:lnTo>
                  <a:pt x="7710" y="2320"/>
                </a:lnTo>
                <a:lnTo>
                  <a:pt x="8031" y="2320"/>
                </a:lnTo>
                <a:lnTo>
                  <a:pt x="8460" y="2900"/>
                </a:lnTo>
                <a:lnTo>
                  <a:pt x="9423" y="2900"/>
                </a:lnTo>
                <a:lnTo>
                  <a:pt x="9316" y="3915"/>
                </a:lnTo>
                <a:lnTo>
                  <a:pt x="9638" y="4640"/>
                </a:lnTo>
                <a:lnTo>
                  <a:pt x="9959" y="4930"/>
                </a:lnTo>
                <a:lnTo>
                  <a:pt x="10601" y="5220"/>
                </a:lnTo>
                <a:lnTo>
                  <a:pt x="10923" y="5655"/>
                </a:lnTo>
                <a:lnTo>
                  <a:pt x="11886" y="4785"/>
                </a:lnTo>
                <a:lnTo>
                  <a:pt x="11886" y="4350"/>
                </a:lnTo>
                <a:lnTo>
                  <a:pt x="12315" y="4350"/>
                </a:lnTo>
                <a:lnTo>
                  <a:pt x="12636" y="4205"/>
                </a:lnTo>
                <a:lnTo>
                  <a:pt x="12850" y="4350"/>
                </a:lnTo>
                <a:lnTo>
                  <a:pt x="12743" y="4785"/>
                </a:lnTo>
                <a:lnTo>
                  <a:pt x="13171" y="5220"/>
                </a:lnTo>
                <a:lnTo>
                  <a:pt x="13600" y="5510"/>
                </a:lnTo>
                <a:lnTo>
                  <a:pt x="14135" y="6380"/>
                </a:lnTo>
                <a:lnTo>
                  <a:pt x="14671" y="6525"/>
                </a:lnTo>
                <a:lnTo>
                  <a:pt x="14885" y="6960"/>
                </a:lnTo>
                <a:lnTo>
                  <a:pt x="15099" y="7250"/>
                </a:lnTo>
                <a:lnTo>
                  <a:pt x="15099" y="8120"/>
                </a:lnTo>
                <a:lnTo>
                  <a:pt x="15099" y="8844"/>
                </a:lnTo>
                <a:lnTo>
                  <a:pt x="15206" y="9569"/>
                </a:lnTo>
                <a:lnTo>
                  <a:pt x="15634" y="10149"/>
                </a:lnTo>
                <a:lnTo>
                  <a:pt x="15849" y="1130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8" name="d14217"/>
          <xdr:cNvSpPr>
            <a:spLocks/>
          </xdr:cNvSpPr>
        </xdr:nvSpPr>
        <xdr:spPr bwMode="auto">
          <a:xfrm>
            <a:off x="1504950" y="5705475"/>
            <a:ext cx="1485900" cy="11049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0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0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w 16384"/>
              <a:gd name="T154" fmla="*/ 0 h 16384"/>
              <a:gd name="T155" fmla="*/ 16384 w 16384"/>
              <a:gd name="T156" fmla="*/ 16384 h 16384"/>
            </a:gdLst>
            <a:ahLst/>
            <a:cxnLst>
              <a:cxn ang="T102">
                <a:pos x="T0" y="T1"/>
              </a:cxn>
              <a:cxn ang="T103">
                <a:pos x="T2" y="T3"/>
              </a:cxn>
              <a:cxn ang="T104">
                <a:pos x="T4" y="T5"/>
              </a:cxn>
              <a:cxn ang="T105">
                <a:pos x="T6" y="T7"/>
              </a:cxn>
              <a:cxn ang="T106">
                <a:pos x="T8" y="T9"/>
              </a:cxn>
              <a:cxn ang="T107">
                <a:pos x="T10" y="T11"/>
              </a:cxn>
              <a:cxn ang="T108">
                <a:pos x="T12" y="T13"/>
              </a:cxn>
              <a:cxn ang="T109">
                <a:pos x="T14" y="T15"/>
              </a:cxn>
              <a:cxn ang="T110">
                <a:pos x="T16" y="T17"/>
              </a:cxn>
              <a:cxn ang="T111">
                <a:pos x="T18" y="T19"/>
              </a:cxn>
              <a:cxn ang="T112">
                <a:pos x="T20" y="T21"/>
              </a:cxn>
              <a:cxn ang="T113">
                <a:pos x="T22" y="T23"/>
              </a:cxn>
              <a:cxn ang="T114">
                <a:pos x="T24" y="T25"/>
              </a:cxn>
              <a:cxn ang="T115">
                <a:pos x="T26" y="T27"/>
              </a:cxn>
              <a:cxn ang="T116">
                <a:pos x="T28" y="T29"/>
              </a:cxn>
              <a:cxn ang="T117">
                <a:pos x="T30" y="T31"/>
              </a:cxn>
              <a:cxn ang="T118">
                <a:pos x="T32" y="T33"/>
              </a:cxn>
              <a:cxn ang="T119">
                <a:pos x="T34" y="T35"/>
              </a:cxn>
              <a:cxn ang="T120">
                <a:pos x="T36" y="T37"/>
              </a:cxn>
              <a:cxn ang="T121">
                <a:pos x="T38" y="T39"/>
              </a:cxn>
              <a:cxn ang="T122">
                <a:pos x="T40" y="T41"/>
              </a:cxn>
              <a:cxn ang="T123">
                <a:pos x="T42" y="T43"/>
              </a:cxn>
              <a:cxn ang="T124">
                <a:pos x="T44" y="T45"/>
              </a:cxn>
              <a:cxn ang="T125">
                <a:pos x="T46" y="T47"/>
              </a:cxn>
              <a:cxn ang="T126">
                <a:pos x="T48" y="T49"/>
              </a:cxn>
              <a:cxn ang="T127">
                <a:pos x="T50" y="T51"/>
              </a:cxn>
              <a:cxn ang="T128">
                <a:pos x="T52" y="T53"/>
              </a:cxn>
              <a:cxn ang="T129">
                <a:pos x="T54" y="T55"/>
              </a:cxn>
              <a:cxn ang="T130">
                <a:pos x="T56" y="T57"/>
              </a:cxn>
              <a:cxn ang="T131">
                <a:pos x="T58" y="T59"/>
              </a:cxn>
              <a:cxn ang="T132">
                <a:pos x="T60" y="T61"/>
              </a:cxn>
              <a:cxn ang="T133">
                <a:pos x="T62" y="T63"/>
              </a:cxn>
              <a:cxn ang="T134">
                <a:pos x="T64" y="T65"/>
              </a:cxn>
              <a:cxn ang="T135">
                <a:pos x="T66" y="T67"/>
              </a:cxn>
              <a:cxn ang="T136">
                <a:pos x="T68" y="T69"/>
              </a:cxn>
              <a:cxn ang="T137">
                <a:pos x="T70" y="T71"/>
              </a:cxn>
              <a:cxn ang="T138">
                <a:pos x="T72" y="T73"/>
              </a:cxn>
              <a:cxn ang="T139">
                <a:pos x="T74" y="T75"/>
              </a:cxn>
              <a:cxn ang="T140">
                <a:pos x="T76" y="T77"/>
              </a:cxn>
              <a:cxn ang="T141">
                <a:pos x="T78" y="T79"/>
              </a:cxn>
              <a:cxn ang="T142">
                <a:pos x="T80" y="T81"/>
              </a:cxn>
              <a:cxn ang="T143">
                <a:pos x="T82" y="T83"/>
              </a:cxn>
              <a:cxn ang="T144">
                <a:pos x="T84" y="T85"/>
              </a:cxn>
              <a:cxn ang="T145">
                <a:pos x="T86" y="T87"/>
              </a:cxn>
              <a:cxn ang="T146">
                <a:pos x="T88" y="T89"/>
              </a:cxn>
              <a:cxn ang="T147">
                <a:pos x="T90" y="T91"/>
              </a:cxn>
              <a:cxn ang="T148">
                <a:pos x="T92" y="T93"/>
              </a:cxn>
              <a:cxn ang="T149">
                <a:pos x="T94" y="T95"/>
              </a:cxn>
              <a:cxn ang="T150">
                <a:pos x="T96" y="T97"/>
              </a:cxn>
              <a:cxn ang="T151">
                <a:pos x="T98" y="T99"/>
              </a:cxn>
              <a:cxn ang="T152">
                <a:pos x="T100" y="T101"/>
              </a:cxn>
            </a:cxnLst>
            <a:rect l="T153" t="T154" r="T155" b="T156"/>
            <a:pathLst>
              <a:path w="16384" h="16384">
                <a:moveTo>
                  <a:pt x="16069" y="7486"/>
                </a:moveTo>
                <a:lnTo>
                  <a:pt x="16279" y="8051"/>
                </a:lnTo>
                <a:lnTo>
                  <a:pt x="16384" y="8333"/>
                </a:lnTo>
                <a:lnTo>
                  <a:pt x="16069" y="8757"/>
                </a:lnTo>
                <a:lnTo>
                  <a:pt x="15964" y="9181"/>
                </a:lnTo>
                <a:lnTo>
                  <a:pt x="16069" y="9604"/>
                </a:lnTo>
                <a:lnTo>
                  <a:pt x="16174" y="10311"/>
                </a:lnTo>
                <a:lnTo>
                  <a:pt x="16174" y="10452"/>
                </a:lnTo>
                <a:lnTo>
                  <a:pt x="16384" y="11723"/>
                </a:lnTo>
                <a:lnTo>
                  <a:pt x="16069" y="11864"/>
                </a:lnTo>
                <a:lnTo>
                  <a:pt x="16174" y="12288"/>
                </a:lnTo>
                <a:lnTo>
                  <a:pt x="16069" y="12712"/>
                </a:lnTo>
                <a:lnTo>
                  <a:pt x="15859" y="13277"/>
                </a:lnTo>
                <a:lnTo>
                  <a:pt x="15439" y="13418"/>
                </a:lnTo>
                <a:lnTo>
                  <a:pt x="14914" y="13277"/>
                </a:lnTo>
                <a:lnTo>
                  <a:pt x="14599" y="13418"/>
                </a:lnTo>
                <a:lnTo>
                  <a:pt x="14599" y="13842"/>
                </a:lnTo>
                <a:lnTo>
                  <a:pt x="14704" y="14548"/>
                </a:lnTo>
                <a:lnTo>
                  <a:pt x="14073" y="14830"/>
                </a:lnTo>
                <a:lnTo>
                  <a:pt x="13758" y="14830"/>
                </a:lnTo>
                <a:lnTo>
                  <a:pt x="13023" y="14972"/>
                </a:lnTo>
                <a:lnTo>
                  <a:pt x="10923" y="15113"/>
                </a:lnTo>
                <a:lnTo>
                  <a:pt x="10713" y="15537"/>
                </a:lnTo>
                <a:lnTo>
                  <a:pt x="9872" y="15678"/>
                </a:lnTo>
                <a:lnTo>
                  <a:pt x="9137" y="16102"/>
                </a:lnTo>
                <a:lnTo>
                  <a:pt x="8717" y="16243"/>
                </a:lnTo>
                <a:lnTo>
                  <a:pt x="7877" y="16102"/>
                </a:lnTo>
                <a:lnTo>
                  <a:pt x="7142" y="16384"/>
                </a:lnTo>
                <a:lnTo>
                  <a:pt x="5881" y="14972"/>
                </a:lnTo>
                <a:lnTo>
                  <a:pt x="5881" y="14407"/>
                </a:lnTo>
                <a:lnTo>
                  <a:pt x="5461" y="14265"/>
                </a:lnTo>
                <a:lnTo>
                  <a:pt x="4936" y="14548"/>
                </a:lnTo>
                <a:lnTo>
                  <a:pt x="4726" y="14830"/>
                </a:lnTo>
                <a:lnTo>
                  <a:pt x="4306" y="14972"/>
                </a:lnTo>
                <a:lnTo>
                  <a:pt x="4096" y="15254"/>
                </a:lnTo>
                <a:lnTo>
                  <a:pt x="3676" y="15537"/>
                </a:lnTo>
                <a:lnTo>
                  <a:pt x="3361" y="15678"/>
                </a:lnTo>
                <a:lnTo>
                  <a:pt x="3046" y="15395"/>
                </a:lnTo>
                <a:lnTo>
                  <a:pt x="2836" y="15113"/>
                </a:lnTo>
                <a:lnTo>
                  <a:pt x="2311" y="14689"/>
                </a:lnTo>
                <a:lnTo>
                  <a:pt x="1890" y="14689"/>
                </a:lnTo>
                <a:lnTo>
                  <a:pt x="1575" y="14830"/>
                </a:lnTo>
                <a:lnTo>
                  <a:pt x="1575" y="14548"/>
                </a:lnTo>
                <a:lnTo>
                  <a:pt x="1470" y="14265"/>
                </a:lnTo>
                <a:lnTo>
                  <a:pt x="1050" y="14265"/>
                </a:lnTo>
                <a:lnTo>
                  <a:pt x="840" y="13983"/>
                </a:lnTo>
                <a:lnTo>
                  <a:pt x="840" y="13700"/>
                </a:lnTo>
                <a:lnTo>
                  <a:pt x="525" y="13135"/>
                </a:lnTo>
                <a:lnTo>
                  <a:pt x="0" y="12570"/>
                </a:lnTo>
                <a:lnTo>
                  <a:pt x="0" y="12288"/>
                </a:lnTo>
                <a:lnTo>
                  <a:pt x="210" y="11582"/>
                </a:lnTo>
                <a:lnTo>
                  <a:pt x="210" y="10593"/>
                </a:lnTo>
                <a:lnTo>
                  <a:pt x="420" y="10169"/>
                </a:lnTo>
                <a:lnTo>
                  <a:pt x="525" y="9604"/>
                </a:lnTo>
                <a:lnTo>
                  <a:pt x="630" y="8898"/>
                </a:lnTo>
                <a:lnTo>
                  <a:pt x="840" y="8333"/>
                </a:lnTo>
                <a:lnTo>
                  <a:pt x="735" y="7768"/>
                </a:lnTo>
                <a:lnTo>
                  <a:pt x="1050" y="7203"/>
                </a:lnTo>
                <a:lnTo>
                  <a:pt x="1260" y="6638"/>
                </a:lnTo>
                <a:lnTo>
                  <a:pt x="1575" y="5932"/>
                </a:lnTo>
                <a:lnTo>
                  <a:pt x="1785" y="5226"/>
                </a:lnTo>
                <a:lnTo>
                  <a:pt x="1785" y="4378"/>
                </a:lnTo>
                <a:lnTo>
                  <a:pt x="2101" y="3955"/>
                </a:lnTo>
                <a:lnTo>
                  <a:pt x="2626" y="4096"/>
                </a:lnTo>
                <a:lnTo>
                  <a:pt x="3046" y="4096"/>
                </a:lnTo>
                <a:lnTo>
                  <a:pt x="3466" y="3955"/>
                </a:lnTo>
                <a:lnTo>
                  <a:pt x="3361" y="3107"/>
                </a:lnTo>
                <a:lnTo>
                  <a:pt x="3571" y="2684"/>
                </a:lnTo>
                <a:lnTo>
                  <a:pt x="4096" y="2260"/>
                </a:lnTo>
                <a:lnTo>
                  <a:pt x="4411" y="1554"/>
                </a:lnTo>
                <a:lnTo>
                  <a:pt x="4831" y="1130"/>
                </a:lnTo>
                <a:lnTo>
                  <a:pt x="5566" y="1130"/>
                </a:lnTo>
                <a:lnTo>
                  <a:pt x="5776" y="989"/>
                </a:lnTo>
                <a:lnTo>
                  <a:pt x="6091" y="282"/>
                </a:lnTo>
                <a:lnTo>
                  <a:pt x="6512" y="141"/>
                </a:lnTo>
                <a:lnTo>
                  <a:pt x="7142" y="141"/>
                </a:lnTo>
                <a:lnTo>
                  <a:pt x="7352" y="424"/>
                </a:lnTo>
                <a:lnTo>
                  <a:pt x="7877" y="847"/>
                </a:lnTo>
                <a:lnTo>
                  <a:pt x="8717" y="1130"/>
                </a:lnTo>
                <a:lnTo>
                  <a:pt x="9347" y="847"/>
                </a:lnTo>
                <a:lnTo>
                  <a:pt x="9767" y="282"/>
                </a:lnTo>
                <a:lnTo>
                  <a:pt x="10293" y="565"/>
                </a:lnTo>
                <a:lnTo>
                  <a:pt x="10818" y="424"/>
                </a:lnTo>
                <a:lnTo>
                  <a:pt x="11238" y="565"/>
                </a:lnTo>
                <a:lnTo>
                  <a:pt x="11763" y="989"/>
                </a:lnTo>
                <a:lnTo>
                  <a:pt x="12393" y="424"/>
                </a:lnTo>
                <a:lnTo>
                  <a:pt x="12813" y="141"/>
                </a:lnTo>
                <a:lnTo>
                  <a:pt x="13443" y="0"/>
                </a:lnTo>
                <a:lnTo>
                  <a:pt x="13443" y="424"/>
                </a:lnTo>
                <a:lnTo>
                  <a:pt x="13338" y="847"/>
                </a:lnTo>
                <a:lnTo>
                  <a:pt x="13023" y="1412"/>
                </a:lnTo>
                <a:lnTo>
                  <a:pt x="13338" y="2119"/>
                </a:lnTo>
                <a:lnTo>
                  <a:pt x="13653" y="2401"/>
                </a:lnTo>
                <a:lnTo>
                  <a:pt x="14073" y="2825"/>
                </a:lnTo>
                <a:lnTo>
                  <a:pt x="14178" y="3390"/>
                </a:lnTo>
                <a:lnTo>
                  <a:pt x="14283" y="4378"/>
                </a:lnTo>
                <a:lnTo>
                  <a:pt x="14599" y="5367"/>
                </a:lnTo>
                <a:lnTo>
                  <a:pt x="14809" y="6356"/>
                </a:lnTo>
                <a:lnTo>
                  <a:pt x="14914" y="6638"/>
                </a:lnTo>
                <a:lnTo>
                  <a:pt x="15334" y="6780"/>
                </a:lnTo>
                <a:lnTo>
                  <a:pt x="15649" y="6921"/>
                </a:lnTo>
                <a:lnTo>
                  <a:pt x="15754" y="7486"/>
                </a:lnTo>
                <a:lnTo>
                  <a:pt x="16069" y="7486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09" name="d14301"/>
          <xdr:cNvSpPr>
            <a:spLocks/>
          </xdr:cNvSpPr>
        </xdr:nvSpPr>
        <xdr:spPr bwMode="auto">
          <a:xfrm>
            <a:off x="7953375" y="6562725"/>
            <a:ext cx="847725" cy="5334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0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w 16384"/>
              <a:gd name="T115" fmla="*/ 0 h 16384"/>
              <a:gd name="T116" fmla="*/ 16384 w 16384"/>
              <a:gd name="T117" fmla="*/ 16384 h 16384"/>
            </a:gdLst>
            <a:ahLst/>
            <a:cxnLst>
              <a:cxn ang="T76">
                <a:pos x="T0" y="T1"/>
              </a:cxn>
              <a:cxn ang="T77">
                <a:pos x="T2" y="T3"/>
              </a:cxn>
              <a:cxn ang="T78">
                <a:pos x="T4" y="T5"/>
              </a:cxn>
              <a:cxn ang="T79">
                <a:pos x="T6" y="T7"/>
              </a:cxn>
              <a:cxn ang="T80">
                <a:pos x="T8" y="T9"/>
              </a:cxn>
              <a:cxn ang="T81">
                <a:pos x="T10" y="T11"/>
              </a:cxn>
              <a:cxn ang="T82">
                <a:pos x="T12" y="T13"/>
              </a:cxn>
              <a:cxn ang="T83">
                <a:pos x="T14" y="T15"/>
              </a:cxn>
              <a:cxn ang="T84">
                <a:pos x="T16" y="T17"/>
              </a:cxn>
              <a:cxn ang="T85">
                <a:pos x="T18" y="T19"/>
              </a:cxn>
              <a:cxn ang="T86">
                <a:pos x="T20" y="T21"/>
              </a:cxn>
              <a:cxn ang="T87">
                <a:pos x="T22" y="T23"/>
              </a:cxn>
              <a:cxn ang="T88">
                <a:pos x="T24" y="T25"/>
              </a:cxn>
              <a:cxn ang="T89">
                <a:pos x="T26" y="T27"/>
              </a:cxn>
              <a:cxn ang="T90">
                <a:pos x="T28" y="T29"/>
              </a:cxn>
              <a:cxn ang="T91">
                <a:pos x="T30" y="T31"/>
              </a:cxn>
              <a:cxn ang="T92">
                <a:pos x="T32" y="T33"/>
              </a:cxn>
              <a:cxn ang="T93">
                <a:pos x="T34" y="T35"/>
              </a:cxn>
              <a:cxn ang="T94">
                <a:pos x="T36" y="T37"/>
              </a:cxn>
              <a:cxn ang="T95">
                <a:pos x="T38" y="T39"/>
              </a:cxn>
              <a:cxn ang="T96">
                <a:pos x="T40" y="T41"/>
              </a:cxn>
              <a:cxn ang="T97">
                <a:pos x="T42" y="T43"/>
              </a:cxn>
              <a:cxn ang="T98">
                <a:pos x="T44" y="T45"/>
              </a:cxn>
              <a:cxn ang="T99">
                <a:pos x="T46" y="T47"/>
              </a:cxn>
              <a:cxn ang="T100">
                <a:pos x="T48" y="T49"/>
              </a:cxn>
              <a:cxn ang="T101">
                <a:pos x="T50" y="T51"/>
              </a:cxn>
              <a:cxn ang="T102">
                <a:pos x="T52" y="T53"/>
              </a:cxn>
              <a:cxn ang="T103">
                <a:pos x="T54" y="T55"/>
              </a:cxn>
              <a:cxn ang="T104">
                <a:pos x="T56" y="T57"/>
              </a:cxn>
              <a:cxn ang="T105">
                <a:pos x="T58" y="T59"/>
              </a:cxn>
              <a:cxn ang="T106">
                <a:pos x="T60" y="T61"/>
              </a:cxn>
              <a:cxn ang="T107">
                <a:pos x="T62" y="T63"/>
              </a:cxn>
              <a:cxn ang="T108">
                <a:pos x="T64" y="T65"/>
              </a:cxn>
              <a:cxn ang="T109">
                <a:pos x="T66" y="T67"/>
              </a:cxn>
              <a:cxn ang="T110">
                <a:pos x="T68" y="T69"/>
              </a:cxn>
              <a:cxn ang="T111">
                <a:pos x="T70" y="T71"/>
              </a:cxn>
              <a:cxn ang="T112">
                <a:pos x="T72" y="T73"/>
              </a:cxn>
              <a:cxn ang="T113">
                <a:pos x="T74" y="T75"/>
              </a:cxn>
            </a:cxnLst>
            <a:rect l="T114" t="T115" r="T116" b="T117"/>
            <a:pathLst>
              <a:path w="16384" h="16384">
                <a:moveTo>
                  <a:pt x="12518" y="5559"/>
                </a:moveTo>
                <a:lnTo>
                  <a:pt x="13070" y="5266"/>
                </a:lnTo>
                <a:lnTo>
                  <a:pt x="13807" y="6729"/>
                </a:lnTo>
                <a:lnTo>
                  <a:pt x="14911" y="7607"/>
                </a:lnTo>
                <a:lnTo>
                  <a:pt x="15648" y="7899"/>
                </a:lnTo>
                <a:lnTo>
                  <a:pt x="16384" y="7899"/>
                </a:lnTo>
                <a:lnTo>
                  <a:pt x="16384" y="8485"/>
                </a:lnTo>
                <a:lnTo>
                  <a:pt x="15832" y="9070"/>
                </a:lnTo>
                <a:lnTo>
                  <a:pt x="15832" y="10533"/>
                </a:lnTo>
                <a:lnTo>
                  <a:pt x="16200" y="11995"/>
                </a:lnTo>
                <a:lnTo>
                  <a:pt x="16016" y="13166"/>
                </a:lnTo>
                <a:lnTo>
                  <a:pt x="15279" y="12873"/>
                </a:lnTo>
                <a:lnTo>
                  <a:pt x="14359" y="13458"/>
                </a:lnTo>
                <a:lnTo>
                  <a:pt x="13807" y="14043"/>
                </a:lnTo>
                <a:lnTo>
                  <a:pt x="13439" y="14336"/>
                </a:lnTo>
                <a:lnTo>
                  <a:pt x="13254" y="15214"/>
                </a:lnTo>
                <a:lnTo>
                  <a:pt x="12702" y="15214"/>
                </a:lnTo>
                <a:lnTo>
                  <a:pt x="11966" y="14629"/>
                </a:lnTo>
                <a:lnTo>
                  <a:pt x="11782" y="13458"/>
                </a:lnTo>
                <a:lnTo>
                  <a:pt x="11414" y="12873"/>
                </a:lnTo>
                <a:lnTo>
                  <a:pt x="11045" y="12581"/>
                </a:lnTo>
                <a:lnTo>
                  <a:pt x="10677" y="13458"/>
                </a:lnTo>
                <a:lnTo>
                  <a:pt x="10125" y="14043"/>
                </a:lnTo>
                <a:lnTo>
                  <a:pt x="9389" y="14043"/>
                </a:lnTo>
                <a:lnTo>
                  <a:pt x="9020" y="14043"/>
                </a:lnTo>
                <a:lnTo>
                  <a:pt x="8284" y="14043"/>
                </a:lnTo>
                <a:lnTo>
                  <a:pt x="7732" y="14043"/>
                </a:lnTo>
                <a:lnTo>
                  <a:pt x="7180" y="14921"/>
                </a:lnTo>
                <a:lnTo>
                  <a:pt x="7180" y="15214"/>
                </a:lnTo>
                <a:lnTo>
                  <a:pt x="6075" y="15214"/>
                </a:lnTo>
                <a:lnTo>
                  <a:pt x="3130" y="15799"/>
                </a:lnTo>
                <a:lnTo>
                  <a:pt x="2761" y="16384"/>
                </a:lnTo>
                <a:lnTo>
                  <a:pt x="1841" y="16384"/>
                </a:lnTo>
                <a:lnTo>
                  <a:pt x="2577" y="14629"/>
                </a:lnTo>
                <a:lnTo>
                  <a:pt x="2025" y="13751"/>
                </a:lnTo>
                <a:lnTo>
                  <a:pt x="1473" y="12581"/>
                </a:lnTo>
                <a:lnTo>
                  <a:pt x="1473" y="11410"/>
                </a:lnTo>
                <a:lnTo>
                  <a:pt x="920" y="11118"/>
                </a:lnTo>
                <a:lnTo>
                  <a:pt x="0" y="10533"/>
                </a:lnTo>
                <a:lnTo>
                  <a:pt x="184" y="9655"/>
                </a:lnTo>
                <a:lnTo>
                  <a:pt x="552" y="8777"/>
                </a:lnTo>
                <a:lnTo>
                  <a:pt x="368" y="7899"/>
                </a:lnTo>
                <a:lnTo>
                  <a:pt x="736" y="6729"/>
                </a:lnTo>
                <a:lnTo>
                  <a:pt x="368" y="4974"/>
                </a:lnTo>
                <a:lnTo>
                  <a:pt x="184" y="3803"/>
                </a:lnTo>
                <a:lnTo>
                  <a:pt x="0" y="2633"/>
                </a:lnTo>
                <a:lnTo>
                  <a:pt x="736" y="2341"/>
                </a:lnTo>
                <a:lnTo>
                  <a:pt x="1473" y="3803"/>
                </a:lnTo>
                <a:lnTo>
                  <a:pt x="2209" y="3218"/>
                </a:lnTo>
                <a:lnTo>
                  <a:pt x="2761" y="2048"/>
                </a:lnTo>
                <a:lnTo>
                  <a:pt x="3498" y="2048"/>
                </a:lnTo>
                <a:lnTo>
                  <a:pt x="4234" y="1463"/>
                </a:lnTo>
                <a:lnTo>
                  <a:pt x="4786" y="0"/>
                </a:lnTo>
                <a:lnTo>
                  <a:pt x="5339" y="293"/>
                </a:lnTo>
                <a:lnTo>
                  <a:pt x="6259" y="0"/>
                </a:lnTo>
                <a:lnTo>
                  <a:pt x="6627" y="293"/>
                </a:lnTo>
                <a:lnTo>
                  <a:pt x="8100" y="293"/>
                </a:lnTo>
                <a:lnTo>
                  <a:pt x="8284" y="878"/>
                </a:lnTo>
                <a:lnTo>
                  <a:pt x="9204" y="585"/>
                </a:lnTo>
                <a:lnTo>
                  <a:pt x="9757" y="1463"/>
                </a:lnTo>
                <a:lnTo>
                  <a:pt x="9389" y="2633"/>
                </a:lnTo>
                <a:lnTo>
                  <a:pt x="8468" y="3803"/>
                </a:lnTo>
                <a:lnTo>
                  <a:pt x="7916" y="3803"/>
                </a:lnTo>
                <a:lnTo>
                  <a:pt x="6995" y="4389"/>
                </a:lnTo>
                <a:lnTo>
                  <a:pt x="6443" y="4389"/>
                </a:lnTo>
                <a:lnTo>
                  <a:pt x="6259" y="4974"/>
                </a:lnTo>
                <a:lnTo>
                  <a:pt x="6811" y="6144"/>
                </a:lnTo>
                <a:lnTo>
                  <a:pt x="7548" y="6144"/>
                </a:lnTo>
                <a:lnTo>
                  <a:pt x="8100" y="6437"/>
                </a:lnTo>
                <a:lnTo>
                  <a:pt x="9020" y="6144"/>
                </a:lnTo>
                <a:lnTo>
                  <a:pt x="9941" y="5851"/>
                </a:lnTo>
                <a:lnTo>
                  <a:pt x="10493" y="6144"/>
                </a:lnTo>
                <a:lnTo>
                  <a:pt x="11229" y="6729"/>
                </a:lnTo>
                <a:lnTo>
                  <a:pt x="12150" y="6729"/>
                </a:lnTo>
                <a:lnTo>
                  <a:pt x="12702" y="5851"/>
                </a:lnTo>
                <a:lnTo>
                  <a:pt x="12518" y="555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10" name="d14321"/>
          <xdr:cNvSpPr>
            <a:spLocks/>
          </xdr:cNvSpPr>
        </xdr:nvSpPr>
        <xdr:spPr bwMode="auto">
          <a:xfrm>
            <a:off x="5686425" y="5048250"/>
            <a:ext cx="409575" cy="714375"/>
          </a:xfrm>
          <a:custGeom>
            <a:avLst/>
            <a:gdLst>
              <a:gd name="T0" fmla="*/ 2147483646 w 43"/>
              <a:gd name="T1" fmla="*/ 2147483646 h 75"/>
              <a:gd name="T2" fmla="*/ 2147483646 w 43"/>
              <a:gd name="T3" fmla="*/ 2147483646 h 75"/>
              <a:gd name="T4" fmla="*/ 2147483646 w 43"/>
              <a:gd name="T5" fmla="*/ 2147483646 h 75"/>
              <a:gd name="T6" fmla="*/ 2147483646 w 43"/>
              <a:gd name="T7" fmla="*/ 2147483646 h 75"/>
              <a:gd name="T8" fmla="*/ 2147483646 w 43"/>
              <a:gd name="T9" fmla="*/ 0 h 75"/>
              <a:gd name="T10" fmla="*/ 2147483646 w 43"/>
              <a:gd name="T11" fmla="*/ 2147483646 h 75"/>
              <a:gd name="T12" fmla="*/ 2147483646 w 43"/>
              <a:gd name="T13" fmla="*/ 2147483646 h 75"/>
              <a:gd name="T14" fmla="*/ 2147483646 w 43"/>
              <a:gd name="T15" fmla="*/ 2147483646 h 75"/>
              <a:gd name="T16" fmla="*/ 2147483646 w 43"/>
              <a:gd name="T17" fmla="*/ 2147483646 h 75"/>
              <a:gd name="T18" fmla="*/ 2147483646 w 43"/>
              <a:gd name="T19" fmla="*/ 2147483646 h 75"/>
              <a:gd name="T20" fmla="*/ 2147483646 w 43"/>
              <a:gd name="T21" fmla="*/ 2147483646 h 75"/>
              <a:gd name="T22" fmla="*/ 2147483646 w 43"/>
              <a:gd name="T23" fmla="*/ 2147483646 h 75"/>
              <a:gd name="T24" fmla="*/ 2147483646 w 43"/>
              <a:gd name="T25" fmla="*/ 2147483646 h 75"/>
              <a:gd name="T26" fmla="*/ 2147483646 w 43"/>
              <a:gd name="T27" fmla="*/ 2147483646 h 75"/>
              <a:gd name="T28" fmla="*/ 2147483646 w 43"/>
              <a:gd name="T29" fmla="*/ 2147483646 h 75"/>
              <a:gd name="T30" fmla="*/ 2147483646 w 43"/>
              <a:gd name="T31" fmla="*/ 2147483646 h 75"/>
              <a:gd name="T32" fmla="*/ 2147483646 w 43"/>
              <a:gd name="T33" fmla="*/ 2147483646 h 75"/>
              <a:gd name="T34" fmla="*/ 2147483646 w 43"/>
              <a:gd name="T35" fmla="*/ 2147483646 h 75"/>
              <a:gd name="T36" fmla="*/ 2147483646 w 43"/>
              <a:gd name="T37" fmla="*/ 2147483646 h 75"/>
              <a:gd name="T38" fmla="*/ 2147483646 w 43"/>
              <a:gd name="T39" fmla="*/ 2147483646 h 75"/>
              <a:gd name="T40" fmla="*/ 2147483646 w 43"/>
              <a:gd name="T41" fmla="*/ 2147483646 h 75"/>
              <a:gd name="T42" fmla="*/ 2147483646 w 43"/>
              <a:gd name="T43" fmla="*/ 2147483646 h 75"/>
              <a:gd name="T44" fmla="*/ 2147483646 w 43"/>
              <a:gd name="T45" fmla="*/ 2147483646 h 75"/>
              <a:gd name="T46" fmla="*/ 2147483646 w 43"/>
              <a:gd name="T47" fmla="*/ 2147483646 h 75"/>
              <a:gd name="T48" fmla="*/ 2147483646 w 43"/>
              <a:gd name="T49" fmla="*/ 2147483646 h 75"/>
              <a:gd name="T50" fmla="*/ 2147483646 w 43"/>
              <a:gd name="T51" fmla="*/ 2147483646 h 75"/>
              <a:gd name="T52" fmla="*/ 2147483646 w 43"/>
              <a:gd name="T53" fmla="*/ 2147483646 h 75"/>
              <a:gd name="T54" fmla="*/ 2147483646 w 43"/>
              <a:gd name="T55" fmla="*/ 2147483646 h 75"/>
              <a:gd name="T56" fmla="*/ 2147483646 w 43"/>
              <a:gd name="T57" fmla="*/ 2147483646 h 75"/>
              <a:gd name="T58" fmla="*/ 0 w 43"/>
              <a:gd name="T59" fmla="*/ 2147483646 h 75"/>
              <a:gd name="T60" fmla="*/ 2147483646 w 43"/>
              <a:gd name="T61" fmla="*/ 2147483646 h 75"/>
              <a:gd name="T62" fmla="*/ 2147483646 w 43"/>
              <a:gd name="T63" fmla="*/ 2147483646 h 75"/>
              <a:gd name="T64" fmla="*/ 2147483646 w 43"/>
              <a:gd name="T65" fmla="*/ 2147483646 h 75"/>
              <a:gd name="T66" fmla="*/ 2147483646 w 43"/>
              <a:gd name="T67" fmla="*/ 2147483646 h 75"/>
              <a:gd name="T68" fmla="*/ 2147483646 w 43"/>
              <a:gd name="T69" fmla="*/ 2147483646 h 75"/>
              <a:gd name="T70" fmla="*/ 2147483646 w 43"/>
              <a:gd name="T71" fmla="*/ 2147483646 h 75"/>
              <a:gd name="T72" fmla="*/ 2147483646 w 43"/>
              <a:gd name="T73" fmla="*/ 2147483646 h 75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43"/>
              <a:gd name="T112" fmla="*/ 0 h 75"/>
              <a:gd name="T113" fmla="*/ 43 w 43"/>
              <a:gd name="T114" fmla="*/ 75 h 75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43" h="75">
                <a:moveTo>
                  <a:pt x="6" y="10"/>
                </a:moveTo>
                <a:lnTo>
                  <a:pt x="5" y="5"/>
                </a:lnTo>
                <a:lnTo>
                  <a:pt x="3" y="1"/>
                </a:lnTo>
                <a:lnTo>
                  <a:pt x="8" y="1"/>
                </a:lnTo>
                <a:lnTo>
                  <a:pt x="15" y="0"/>
                </a:lnTo>
                <a:lnTo>
                  <a:pt x="20" y="2"/>
                </a:lnTo>
                <a:lnTo>
                  <a:pt x="26" y="1"/>
                </a:lnTo>
                <a:lnTo>
                  <a:pt x="32" y="1"/>
                </a:lnTo>
                <a:lnTo>
                  <a:pt x="30" y="5"/>
                </a:lnTo>
                <a:lnTo>
                  <a:pt x="34" y="7"/>
                </a:lnTo>
                <a:lnTo>
                  <a:pt x="32" y="15"/>
                </a:lnTo>
                <a:lnTo>
                  <a:pt x="38" y="16"/>
                </a:lnTo>
                <a:lnTo>
                  <a:pt x="37" y="25"/>
                </a:lnTo>
                <a:lnTo>
                  <a:pt x="41" y="32"/>
                </a:lnTo>
                <a:lnTo>
                  <a:pt x="43" y="34"/>
                </a:lnTo>
                <a:lnTo>
                  <a:pt x="42" y="40"/>
                </a:lnTo>
                <a:lnTo>
                  <a:pt x="39" y="46"/>
                </a:lnTo>
                <a:lnTo>
                  <a:pt x="36" y="50"/>
                </a:lnTo>
                <a:lnTo>
                  <a:pt x="30" y="54"/>
                </a:lnTo>
                <a:lnTo>
                  <a:pt x="30" y="58"/>
                </a:lnTo>
                <a:lnTo>
                  <a:pt x="33" y="62"/>
                </a:lnTo>
                <a:lnTo>
                  <a:pt x="33" y="66"/>
                </a:lnTo>
                <a:lnTo>
                  <a:pt x="30" y="72"/>
                </a:lnTo>
                <a:lnTo>
                  <a:pt x="17" y="73"/>
                </a:lnTo>
                <a:lnTo>
                  <a:pt x="7" y="74"/>
                </a:lnTo>
                <a:lnTo>
                  <a:pt x="1" y="75"/>
                </a:lnTo>
                <a:lnTo>
                  <a:pt x="2" y="67"/>
                </a:lnTo>
                <a:lnTo>
                  <a:pt x="4" y="65"/>
                </a:lnTo>
                <a:lnTo>
                  <a:pt x="3" y="61"/>
                </a:lnTo>
                <a:lnTo>
                  <a:pt x="0" y="54"/>
                </a:lnTo>
                <a:lnTo>
                  <a:pt x="1" y="51"/>
                </a:lnTo>
                <a:lnTo>
                  <a:pt x="4" y="43"/>
                </a:lnTo>
                <a:lnTo>
                  <a:pt x="4" y="35"/>
                </a:lnTo>
                <a:lnTo>
                  <a:pt x="7" y="28"/>
                </a:lnTo>
                <a:lnTo>
                  <a:pt x="7" y="21"/>
                </a:lnTo>
                <a:lnTo>
                  <a:pt x="7" y="15"/>
                </a:lnTo>
                <a:lnTo>
                  <a:pt x="6" y="1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11" name="d14341"/>
          <xdr:cNvSpPr>
            <a:spLocks/>
          </xdr:cNvSpPr>
        </xdr:nvSpPr>
        <xdr:spPr bwMode="auto">
          <a:xfrm>
            <a:off x="4333875" y="5962650"/>
            <a:ext cx="952500" cy="504825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0 h 16384"/>
              <a:gd name="T6" fmla="*/ 2147483646 w 16384"/>
              <a:gd name="T7" fmla="*/ 2147483646 h 16384"/>
              <a:gd name="T8" fmla="*/ 2147483646 w 16384"/>
              <a:gd name="T9" fmla="*/ 0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0 w 16384"/>
              <a:gd name="T73" fmla="*/ 2147483646 h 16384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16384"/>
              <a:gd name="T112" fmla="*/ 0 h 16384"/>
              <a:gd name="T113" fmla="*/ 16384 w 16384"/>
              <a:gd name="T114" fmla="*/ 16384 h 16384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16384" h="16384">
                <a:moveTo>
                  <a:pt x="0" y="2473"/>
                </a:moveTo>
                <a:lnTo>
                  <a:pt x="1147" y="2164"/>
                </a:lnTo>
                <a:lnTo>
                  <a:pt x="2130" y="0"/>
                </a:lnTo>
                <a:lnTo>
                  <a:pt x="3113" y="618"/>
                </a:lnTo>
                <a:lnTo>
                  <a:pt x="4424" y="0"/>
                </a:lnTo>
                <a:lnTo>
                  <a:pt x="5079" y="927"/>
                </a:lnTo>
                <a:lnTo>
                  <a:pt x="6062" y="618"/>
                </a:lnTo>
                <a:lnTo>
                  <a:pt x="6390" y="1546"/>
                </a:lnTo>
                <a:lnTo>
                  <a:pt x="8520" y="1546"/>
                </a:lnTo>
                <a:lnTo>
                  <a:pt x="8847" y="2473"/>
                </a:lnTo>
                <a:lnTo>
                  <a:pt x="8520" y="4019"/>
                </a:lnTo>
                <a:lnTo>
                  <a:pt x="9011" y="4019"/>
                </a:lnTo>
                <a:lnTo>
                  <a:pt x="9503" y="5564"/>
                </a:lnTo>
                <a:lnTo>
                  <a:pt x="10486" y="6183"/>
                </a:lnTo>
                <a:lnTo>
                  <a:pt x="10486" y="6801"/>
                </a:lnTo>
                <a:lnTo>
                  <a:pt x="11960" y="6492"/>
                </a:lnTo>
                <a:lnTo>
                  <a:pt x="12943" y="4946"/>
                </a:lnTo>
                <a:lnTo>
                  <a:pt x="14090" y="4019"/>
                </a:lnTo>
                <a:lnTo>
                  <a:pt x="14418" y="2782"/>
                </a:lnTo>
                <a:lnTo>
                  <a:pt x="14909" y="4019"/>
                </a:lnTo>
                <a:lnTo>
                  <a:pt x="16056" y="4019"/>
                </a:lnTo>
                <a:lnTo>
                  <a:pt x="16384" y="5255"/>
                </a:lnTo>
                <a:lnTo>
                  <a:pt x="15729" y="6183"/>
                </a:lnTo>
                <a:lnTo>
                  <a:pt x="15237" y="6492"/>
                </a:lnTo>
                <a:lnTo>
                  <a:pt x="14909" y="8965"/>
                </a:lnTo>
                <a:lnTo>
                  <a:pt x="15729" y="10201"/>
                </a:lnTo>
                <a:lnTo>
                  <a:pt x="13271" y="11438"/>
                </a:lnTo>
                <a:lnTo>
                  <a:pt x="12780" y="12674"/>
                </a:lnTo>
                <a:lnTo>
                  <a:pt x="9994" y="13911"/>
                </a:lnTo>
                <a:lnTo>
                  <a:pt x="3277" y="16384"/>
                </a:lnTo>
                <a:lnTo>
                  <a:pt x="3277" y="14529"/>
                </a:lnTo>
                <a:lnTo>
                  <a:pt x="2785" y="12674"/>
                </a:lnTo>
                <a:lnTo>
                  <a:pt x="2785" y="11129"/>
                </a:lnTo>
                <a:lnTo>
                  <a:pt x="2458" y="8656"/>
                </a:lnTo>
                <a:lnTo>
                  <a:pt x="1311" y="8656"/>
                </a:lnTo>
                <a:lnTo>
                  <a:pt x="819" y="5874"/>
                </a:lnTo>
                <a:lnTo>
                  <a:pt x="0" y="24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12" name="d14342"/>
          <xdr:cNvSpPr>
            <a:spLocks/>
          </xdr:cNvSpPr>
        </xdr:nvSpPr>
        <xdr:spPr bwMode="auto">
          <a:xfrm>
            <a:off x="4124325" y="6029325"/>
            <a:ext cx="400050" cy="5810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0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0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0 60000 65536"/>
              <a:gd name="T63" fmla="*/ 0 60000 65536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w 16384"/>
              <a:gd name="T94" fmla="*/ 0 h 16384"/>
              <a:gd name="T95" fmla="*/ 16384 w 16384"/>
              <a:gd name="T96" fmla="*/ 16384 h 16384"/>
            </a:gdLst>
            <a:ahLst/>
            <a:cxnLst>
              <a:cxn ang="T62">
                <a:pos x="T0" y="T1"/>
              </a:cxn>
              <a:cxn ang="T63">
                <a:pos x="T2" y="T3"/>
              </a:cxn>
              <a:cxn ang="T64">
                <a:pos x="T4" y="T5"/>
              </a:cxn>
              <a:cxn ang="T65">
                <a:pos x="T6" y="T7"/>
              </a:cxn>
              <a:cxn ang="T66">
                <a:pos x="T8" y="T9"/>
              </a:cxn>
              <a:cxn ang="T67">
                <a:pos x="T10" y="T11"/>
              </a:cxn>
              <a:cxn ang="T68">
                <a:pos x="T12" y="T13"/>
              </a:cxn>
              <a:cxn ang="T69">
                <a:pos x="T14" y="T15"/>
              </a:cxn>
              <a:cxn ang="T70">
                <a:pos x="T16" y="T17"/>
              </a:cxn>
              <a:cxn ang="T71">
                <a:pos x="T18" y="T19"/>
              </a:cxn>
              <a:cxn ang="T72">
                <a:pos x="T20" y="T21"/>
              </a:cxn>
              <a:cxn ang="T73">
                <a:pos x="T22" y="T23"/>
              </a:cxn>
              <a:cxn ang="T74">
                <a:pos x="T24" y="T25"/>
              </a:cxn>
              <a:cxn ang="T75">
                <a:pos x="T26" y="T27"/>
              </a:cxn>
              <a:cxn ang="T76">
                <a:pos x="T28" y="T29"/>
              </a:cxn>
              <a:cxn ang="T77">
                <a:pos x="T30" y="T31"/>
              </a:cxn>
              <a:cxn ang="T78">
                <a:pos x="T32" y="T33"/>
              </a:cxn>
              <a:cxn ang="T79">
                <a:pos x="T34" y="T35"/>
              </a:cxn>
              <a:cxn ang="T80">
                <a:pos x="T36" y="T37"/>
              </a:cxn>
              <a:cxn ang="T81">
                <a:pos x="T38" y="T39"/>
              </a:cxn>
              <a:cxn ang="T82">
                <a:pos x="T40" y="T41"/>
              </a:cxn>
              <a:cxn ang="T83">
                <a:pos x="T42" y="T43"/>
              </a:cxn>
              <a:cxn ang="T84">
                <a:pos x="T44" y="T45"/>
              </a:cxn>
              <a:cxn ang="T85">
                <a:pos x="T46" y="T47"/>
              </a:cxn>
              <a:cxn ang="T86">
                <a:pos x="T48" y="T49"/>
              </a:cxn>
              <a:cxn ang="T87">
                <a:pos x="T50" y="T51"/>
              </a:cxn>
              <a:cxn ang="T88">
                <a:pos x="T52" y="T53"/>
              </a:cxn>
              <a:cxn ang="T89">
                <a:pos x="T54" y="T55"/>
              </a:cxn>
              <a:cxn ang="T90">
                <a:pos x="T56" y="T57"/>
              </a:cxn>
              <a:cxn ang="T91">
                <a:pos x="T58" y="T59"/>
              </a:cxn>
              <a:cxn ang="T92">
                <a:pos x="T60" y="T61"/>
              </a:cxn>
            </a:cxnLst>
            <a:rect l="T93" t="T94" r="T95" b="T96"/>
            <a:pathLst>
              <a:path w="16384" h="16384">
                <a:moveTo>
                  <a:pt x="8582" y="269"/>
                </a:moveTo>
                <a:lnTo>
                  <a:pt x="10533" y="3223"/>
                </a:lnTo>
                <a:lnTo>
                  <a:pt x="11703" y="5640"/>
                </a:lnTo>
                <a:lnTo>
                  <a:pt x="14434" y="5640"/>
                </a:lnTo>
                <a:lnTo>
                  <a:pt x="15214" y="7789"/>
                </a:lnTo>
                <a:lnTo>
                  <a:pt x="15214" y="9132"/>
                </a:lnTo>
                <a:lnTo>
                  <a:pt x="16384" y="10744"/>
                </a:lnTo>
                <a:lnTo>
                  <a:pt x="16384" y="12355"/>
                </a:lnTo>
                <a:lnTo>
                  <a:pt x="13653" y="12892"/>
                </a:lnTo>
                <a:lnTo>
                  <a:pt x="9752" y="13967"/>
                </a:lnTo>
                <a:lnTo>
                  <a:pt x="5461" y="15310"/>
                </a:lnTo>
                <a:lnTo>
                  <a:pt x="1560" y="16384"/>
                </a:lnTo>
                <a:lnTo>
                  <a:pt x="780" y="15041"/>
                </a:lnTo>
                <a:lnTo>
                  <a:pt x="1170" y="13698"/>
                </a:lnTo>
                <a:lnTo>
                  <a:pt x="1950" y="13161"/>
                </a:lnTo>
                <a:lnTo>
                  <a:pt x="1950" y="12624"/>
                </a:lnTo>
                <a:lnTo>
                  <a:pt x="1170" y="12355"/>
                </a:lnTo>
                <a:lnTo>
                  <a:pt x="1950" y="11549"/>
                </a:lnTo>
                <a:lnTo>
                  <a:pt x="2341" y="10206"/>
                </a:lnTo>
                <a:lnTo>
                  <a:pt x="2341" y="9401"/>
                </a:lnTo>
                <a:lnTo>
                  <a:pt x="1950" y="8595"/>
                </a:lnTo>
                <a:lnTo>
                  <a:pt x="1950" y="7521"/>
                </a:lnTo>
                <a:lnTo>
                  <a:pt x="2731" y="5640"/>
                </a:lnTo>
                <a:lnTo>
                  <a:pt x="1170" y="5103"/>
                </a:lnTo>
                <a:lnTo>
                  <a:pt x="390" y="4566"/>
                </a:lnTo>
                <a:lnTo>
                  <a:pt x="0" y="3492"/>
                </a:lnTo>
                <a:lnTo>
                  <a:pt x="1560" y="3760"/>
                </a:lnTo>
                <a:lnTo>
                  <a:pt x="4291" y="1343"/>
                </a:lnTo>
                <a:lnTo>
                  <a:pt x="7412" y="0"/>
                </a:lnTo>
                <a:lnTo>
                  <a:pt x="7802" y="269"/>
                </a:lnTo>
                <a:lnTo>
                  <a:pt x="8582" y="26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13" name="d14361"/>
          <xdr:cNvSpPr>
            <a:spLocks/>
          </xdr:cNvSpPr>
        </xdr:nvSpPr>
        <xdr:spPr bwMode="auto">
          <a:xfrm>
            <a:off x="3590925" y="5581650"/>
            <a:ext cx="762000" cy="71437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0 w 16384"/>
              <a:gd name="T69" fmla="*/ 2147483646 h 16384"/>
              <a:gd name="T70" fmla="*/ 0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0 h 16384"/>
              <a:gd name="T82" fmla="*/ 2147483646 w 16384"/>
              <a:gd name="T83" fmla="*/ 0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6384"/>
              <a:gd name="T160" fmla="*/ 0 h 16384"/>
              <a:gd name="T161" fmla="*/ 16384 w 16384"/>
              <a:gd name="T162" fmla="*/ 16384 h 16384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6384" h="16384">
                <a:moveTo>
                  <a:pt x="16384" y="2403"/>
                </a:moveTo>
                <a:lnTo>
                  <a:pt x="14541" y="2840"/>
                </a:lnTo>
                <a:lnTo>
                  <a:pt x="13312" y="3932"/>
                </a:lnTo>
                <a:lnTo>
                  <a:pt x="13312" y="7646"/>
                </a:lnTo>
                <a:lnTo>
                  <a:pt x="14746" y="8738"/>
                </a:lnTo>
                <a:lnTo>
                  <a:pt x="15360" y="10267"/>
                </a:lnTo>
                <a:lnTo>
                  <a:pt x="13722" y="11360"/>
                </a:lnTo>
                <a:lnTo>
                  <a:pt x="12288" y="13326"/>
                </a:lnTo>
                <a:lnTo>
                  <a:pt x="11469" y="13107"/>
                </a:lnTo>
                <a:lnTo>
                  <a:pt x="11059" y="13544"/>
                </a:lnTo>
                <a:lnTo>
                  <a:pt x="10035" y="14418"/>
                </a:lnTo>
                <a:lnTo>
                  <a:pt x="8806" y="14418"/>
                </a:lnTo>
                <a:lnTo>
                  <a:pt x="7168" y="13763"/>
                </a:lnTo>
                <a:lnTo>
                  <a:pt x="6144" y="15073"/>
                </a:lnTo>
                <a:lnTo>
                  <a:pt x="5325" y="15729"/>
                </a:lnTo>
                <a:lnTo>
                  <a:pt x="4096" y="16384"/>
                </a:lnTo>
                <a:lnTo>
                  <a:pt x="4096" y="15510"/>
                </a:lnTo>
                <a:lnTo>
                  <a:pt x="3482" y="14636"/>
                </a:lnTo>
                <a:lnTo>
                  <a:pt x="3072" y="14636"/>
                </a:lnTo>
                <a:lnTo>
                  <a:pt x="1843" y="13763"/>
                </a:lnTo>
                <a:lnTo>
                  <a:pt x="1024" y="13107"/>
                </a:lnTo>
                <a:lnTo>
                  <a:pt x="410" y="12233"/>
                </a:lnTo>
                <a:lnTo>
                  <a:pt x="1024" y="11578"/>
                </a:lnTo>
                <a:lnTo>
                  <a:pt x="1434" y="10923"/>
                </a:lnTo>
                <a:lnTo>
                  <a:pt x="2048" y="10267"/>
                </a:lnTo>
                <a:lnTo>
                  <a:pt x="1638" y="9830"/>
                </a:lnTo>
                <a:lnTo>
                  <a:pt x="1638" y="9175"/>
                </a:lnTo>
                <a:lnTo>
                  <a:pt x="1229" y="8301"/>
                </a:lnTo>
                <a:lnTo>
                  <a:pt x="819" y="8738"/>
                </a:lnTo>
                <a:lnTo>
                  <a:pt x="614" y="8520"/>
                </a:lnTo>
                <a:lnTo>
                  <a:pt x="1229" y="7427"/>
                </a:lnTo>
                <a:lnTo>
                  <a:pt x="1434" y="6335"/>
                </a:lnTo>
                <a:lnTo>
                  <a:pt x="1024" y="5461"/>
                </a:lnTo>
                <a:lnTo>
                  <a:pt x="410" y="4806"/>
                </a:lnTo>
                <a:lnTo>
                  <a:pt x="0" y="3932"/>
                </a:lnTo>
                <a:lnTo>
                  <a:pt x="0" y="3277"/>
                </a:lnTo>
                <a:lnTo>
                  <a:pt x="1843" y="1966"/>
                </a:lnTo>
                <a:lnTo>
                  <a:pt x="3277" y="2185"/>
                </a:lnTo>
                <a:lnTo>
                  <a:pt x="3686" y="874"/>
                </a:lnTo>
                <a:lnTo>
                  <a:pt x="4506" y="874"/>
                </a:lnTo>
                <a:lnTo>
                  <a:pt x="4915" y="0"/>
                </a:lnTo>
                <a:lnTo>
                  <a:pt x="5530" y="0"/>
                </a:lnTo>
                <a:lnTo>
                  <a:pt x="5734" y="437"/>
                </a:lnTo>
                <a:lnTo>
                  <a:pt x="6554" y="655"/>
                </a:lnTo>
                <a:lnTo>
                  <a:pt x="6554" y="1311"/>
                </a:lnTo>
                <a:lnTo>
                  <a:pt x="6758" y="1529"/>
                </a:lnTo>
                <a:lnTo>
                  <a:pt x="6758" y="1748"/>
                </a:lnTo>
                <a:lnTo>
                  <a:pt x="7782" y="3058"/>
                </a:lnTo>
                <a:lnTo>
                  <a:pt x="9216" y="2403"/>
                </a:lnTo>
                <a:lnTo>
                  <a:pt x="11059" y="2621"/>
                </a:lnTo>
                <a:lnTo>
                  <a:pt x="12902" y="3058"/>
                </a:lnTo>
                <a:lnTo>
                  <a:pt x="14336" y="2185"/>
                </a:lnTo>
                <a:lnTo>
                  <a:pt x="16384" y="240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14" name="d14362"/>
          <xdr:cNvSpPr>
            <a:spLocks/>
          </xdr:cNvSpPr>
        </xdr:nvSpPr>
        <xdr:spPr bwMode="auto">
          <a:xfrm>
            <a:off x="3009900" y="5629275"/>
            <a:ext cx="676275" cy="6191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0 w 16384"/>
              <a:gd name="T39" fmla="*/ 2147483646 h 16384"/>
              <a:gd name="T40" fmla="*/ 0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0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w 16384"/>
              <a:gd name="T157" fmla="*/ 0 h 16384"/>
              <a:gd name="T158" fmla="*/ 16384 w 16384"/>
              <a:gd name="T159" fmla="*/ 16384 h 16384"/>
            </a:gdLst>
            <a:ahLst/>
            <a:cxnLst>
              <a:cxn ang="T104">
                <a:pos x="T0" y="T1"/>
              </a:cxn>
              <a:cxn ang="T105">
                <a:pos x="T2" y="T3"/>
              </a:cxn>
              <a:cxn ang="T106">
                <a:pos x="T4" y="T5"/>
              </a:cxn>
              <a:cxn ang="T107">
                <a:pos x="T6" y="T7"/>
              </a:cxn>
              <a:cxn ang="T108">
                <a:pos x="T8" y="T9"/>
              </a:cxn>
              <a:cxn ang="T109">
                <a:pos x="T10" y="T11"/>
              </a:cxn>
              <a:cxn ang="T110">
                <a:pos x="T12" y="T13"/>
              </a:cxn>
              <a:cxn ang="T111">
                <a:pos x="T14" y="T15"/>
              </a:cxn>
              <a:cxn ang="T112">
                <a:pos x="T16" y="T17"/>
              </a:cxn>
              <a:cxn ang="T113">
                <a:pos x="T18" y="T19"/>
              </a:cxn>
              <a:cxn ang="T114">
                <a:pos x="T20" y="T21"/>
              </a:cxn>
              <a:cxn ang="T115">
                <a:pos x="T22" y="T23"/>
              </a:cxn>
              <a:cxn ang="T116">
                <a:pos x="T24" y="T25"/>
              </a:cxn>
              <a:cxn ang="T117">
                <a:pos x="T26" y="T27"/>
              </a:cxn>
              <a:cxn ang="T118">
                <a:pos x="T28" y="T29"/>
              </a:cxn>
              <a:cxn ang="T119">
                <a:pos x="T30" y="T31"/>
              </a:cxn>
              <a:cxn ang="T120">
                <a:pos x="T32" y="T33"/>
              </a:cxn>
              <a:cxn ang="T121">
                <a:pos x="T34" y="T35"/>
              </a:cxn>
              <a:cxn ang="T122">
                <a:pos x="T36" y="T37"/>
              </a:cxn>
              <a:cxn ang="T123">
                <a:pos x="T38" y="T39"/>
              </a:cxn>
              <a:cxn ang="T124">
                <a:pos x="T40" y="T41"/>
              </a:cxn>
              <a:cxn ang="T125">
                <a:pos x="T42" y="T43"/>
              </a:cxn>
              <a:cxn ang="T126">
                <a:pos x="T44" y="T45"/>
              </a:cxn>
              <a:cxn ang="T127">
                <a:pos x="T46" y="T47"/>
              </a:cxn>
              <a:cxn ang="T128">
                <a:pos x="T48" y="T49"/>
              </a:cxn>
              <a:cxn ang="T129">
                <a:pos x="T50" y="T51"/>
              </a:cxn>
              <a:cxn ang="T130">
                <a:pos x="T52" y="T53"/>
              </a:cxn>
              <a:cxn ang="T131">
                <a:pos x="T54" y="T55"/>
              </a:cxn>
              <a:cxn ang="T132">
                <a:pos x="T56" y="T57"/>
              </a:cxn>
              <a:cxn ang="T133">
                <a:pos x="T58" y="T59"/>
              </a:cxn>
              <a:cxn ang="T134">
                <a:pos x="T60" y="T61"/>
              </a:cxn>
              <a:cxn ang="T135">
                <a:pos x="T62" y="T63"/>
              </a:cxn>
              <a:cxn ang="T136">
                <a:pos x="T64" y="T65"/>
              </a:cxn>
              <a:cxn ang="T137">
                <a:pos x="T66" y="T67"/>
              </a:cxn>
              <a:cxn ang="T138">
                <a:pos x="T68" y="T69"/>
              </a:cxn>
              <a:cxn ang="T139">
                <a:pos x="T70" y="T71"/>
              </a:cxn>
              <a:cxn ang="T140">
                <a:pos x="T72" y="T73"/>
              </a:cxn>
              <a:cxn ang="T141">
                <a:pos x="T74" y="T75"/>
              </a:cxn>
              <a:cxn ang="T142">
                <a:pos x="T76" y="T77"/>
              </a:cxn>
              <a:cxn ang="T143">
                <a:pos x="T78" y="T79"/>
              </a:cxn>
              <a:cxn ang="T144">
                <a:pos x="T80" y="T81"/>
              </a:cxn>
              <a:cxn ang="T145">
                <a:pos x="T82" y="T83"/>
              </a:cxn>
              <a:cxn ang="T146">
                <a:pos x="T84" y="T85"/>
              </a:cxn>
              <a:cxn ang="T147">
                <a:pos x="T86" y="T87"/>
              </a:cxn>
              <a:cxn ang="T148">
                <a:pos x="T88" y="T89"/>
              </a:cxn>
              <a:cxn ang="T149">
                <a:pos x="T90" y="T91"/>
              </a:cxn>
              <a:cxn ang="T150">
                <a:pos x="T92" y="T93"/>
              </a:cxn>
              <a:cxn ang="T151">
                <a:pos x="T94" y="T95"/>
              </a:cxn>
              <a:cxn ang="T152">
                <a:pos x="T96" y="T97"/>
              </a:cxn>
              <a:cxn ang="T153">
                <a:pos x="T98" y="T99"/>
              </a:cxn>
              <a:cxn ang="T154">
                <a:pos x="T100" y="T101"/>
              </a:cxn>
              <a:cxn ang="T155">
                <a:pos x="T102" y="T103"/>
              </a:cxn>
            </a:cxnLst>
            <a:rect l="T156" t="T157" r="T158" b="T159"/>
            <a:pathLst>
              <a:path w="16384" h="16384">
                <a:moveTo>
                  <a:pt x="14538" y="12855"/>
                </a:moveTo>
                <a:lnTo>
                  <a:pt x="13384" y="11091"/>
                </a:lnTo>
                <a:lnTo>
                  <a:pt x="13153" y="10587"/>
                </a:lnTo>
                <a:lnTo>
                  <a:pt x="12692" y="10335"/>
                </a:lnTo>
                <a:lnTo>
                  <a:pt x="12230" y="10839"/>
                </a:lnTo>
                <a:lnTo>
                  <a:pt x="10384" y="11343"/>
                </a:lnTo>
                <a:lnTo>
                  <a:pt x="10153" y="11595"/>
                </a:lnTo>
                <a:lnTo>
                  <a:pt x="9923" y="12855"/>
                </a:lnTo>
                <a:lnTo>
                  <a:pt x="9230" y="13359"/>
                </a:lnTo>
                <a:lnTo>
                  <a:pt x="8769" y="14115"/>
                </a:lnTo>
                <a:lnTo>
                  <a:pt x="8307" y="15124"/>
                </a:lnTo>
                <a:lnTo>
                  <a:pt x="8077" y="14368"/>
                </a:lnTo>
                <a:lnTo>
                  <a:pt x="6923" y="15628"/>
                </a:lnTo>
                <a:lnTo>
                  <a:pt x="5769" y="16384"/>
                </a:lnTo>
                <a:lnTo>
                  <a:pt x="4154" y="16132"/>
                </a:lnTo>
                <a:lnTo>
                  <a:pt x="2077" y="12351"/>
                </a:lnTo>
                <a:lnTo>
                  <a:pt x="1846" y="11847"/>
                </a:lnTo>
                <a:lnTo>
                  <a:pt x="1154" y="10587"/>
                </a:lnTo>
                <a:lnTo>
                  <a:pt x="231" y="9578"/>
                </a:lnTo>
                <a:lnTo>
                  <a:pt x="0" y="8318"/>
                </a:lnTo>
                <a:lnTo>
                  <a:pt x="0" y="7058"/>
                </a:lnTo>
                <a:lnTo>
                  <a:pt x="1385" y="7562"/>
                </a:lnTo>
                <a:lnTo>
                  <a:pt x="2077" y="7310"/>
                </a:lnTo>
                <a:lnTo>
                  <a:pt x="2538" y="6302"/>
                </a:lnTo>
                <a:lnTo>
                  <a:pt x="3231" y="5797"/>
                </a:lnTo>
                <a:lnTo>
                  <a:pt x="4384" y="5293"/>
                </a:lnTo>
                <a:lnTo>
                  <a:pt x="5077" y="4537"/>
                </a:lnTo>
                <a:lnTo>
                  <a:pt x="6231" y="4789"/>
                </a:lnTo>
                <a:lnTo>
                  <a:pt x="6923" y="4033"/>
                </a:lnTo>
                <a:lnTo>
                  <a:pt x="7154" y="3025"/>
                </a:lnTo>
                <a:lnTo>
                  <a:pt x="7384" y="1764"/>
                </a:lnTo>
                <a:lnTo>
                  <a:pt x="7384" y="504"/>
                </a:lnTo>
                <a:lnTo>
                  <a:pt x="9000" y="0"/>
                </a:lnTo>
                <a:lnTo>
                  <a:pt x="9461" y="1008"/>
                </a:lnTo>
                <a:lnTo>
                  <a:pt x="10615" y="3529"/>
                </a:lnTo>
                <a:lnTo>
                  <a:pt x="11769" y="4537"/>
                </a:lnTo>
                <a:lnTo>
                  <a:pt x="13384" y="3025"/>
                </a:lnTo>
                <a:lnTo>
                  <a:pt x="14076" y="2521"/>
                </a:lnTo>
                <a:lnTo>
                  <a:pt x="14076" y="3277"/>
                </a:lnTo>
                <a:lnTo>
                  <a:pt x="14538" y="4285"/>
                </a:lnTo>
                <a:lnTo>
                  <a:pt x="15230" y="5041"/>
                </a:lnTo>
                <a:lnTo>
                  <a:pt x="15692" y="6049"/>
                </a:lnTo>
                <a:lnTo>
                  <a:pt x="15461" y="7310"/>
                </a:lnTo>
                <a:lnTo>
                  <a:pt x="14769" y="8570"/>
                </a:lnTo>
                <a:lnTo>
                  <a:pt x="14999" y="8822"/>
                </a:lnTo>
                <a:lnTo>
                  <a:pt x="15461" y="8318"/>
                </a:lnTo>
                <a:lnTo>
                  <a:pt x="15922" y="9326"/>
                </a:lnTo>
                <a:lnTo>
                  <a:pt x="15922" y="10082"/>
                </a:lnTo>
                <a:lnTo>
                  <a:pt x="16384" y="10587"/>
                </a:lnTo>
                <a:lnTo>
                  <a:pt x="15692" y="11343"/>
                </a:lnTo>
                <a:lnTo>
                  <a:pt x="15230" y="12099"/>
                </a:lnTo>
                <a:lnTo>
                  <a:pt x="14538" y="12855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15" name="d14363"/>
          <xdr:cNvSpPr>
            <a:spLocks/>
          </xdr:cNvSpPr>
        </xdr:nvSpPr>
        <xdr:spPr bwMode="auto">
          <a:xfrm>
            <a:off x="2600325" y="4419600"/>
            <a:ext cx="714375" cy="14954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0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0 h 16384"/>
              <a:gd name="T82" fmla="*/ 2147483646 w 16384"/>
              <a:gd name="T83" fmla="*/ 2147483646 h 16384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w 16384"/>
              <a:gd name="T127" fmla="*/ 0 h 16384"/>
              <a:gd name="T128" fmla="*/ 16384 w 16384"/>
              <a:gd name="T129" fmla="*/ 16384 h 16384"/>
            </a:gdLst>
            <a:ahLst/>
            <a:cxnLst>
              <a:cxn ang="T84">
                <a:pos x="T0" y="T1"/>
              </a:cxn>
              <a:cxn ang="T85">
                <a:pos x="T2" y="T3"/>
              </a:cxn>
              <a:cxn ang="T86">
                <a:pos x="T4" y="T5"/>
              </a:cxn>
              <a:cxn ang="T87">
                <a:pos x="T6" y="T7"/>
              </a:cxn>
              <a:cxn ang="T88">
                <a:pos x="T8" y="T9"/>
              </a:cxn>
              <a:cxn ang="T89">
                <a:pos x="T10" y="T11"/>
              </a:cxn>
              <a:cxn ang="T90">
                <a:pos x="T12" y="T13"/>
              </a:cxn>
              <a:cxn ang="T91">
                <a:pos x="T14" y="T15"/>
              </a:cxn>
              <a:cxn ang="T92">
                <a:pos x="T16" y="T17"/>
              </a:cxn>
              <a:cxn ang="T93">
                <a:pos x="T18" y="T19"/>
              </a:cxn>
              <a:cxn ang="T94">
                <a:pos x="T20" y="T21"/>
              </a:cxn>
              <a:cxn ang="T95">
                <a:pos x="T22" y="T23"/>
              </a:cxn>
              <a:cxn ang="T96">
                <a:pos x="T24" y="T25"/>
              </a:cxn>
              <a:cxn ang="T97">
                <a:pos x="T26" y="T27"/>
              </a:cxn>
              <a:cxn ang="T98">
                <a:pos x="T28" y="T29"/>
              </a:cxn>
              <a:cxn ang="T99">
                <a:pos x="T30" y="T31"/>
              </a:cxn>
              <a:cxn ang="T100">
                <a:pos x="T32" y="T33"/>
              </a:cxn>
              <a:cxn ang="T101">
                <a:pos x="T34" y="T35"/>
              </a:cxn>
              <a:cxn ang="T102">
                <a:pos x="T36" y="T37"/>
              </a:cxn>
              <a:cxn ang="T103">
                <a:pos x="T38" y="T39"/>
              </a:cxn>
              <a:cxn ang="T104">
                <a:pos x="T40" y="T41"/>
              </a:cxn>
              <a:cxn ang="T105">
                <a:pos x="T42" y="T43"/>
              </a:cxn>
              <a:cxn ang="T106">
                <a:pos x="T44" y="T45"/>
              </a:cxn>
              <a:cxn ang="T107">
                <a:pos x="T46" y="T47"/>
              </a:cxn>
              <a:cxn ang="T108">
                <a:pos x="T48" y="T49"/>
              </a:cxn>
              <a:cxn ang="T109">
                <a:pos x="T50" y="T51"/>
              </a:cxn>
              <a:cxn ang="T110">
                <a:pos x="T52" y="T53"/>
              </a:cxn>
              <a:cxn ang="T111">
                <a:pos x="T54" y="T55"/>
              </a:cxn>
              <a:cxn ang="T112">
                <a:pos x="T56" y="T57"/>
              </a:cxn>
              <a:cxn ang="T113">
                <a:pos x="T58" y="T59"/>
              </a:cxn>
              <a:cxn ang="T114">
                <a:pos x="T60" y="T61"/>
              </a:cxn>
              <a:cxn ang="T115">
                <a:pos x="T62" y="T63"/>
              </a:cxn>
              <a:cxn ang="T116">
                <a:pos x="T64" y="T65"/>
              </a:cxn>
              <a:cxn ang="T117">
                <a:pos x="T66" y="T67"/>
              </a:cxn>
              <a:cxn ang="T118">
                <a:pos x="T68" y="T69"/>
              </a:cxn>
              <a:cxn ang="T119">
                <a:pos x="T70" y="T71"/>
              </a:cxn>
              <a:cxn ang="T120">
                <a:pos x="T72" y="T73"/>
              </a:cxn>
              <a:cxn ang="T121">
                <a:pos x="T74" y="T75"/>
              </a:cxn>
              <a:cxn ang="T122">
                <a:pos x="T76" y="T77"/>
              </a:cxn>
              <a:cxn ang="T123">
                <a:pos x="T78" y="T79"/>
              </a:cxn>
              <a:cxn ang="T124">
                <a:pos x="T80" y="T81"/>
              </a:cxn>
              <a:cxn ang="T125">
                <a:pos x="T82" y="T83"/>
              </a:cxn>
            </a:cxnLst>
            <a:rect l="T126" t="T127" r="T128" b="T129"/>
            <a:pathLst>
              <a:path w="16384" h="16384">
                <a:moveTo>
                  <a:pt x="11360" y="626"/>
                </a:moveTo>
                <a:lnTo>
                  <a:pt x="11578" y="1044"/>
                </a:lnTo>
                <a:lnTo>
                  <a:pt x="11360" y="1461"/>
                </a:lnTo>
                <a:lnTo>
                  <a:pt x="11796" y="2087"/>
                </a:lnTo>
                <a:lnTo>
                  <a:pt x="12452" y="2505"/>
                </a:lnTo>
                <a:lnTo>
                  <a:pt x="12233" y="3026"/>
                </a:lnTo>
                <a:lnTo>
                  <a:pt x="12670" y="3339"/>
                </a:lnTo>
                <a:lnTo>
                  <a:pt x="12889" y="3757"/>
                </a:lnTo>
                <a:lnTo>
                  <a:pt x="12670" y="4174"/>
                </a:lnTo>
                <a:lnTo>
                  <a:pt x="12889" y="4800"/>
                </a:lnTo>
                <a:lnTo>
                  <a:pt x="12670" y="5218"/>
                </a:lnTo>
                <a:lnTo>
                  <a:pt x="12452" y="5427"/>
                </a:lnTo>
                <a:lnTo>
                  <a:pt x="12233" y="5740"/>
                </a:lnTo>
                <a:lnTo>
                  <a:pt x="13326" y="6366"/>
                </a:lnTo>
                <a:lnTo>
                  <a:pt x="13107" y="6888"/>
                </a:lnTo>
                <a:lnTo>
                  <a:pt x="13544" y="7305"/>
                </a:lnTo>
                <a:lnTo>
                  <a:pt x="13763" y="7827"/>
                </a:lnTo>
                <a:lnTo>
                  <a:pt x="13544" y="8140"/>
                </a:lnTo>
                <a:lnTo>
                  <a:pt x="12670" y="8349"/>
                </a:lnTo>
                <a:lnTo>
                  <a:pt x="12233" y="8766"/>
                </a:lnTo>
                <a:lnTo>
                  <a:pt x="12015" y="9601"/>
                </a:lnTo>
                <a:lnTo>
                  <a:pt x="12015" y="10018"/>
                </a:lnTo>
                <a:lnTo>
                  <a:pt x="15292" y="12418"/>
                </a:lnTo>
                <a:lnTo>
                  <a:pt x="16384" y="13462"/>
                </a:lnTo>
                <a:lnTo>
                  <a:pt x="16384" y="13984"/>
                </a:lnTo>
                <a:lnTo>
                  <a:pt x="16166" y="14506"/>
                </a:lnTo>
                <a:lnTo>
                  <a:pt x="15947" y="14923"/>
                </a:lnTo>
                <a:lnTo>
                  <a:pt x="15292" y="15236"/>
                </a:lnTo>
                <a:lnTo>
                  <a:pt x="14199" y="15132"/>
                </a:lnTo>
                <a:lnTo>
                  <a:pt x="13544" y="15445"/>
                </a:lnTo>
                <a:lnTo>
                  <a:pt x="12452" y="15654"/>
                </a:lnTo>
                <a:lnTo>
                  <a:pt x="11796" y="15862"/>
                </a:lnTo>
                <a:lnTo>
                  <a:pt x="11360" y="16280"/>
                </a:lnTo>
                <a:lnTo>
                  <a:pt x="10704" y="16384"/>
                </a:lnTo>
                <a:lnTo>
                  <a:pt x="9393" y="16175"/>
                </a:lnTo>
                <a:lnTo>
                  <a:pt x="8738" y="15549"/>
                </a:lnTo>
                <a:lnTo>
                  <a:pt x="7864" y="15236"/>
                </a:lnTo>
                <a:lnTo>
                  <a:pt x="6554" y="14923"/>
                </a:lnTo>
                <a:lnTo>
                  <a:pt x="5680" y="14714"/>
                </a:lnTo>
                <a:lnTo>
                  <a:pt x="4588" y="14297"/>
                </a:lnTo>
                <a:lnTo>
                  <a:pt x="3714" y="14193"/>
                </a:lnTo>
                <a:lnTo>
                  <a:pt x="2840" y="14088"/>
                </a:lnTo>
                <a:lnTo>
                  <a:pt x="3277" y="13671"/>
                </a:lnTo>
                <a:lnTo>
                  <a:pt x="3714" y="13462"/>
                </a:lnTo>
                <a:lnTo>
                  <a:pt x="5024" y="13149"/>
                </a:lnTo>
                <a:lnTo>
                  <a:pt x="6117" y="12627"/>
                </a:lnTo>
                <a:lnTo>
                  <a:pt x="6554" y="12105"/>
                </a:lnTo>
                <a:lnTo>
                  <a:pt x="6335" y="11584"/>
                </a:lnTo>
                <a:lnTo>
                  <a:pt x="6335" y="10957"/>
                </a:lnTo>
                <a:lnTo>
                  <a:pt x="6554" y="10644"/>
                </a:lnTo>
                <a:lnTo>
                  <a:pt x="7646" y="10853"/>
                </a:lnTo>
                <a:lnTo>
                  <a:pt x="7646" y="10644"/>
                </a:lnTo>
                <a:lnTo>
                  <a:pt x="6117" y="10227"/>
                </a:lnTo>
                <a:lnTo>
                  <a:pt x="5898" y="9810"/>
                </a:lnTo>
                <a:lnTo>
                  <a:pt x="4369" y="9496"/>
                </a:lnTo>
                <a:lnTo>
                  <a:pt x="2403" y="9079"/>
                </a:lnTo>
                <a:lnTo>
                  <a:pt x="1092" y="8662"/>
                </a:lnTo>
                <a:lnTo>
                  <a:pt x="0" y="8244"/>
                </a:lnTo>
                <a:lnTo>
                  <a:pt x="218" y="7827"/>
                </a:lnTo>
                <a:lnTo>
                  <a:pt x="218" y="7409"/>
                </a:lnTo>
                <a:lnTo>
                  <a:pt x="437" y="6888"/>
                </a:lnTo>
                <a:lnTo>
                  <a:pt x="655" y="6366"/>
                </a:lnTo>
                <a:lnTo>
                  <a:pt x="655" y="5948"/>
                </a:lnTo>
                <a:lnTo>
                  <a:pt x="1311" y="5844"/>
                </a:lnTo>
                <a:lnTo>
                  <a:pt x="1748" y="5531"/>
                </a:lnTo>
                <a:lnTo>
                  <a:pt x="1748" y="5218"/>
                </a:lnTo>
                <a:lnTo>
                  <a:pt x="1311" y="4905"/>
                </a:lnTo>
                <a:lnTo>
                  <a:pt x="655" y="4487"/>
                </a:lnTo>
                <a:lnTo>
                  <a:pt x="874" y="4070"/>
                </a:lnTo>
                <a:lnTo>
                  <a:pt x="1748" y="3548"/>
                </a:lnTo>
                <a:lnTo>
                  <a:pt x="1748" y="3339"/>
                </a:lnTo>
                <a:lnTo>
                  <a:pt x="1966" y="2922"/>
                </a:lnTo>
                <a:lnTo>
                  <a:pt x="2621" y="2609"/>
                </a:lnTo>
                <a:lnTo>
                  <a:pt x="3495" y="2505"/>
                </a:lnTo>
                <a:lnTo>
                  <a:pt x="4369" y="2296"/>
                </a:lnTo>
                <a:lnTo>
                  <a:pt x="4588" y="1983"/>
                </a:lnTo>
                <a:lnTo>
                  <a:pt x="5024" y="1461"/>
                </a:lnTo>
                <a:lnTo>
                  <a:pt x="6554" y="1148"/>
                </a:lnTo>
                <a:lnTo>
                  <a:pt x="6991" y="939"/>
                </a:lnTo>
                <a:lnTo>
                  <a:pt x="7646" y="626"/>
                </a:lnTo>
                <a:lnTo>
                  <a:pt x="7646" y="209"/>
                </a:lnTo>
                <a:lnTo>
                  <a:pt x="8520" y="0"/>
                </a:lnTo>
                <a:lnTo>
                  <a:pt x="9175" y="313"/>
                </a:lnTo>
                <a:lnTo>
                  <a:pt x="11360" y="626"/>
                </a:lnTo>
                <a:close/>
              </a:path>
            </a:pathLst>
          </a:custGeom>
          <a:solidFill>
            <a:srgbClr val="FFFFFF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16" name="d14364"/>
          <xdr:cNvSpPr>
            <a:spLocks/>
          </xdr:cNvSpPr>
        </xdr:nvSpPr>
        <xdr:spPr bwMode="auto">
          <a:xfrm>
            <a:off x="495300" y="3514725"/>
            <a:ext cx="2876550" cy="2486025"/>
          </a:xfrm>
          <a:custGeom>
            <a:avLst/>
            <a:gdLst>
              <a:gd name="T0" fmla="*/ 2147483646 w 302"/>
              <a:gd name="T1" fmla="*/ 2147483646 h 261"/>
              <a:gd name="T2" fmla="*/ 2147483646 w 302"/>
              <a:gd name="T3" fmla="*/ 2147483646 h 261"/>
              <a:gd name="T4" fmla="*/ 2147483646 w 302"/>
              <a:gd name="T5" fmla="*/ 2147483646 h 261"/>
              <a:gd name="T6" fmla="*/ 2147483646 w 302"/>
              <a:gd name="T7" fmla="*/ 2147483646 h 261"/>
              <a:gd name="T8" fmla="*/ 2147483646 w 302"/>
              <a:gd name="T9" fmla="*/ 2147483646 h 261"/>
              <a:gd name="T10" fmla="*/ 2147483646 w 302"/>
              <a:gd name="T11" fmla="*/ 2147483646 h 261"/>
              <a:gd name="T12" fmla="*/ 2147483646 w 302"/>
              <a:gd name="T13" fmla="*/ 2147483646 h 261"/>
              <a:gd name="T14" fmla="*/ 2147483646 w 302"/>
              <a:gd name="T15" fmla="*/ 2147483646 h 261"/>
              <a:gd name="T16" fmla="*/ 2147483646 w 302"/>
              <a:gd name="T17" fmla="*/ 2147483646 h 261"/>
              <a:gd name="T18" fmla="*/ 2147483646 w 302"/>
              <a:gd name="T19" fmla="*/ 2147483646 h 261"/>
              <a:gd name="T20" fmla="*/ 2147483646 w 302"/>
              <a:gd name="T21" fmla="*/ 2147483646 h 261"/>
              <a:gd name="T22" fmla="*/ 2147483646 w 302"/>
              <a:gd name="T23" fmla="*/ 2147483646 h 261"/>
              <a:gd name="T24" fmla="*/ 2147483646 w 302"/>
              <a:gd name="T25" fmla="*/ 2147483646 h 261"/>
              <a:gd name="T26" fmla="*/ 2147483646 w 302"/>
              <a:gd name="T27" fmla="*/ 2147483646 h 261"/>
              <a:gd name="T28" fmla="*/ 2147483646 w 302"/>
              <a:gd name="T29" fmla="*/ 2147483646 h 261"/>
              <a:gd name="T30" fmla="*/ 2147483646 w 302"/>
              <a:gd name="T31" fmla="*/ 2147483646 h 261"/>
              <a:gd name="T32" fmla="*/ 2147483646 w 302"/>
              <a:gd name="T33" fmla="*/ 2147483646 h 261"/>
              <a:gd name="T34" fmla="*/ 2147483646 w 302"/>
              <a:gd name="T35" fmla="*/ 2147483646 h 261"/>
              <a:gd name="T36" fmla="*/ 2147483646 w 302"/>
              <a:gd name="T37" fmla="*/ 2147483646 h 261"/>
              <a:gd name="T38" fmla="*/ 2147483646 w 302"/>
              <a:gd name="T39" fmla="*/ 2147483646 h 261"/>
              <a:gd name="T40" fmla="*/ 2147483646 w 302"/>
              <a:gd name="T41" fmla="*/ 2147483646 h 261"/>
              <a:gd name="T42" fmla="*/ 2147483646 w 302"/>
              <a:gd name="T43" fmla="*/ 2147483646 h 261"/>
              <a:gd name="T44" fmla="*/ 2147483646 w 302"/>
              <a:gd name="T45" fmla="*/ 2147483646 h 261"/>
              <a:gd name="T46" fmla="*/ 2147483646 w 302"/>
              <a:gd name="T47" fmla="*/ 2147483646 h 261"/>
              <a:gd name="T48" fmla="*/ 2147483646 w 302"/>
              <a:gd name="T49" fmla="*/ 2147483646 h 261"/>
              <a:gd name="T50" fmla="*/ 2147483646 w 302"/>
              <a:gd name="T51" fmla="*/ 2147483646 h 261"/>
              <a:gd name="T52" fmla="*/ 2147483646 w 302"/>
              <a:gd name="T53" fmla="*/ 2147483646 h 261"/>
              <a:gd name="T54" fmla="*/ 2147483646 w 302"/>
              <a:gd name="T55" fmla="*/ 2147483646 h 261"/>
              <a:gd name="T56" fmla="*/ 2147483646 w 302"/>
              <a:gd name="T57" fmla="*/ 2147483646 h 261"/>
              <a:gd name="T58" fmla="*/ 2147483646 w 302"/>
              <a:gd name="T59" fmla="*/ 2147483646 h 261"/>
              <a:gd name="T60" fmla="*/ 2147483646 w 302"/>
              <a:gd name="T61" fmla="*/ 2147483646 h 261"/>
              <a:gd name="T62" fmla="*/ 2147483646 w 302"/>
              <a:gd name="T63" fmla="*/ 2147483646 h 261"/>
              <a:gd name="T64" fmla="*/ 2147483646 w 302"/>
              <a:gd name="T65" fmla="*/ 2147483646 h 261"/>
              <a:gd name="T66" fmla="*/ 2147483646 w 302"/>
              <a:gd name="T67" fmla="*/ 2147483646 h 261"/>
              <a:gd name="T68" fmla="*/ 2147483646 w 302"/>
              <a:gd name="T69" fmla="*/ 2147483646 h 261"/>
              <a:gd name="T70" fmla="*/ 2147483646 w 302"/>
              <a:gd name="T71" fmla="*/ 2147483646 h 261"/>
              <a:gd name="T72" fmla="*/ 2147483646 w 302"/>
              <a:gd name="T73" fmla="*/ 2147483646 h 261"/>
              <a:gd name="T74" fmla="*/ 2147483646 w 302"/>
              <a:gd name="T75" fmla="*/ 2147483646 h 261"/>
              <a:gd name="T76" fmla="*/ 2147483646 w 302"/>
              <a:gd name="T77" fmla="*/ 2147483646 h 261"/>
              <a:gd name="T78" fmla="*/ 2147483646 w 302"/>
              <a:gd name="T79" fmla="*/ 2147483646 h 261"/>
              <a:gd name="T80" fmla="*/ 2147483646 w 302"/>
              <a:gd name="T81" fmla="*/ 2147483646 h 261"/>
              <a:gd name="T82" fmla="*/ 2147483646 w 302"/>
              <a:gd name="T83" fmla="*/ 2147483646 h 261"/>
              <a:gd name="T84" fmla="*/ 2147483646 w 302"/>
              <a:gd name="T85" fmla="*/ 2147483646 h 261"/>
              <a:gd name="T86" fmla="*/ 2147483646 w 302"/>
              <a:gd name="T87" fmla="*/ 2147483646 h 261"/>
              <a:gd name="T88" fmla="*/ 2147483646 w 302"/>
              <a:gd name="T89" fmla="*/ 2147483646 h 261"/>
              <a:gd name="T90" fmla="*/ 2147483646 w 302"/>
              <a:gd name="T91" fmla="*/ 2147483646 h 261"/>
              <a:gd name="T92" fmla="*/ 2147483646 w 302"/>
              <a:gd name="T93" fmla="*/ 2147483646 h 261"/>
              <a:gd name="T94" fmla="*/ 2147483646 w 302"/>
              <a:gd name="T95" fmla="*/ 2147483646 h 261"/>
              <a:gd name="T96" fmla="*/ 2147483646 w 302"/>
              <a:gd name="T97" fmla="*/ 2147483646 h 261"/>
              <a:gd name="T98" fmla="*/ 2147483646 w 302"/>
              <a:gd name="T99" fmla="*/ 2147483646 h 261"/>
              <a:gd name="T100" fmla="*/ 2147483646 w 302"/>
              <a:gd name="T101" fmla="*/ 2147483646 h 261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w 302"/>
              <a:gd name="T154" fmla="*/ 0 h 261"/>
              <a:gd name="T155" fmla="*/ 302 w 302"/>
              <a:gd name="T156" fmla="*/ 261 h 261"/>
            </a:gdLst>
            <a:ahLst/>
            <a:cxnLst>
              <a:cxn ang="T102">
                <a:pos x="T0" y="T1"/>
              </a:cxn>
              <a:cxn ang="T103">
                <a:pos x="T2" y="T3"/>
              </a:cxn>
              <a:cxn ang="T104">
                <a:pos x="T4" y="T5"/>
              </a:cxn>
              <a:cxn ang="T105">
                <a:pos x="T6" y="T7"/>
              </a:cxn>
              <a:cxn ang="T106">
                <a:pos x="T8" y="T9"/>
              </a:cxn>
              <a:cxn ang="T107">
                <a:pos x="T10" y="T11"/>
              </a:cxn>
              <a:cxn ang="T108">
                <a:pos x="T12" y="T13"/>
              </a:cxn>
              <a:cxn ang="T109">
                <a:pos x="T14" y="T15"/>
              </a:cxn>
              <a:cxn ang="T110">
                <a:pos x="T16" y="T17"/>
              </a:cxn>
              <a:cxn ang="T111">
                <a:pos x="T18" y="T19"/>
              </a:cxn>
              <a:cxn ang="T112">
                <a:pos x="T20" y="T21"/>
              </a:cxn>
              <a:cxn ang="T113">
                <a:pos x="T22" y="T23"/>
              </a:cxn>
              <a:cxn ang="T114">
                <a:pos x="T24" y="T25"/>
              </a:cxn>
              <a:cxn ang="T115">
                <a:pos x="T26" y="T27"/>
              </a:cxn>
              <a:cxn ang="T116">
                <a:pos x="T28" y="T29"/>
              </a:cxn>
              <a:cxn ang="T117">
                <a:pos x="T30" y="T31"/>
              </a:cxn>
              <a:cxn ang="T118">
                <a:pos x="T32" y="T33"/>
              </a:cxn>
              <a:cxn ang="T119">
                <a:pos x="T34" y="T35"/>
              </a:cxn>
              <a:cxn ang="T120">
                <a:pos x="T36" y="T37"/>
              </a:cxn>
              <a:cxn ang="T121">
                <a:pos x="T38" y="T39"/>
              </a:cxn>
              <a:cxn ang="T122">
                <a:pos x="T40" y="T41"/>
              </a:cxn>
              <a:cxn ang="T123">
                <a:pos x="T42" y="T43"/>
              </a:cxn>
              <a:cxn ang="T124">
                <a:pos x="T44" y="T45"/>
              </a:cxn>
              <a:cxn ang="T125">
                <a:pos x="T46" y="T47"/>
              </a:cxn>
              <a:cxn ang="T126">
                <a:pos x="T48" y="T49"/>
              </a:cxn>
              <a:cxn ang="T127">
                <a:pos x="T50" y="T51"/>
              </a:cxn>
              <a:cxn ang="T128">
                <a:pos x="T52" y="T53"/>
              </a:cxn>
              <a:cxn ang="T129">
                <a:pos x="T54" y="T55"/>
              </a:cxn>
              <a:cxn ang="T130">
                <a:pos x="T56" y="T57"/>
              </a:cxn>
              <a:cxn ang="T131">
                <a:pos x="T58" y="T59"/>
              </a:cxn>
              <a:cxn ang="T132">
                <a:pos x="T60" y="T61"/>
              </a:cxn>
              <a:cxn ang="T133">
                <a:pos x="T62" y="T63"/>
              </a:cxn>
              <a:cxn ang="T134">
                <a:pos x="T64" y="T65"/>
              </a:cxn>
              <a:cxn ang="T135">
                <a:pos x="T66" y="T67"/>
              </a:cxn>
              <a:cxn ang="T136">
                <a:pos x="T68" y="T69"/>
              </a:cxn>
              <a:cxn ang="T137">
                <a:pos x="T70" y="T71"/>
              </a:cxn>
              <a:cxn ang="T138">
                <a:pos x="T72" y="T73"/>
              </a:cxn>
              <a:cxn ang="T139">
                <a:pos x="T74" y="T75"/>
              </a:cxn>
              <a:cxn ang="T140">
                <a:pos x="T76" y="T77"/>
              </a:cxn>
              <a:cxn ang="T141">
                <a:pos x="T78" y="T79"/>
              </a:cxn>
              <a:cxn ang="T142">
                <a:pos x="T80" y="T81"/>
              </a:cxn>
              <a:cxn ang="T143">
                <a:pos x="T82" y="T83"/>
              </a:cxn>
              <a:cxn ang="T144">
                <a:pos x="T84" y="T85"/>
              </a:cxn>
              <a:cxn ang="T145">
                <a:pos x="T86" y="T87"/>
              </a:cxn>
              <a:cxn ang="T146">
                <a:pos x="T88" y="T89"/>
              </a:cxn>
              <a:cxn ang="T147">
                <a:pos x="T90" y="T91"/>
              </a:cxn>
              <a:cxn ang="T148">
                <a:pos x="T92" y="T93"/>
              </a:cxn>
              <a:cxn ang="T149">
                <a:pos x="T94" y="T95"/>
              </a:cxn>
              <a:cxn ang="T150">
                <a:pos x="T96" y="T97"/>
              </a:cxn>
              <a:cxn ang="T151">
                <a:pos x="T98" y="T99"/>
              </a:cxn>
              <a:cxn ang="T152">
                <a:pos x="T100" y="T101"/>
              </a:cxn>
            </a:cxnLst>
            <a:rect l="T153" t="T154" r="T155" b="T156"/>
            <a:pathLst>
              <a:path w="302" h="261">
                <a:moveTo>
                  <a:pt x="4" y="158"/>
                </a:moveTo>
                <a:lnTo>
                  <a:pt x="0" y="155"/>
                </a:lnTo>
                <a:lnTo>
                  <a:pt x="4" y="144"/>
                </a:lnTo>
                <a:lnTo>
                  <a:pt x="11" y="140"/>
                </a:lnTo>
                <a:lnTo>
                  <a:pt x="15" y="137"/>
                </a:lnTo>
                <a:lnTo>
                  <a:pt x="14" y="133"/>
                </a:lnTo>
                <a:lnTo>
                  <a:pt x="19" y="130"/>
                </a:lnTo>
                <a:lnTo>
                  <a:pt x="19" y="124"/>
                </a:lnTo>
                <a:lnTo>
                  <a:pt x="18" y="119"/>
                </a:lnTo>
                <a:lnTo>
                  <a:pt x="15" y="116"/>
                </a:lnTo>
                <a:lnTo>
                  <a:pt x="16" y="110"/>
                </a:lnTo>
                <a:lnTo>
                  <a:pt x="17" y="104"/>
                </a:lnTo>
                <a:lnTo>
                  <a:pt x="21" y="100"/>
                </a:lnTo>
                <a:lnTo>
                  <a:pt x="25" y="95"/>
                </a:lnTo>
                <a:lnTo>
                  <a:pt x="27" y="94"/>
                </a:lnTo>
                <a:lnTo>
                  <a:pt x="30" y="89"/>
                </a:lnTo>
                <a:lnTo>
                  <a:pt x="35" y="86"/>
                </a:lnTo>
                <a:lnTo>
                  <a:pt x="40" y="81"/>
                </a:lnTo>
                <a:lnTo>
                  <a:pt x="45" y="78"/>
                </a:lnTo>
                <a:lnTo>
                  <a:pt x="49" y="73"/>
                </a:lnTo>
                <a:lnTo>
                  <a:pt x="55" y="70"/>
                </a:lnTo>
                <a:lnTo>
                  <a:pt x="59" y="70"/>
                </a:lnTo>
                <a:lnTo>
                  <a:pt x="62" y="68"/>
                </a:lnTo>
                <a:lnTo>
                  <a:pt x="67" y="68"/>
                </a:lnTo>
                <a:lnTo>
                  <a:pt x="69" y="64"/>
                </a:lnTo>
                <a:lnTo>
                  <a:pt x="73" y="63"/>
                </a:lnTo>
                <a:lnTo>
                  <a:pt x="76" y="67"/>
                </a:lnTo>
                <a:lnTo>
                  <a:pt x="79" y="67"/>
                </a:lnTo>
                <a:lnTo>
                  <a:pt x="81" y="63"/>
                </a:lnTo>
                <a:lnTo>
                  <a:pt x="85" y="61"/>
                </a:lnTo>
                <a:lnTo>
                  <a:pt x="87" y="57"/>
                </a:lnTo>
                <a:lnTo>
                  <a:pt x="92" y="53"/>
                </a:lnTo>
                <a:lnTo>
                  <a:pt x="95" y="54"/>
                </a:lnTo>
                <a:lnTo>
                  <a:pt x="101" y="52"/>
                </a:lnTo>
                <a:lnTo>
                  <a:pt x="109" y="52"/>
                </a:lnTo>
                <a:lnTo>
                  <a:pt x="116" y="50"/>
                </a:lnTo>
                <a:lnTo>
                  <a:pt x="120" y="46"/>
                </a:lnTo>
                <a:lnTo>
                  <a:pt x="127" y="46"/>
                </a:lnTo>
                <a:lnTo>
                  <a:pt x="131" y="44"/>
                </a:lnTo>
                <a:lnTo>
                  <a:pt x="135" y="45"/>
                </a:lnTo>
                <a:lnTo>
                  <a:pt x="138" y="38"/>
                </a:lnTo>
                <a:lnTo>
                  <a:pt x="140" y="34"/>
                </a:lnTo>
                <a:lnTo>
                  <a:pt x="145" y="30"/>
                </a:lnTo>
                <a:lnTo>
                  <a:pt x="149" y="28"/>
                </a:lnTo>
                <a:lnTo>
                  <a:pt x="153" y="21"/>
                </a:lnTo>
                <a:lnTo>
                  <a:pt x="157" y="18"/>
                </a:lnTo>
                <a:lnTo>
                  <a:pt x="157" y="12"/>
                </a:lnTo>
                <a:lnTo>
                  <a:pt x="158" y="7"/>
                </a:lnTo>
                <a:lnTo>
                  <a:pt x="162" y="0"/>
                </a:lnTo>
                <a:lnTo>
                  <a:pt x="167" y="3"/>
                </a:lnTo>
                <a:lnTo>
                  <a:pt x="170" y="4"/>
                </a:lnTo>
                <a:lnTo>
                  <a:pt x="174" y="5"/>
                </a:lnTo>
                <a:lnTo>
                  <a:pt x="178" y="4"/>
                </a:lnTo>
                <a:lnTo>
                  <a:pt x="183" y="3"/>
                </a:lnTo>
                <a:lnTo>
                  <a:pt x="187" y="1"/>
                </a:lnTo>
                <a:lnTo>
                  <a:pt x="189" y="5"/>
                </a:lnTo>
                <a:lnTo>
                  <a:pt x="189" y="9"/>
                </a:lnTo>
                <a:lnTo>
                  <a:pt x="188" y="11"/>
                </a:lnTo>
                <a:lnTo>
                  <a:pt x="192" y="15"/>
                </a:lnTo>
                <a:lnTo>
                  <a:pt x="193" y="21"/>
                </a:lnTo>
                <a:lnTo>
                  <a:pt x="195" y="24"/>
                </a:lnTo>
                <a:lnTo>
                  <a:pt x="209" y="27"/>
                </a:lnTo>
                <a:lnTo>
                  <a:pt x="212" y="29"/>
                </a:lnTo>
                <a:lnTo>
                  <a:pt x="215" y="34"/>
                </a:lnTo>
                <a:lnTo>
                  <a:pt x="219" y="35"/>
                </a:lnTo>
                <a:lnTo>
                  <a:pt x="222" y="38"/>
                </a:lnTo>
                <a:lnTo>
                  <a:pt x="225" y="41"/>
                </a:lnTo>
                <a:lnTo>
                  <a:pt x="227" y="47"/>
                </a:lnTo>
                <a:lnTo>
                  <a:pt x="234" y="48"/>
                </a:lnTo>
                <a:lnTo>
                  <a:pt x="247" y="52"/>
                </a:lnTo>
                <a:lnTo>
                  <a:pt x="252" y="51"/>
                </a:lnTo>
                <a:lnTo>
                  <a:pt x="256" y="47"/>
                </a:lnTo>
                <a:lnTo>
                  <a:pt x="262" y="42"/>
                </a:lnTo>
                <a:lnTo>
                  <a:pt x="267" y="37"/>
                </a:lnTo>
                <a:lnTo>
                  <a:pt x="274" y="38"/>
                </a:lnTo>
                <a:lnTo>
                  <a:pt x="279" y="41"/>
                </a:lnTo>
                <a:lnTo>
                  <a:pt x="280" y="48"/>
                </a:lnTo>
                <a:lnTo>
                  <a:pt x="283" y="50"/>
                </a:lnTo>
                <a:lnTo>
                  <a:pt x="287" y="51"/>
                </a:lnTo>
                <a:lnTo>
                  <a:pt x="291" y="49"/>
                </a:lnTo>
                <a:lnTo>
                  <a:pt x="296" y="50"/>
                </a:lnTo>
                <a:lnTo>
                  <a:pt x="299" y="53"/>
                </a:lnTo>
                <a:lnTo>
                  <a:pt x="299" y="58"/>
                </a:lnTo>
                <a:lnTo>
                  <a:pt x="300" y="61"/>
                </a:lnTo>
                <a:lnTo>
                  <a:pt x="302" y="63"/>
                </a:lnTo>
                <a:lnTo>
                  <a:pt x="302" y="71"/>
                </a:lnTo>
                <a:lnTo>
                  <a:pt x="300" y="75"/>
                </a:lnTo>
                <a:lnTo>
                  <a:pt x="301" y="79"/>
                </a:lnTo>
                <a:lnTo>
                  <a:pt x="299" y="83"/>
                </a:lnTo>
                <a:lnTo>
                  <a:pt x="296" y="89"/>
                </a:lnTo>
                <a:lnTo>
                  <a:pt x="292" y="90"/>
                </a:lnTo>
                <a:lnTo>
                  <a:pt x="288" y="96"/>
                </a:lnTo>
                <a:lnTo>
                  <a:pt x="281" y="97"/>
                </a:lnTo>
                <a:lnTo>
                  <a:pt x="274" y="98"/>
                </a:lnTo>
                <a:lnTo>
                  <a:pt x="273" y="101"/>
                </a:lnTo>
                <a:lnTo>
                  <a:pt x="263" y="98"/>
                </a:lnTo>
                <a:lnTo>
                  <a:pt x="260" y="95"/>
                </a:lnTo>
                <a:lnTo>
                  <a:pt x="256" y="97"/>
                </a:lnTo>
                <a:lnTo>
                  <a:pt x="256" y="101"/>
                </a:lnTo>
                <a:lnTo>
                  <a:pt x="253" y="104"/>
                </a:lnTo>
                <a:lnTo>
                  <a:pt x="251" y="106"/>
                </a:lnTo>
                <a:lnTo>
                  <a:pt x="244" y="109"/>
                </a:lnTo>
                <a:lnTo>
                  <a:pt x="242" y="114"/>
                </a:lnTo>
                <a:lnTo>
                  <a:pt x="241" y="117"/>
                </a:lnTo>
                <a:lnTo>
                  <a:pt x="237" y="119"/>
                </a:lnTo>
                <a:lnTo>
                  <a:pt x="233" y="120"/>
                </a:lnTo>
                <a:lnTo>
                  <a:pt x="230" y="123"/>
                </a:lnTo>
                <a:lnTo>
                  <a:pt x="229" y="127"/>
                </a:lnTo>
                <a:lnTo>
                  <a:pt x="229" y="129"/>
                </a:lnTo>
                <a:lnTo>
                  <a:pt x="225" y="134"/>
                </a:lnTo>
                <a:lnTo>
                  <a:pt x="224" y="138"/>
                </a:lnTo>
                <a:lnTo>
                  <a:pt x="227" y="142"/>
                </a:lnTo>
                <a:lnTo>
                  <a:pt x="229" y="145"/>
                </a:lnTo>
                <a:lnTo>
                  <a:pt x="229" y="148"/>
                </a:lnTo>
                <a:lnTo>
                  <a:pt x="227" y="151"/>
                </a:lnTo>
                <a:lnTo>
                  <a:pt x="224" y="152"/>
                </a:lnTo>
                <a:lnTo>
                  <a:pt x="224" y="156"/>
                </a:lnTo>
                <a:lnTo>
                  <a:pt x="223" y="161"/>
                </a:lnTo>
                <a:lnTo>
                  <a:pt x="222" y="166"/>
                </a:lnTo>
                <a:lnTo>
                  <a:pt x="222" y="170"/>
                </a:lnTo>
                <a:lnTo>
                  <a:pt x="221" y="174"/>
                </a:lnTo>
                <a:lnTo>
                  <a:pt x="226" y="178"/>
                </a:lnTo>
                <a:lnTo>
                  <a:pt x="232" y="182"/>
                </a:lnTo>
                <a:lnTo>
                  <a:pt x="241" y="186"/>
                </a:lnTo>
                <a:lnTo>
                  <a:pt x="248" y="189"/>
                </a:lnTo>
                <a:lnTo>
                  <a:pt x="249" y="193"/>
                </a:lnTo>
                <a:lnTo>
                  <a:pt x="256" y="197"/>
                </a:lnTo>
                <a:lnTo>
                  <a:pt x="256" y="199"/>
                </a:lnTo>
                <a:lnTo>
                  <a:pt x="251" y="197"/>
                </a:lnTo>
                <a:lnTo>
                  <a:pt x="250" y="200"/>
                </a:lnTo>
                <a:lnTo>
                  <a:pt x="250" y="206"/>
                </a:lnTo>
                <a:lnTo>
                  <a:pt x="251" y="211"/>
                </a:lnTo>
                <a:lnTo>
                  <a:pt x="249" y="216"/>
                </a:lnTo>
                <a:lnTo>
                  <a:pt x="244" y="221"/>
                </a:lnTo>
                <a:lnTo>
                  <a:pt x="238" y="224"/>
                </a:lnTo>
                <a:lnTo>
                  <a:pt x="236" y="226"/>
                </a:lnTo>
                <a:lnTo>
                  <a:pt x="234" y="230"/>
                </a:lnTo>
                <a:lnTo>
                  <a:pt x="228" y="231"/>
                </a:lnTo>
                <a:lnTo>
                  <a:pt x="224" y="233"/>
                </a:lnTo>
                <a:lnTo>
                  <a:pt x="218" y="237"/>
                </a:lnTo>
                <a:lnTo>
                  <a:pt x="213" y="234"/>
                </a:lnTo>
                <a:lnTo>
                  <a:pt x="209" y="233"/>
                </a:lnTo>
                <a:lnTo>
                  <a:pt x="204" y="234"/>
                </a:lnTo>
                <a:lnTo>
                  <a:pt x="199" y="232"/>
                </a:lnTo>
                <a:lnTo>
                  <a:pt x="195" y="236"/>
                </a:lnTo>
                <a:lnTo>
                  <a:pt x="189" y="238"/>
                </a:lnTo>
                <a:lnTo>
                  <a:pt x="181" y="236"/>
                </a:lnTo>
                <a:lnTo>
                  <a:pt x="176" y="233"/>
                </a:lnTo>
                <a:lnTo>
                  <a:pt x="174" y="231"/>
                </a:lnTo>
                <a:lnTo>
                  <a:pt x="168" y="231"/>
                </a:lnTo>
                <a:lnTo>
                  <a:pt x="164" y="232"/>
                </a:lnTo>
                <a:lnTo>
                  <a:pt x="161" y="237"/>
                </a:lnTo>
                <a:lnTo>
                  <a:pt x="159" y="238"/>
                </a:lnTo>
                <a:lnTo>
                  <a:pt x="152" y="238"/>
                </a:lnTo>
                <a:lnTo>
                  <a:pt x="148" y="241"/>
                </a:lnTo>
                <a:lnTo>
                  <a:pt x="145" y="246"/>
                </a:lnTo>
                <a:lnTo>
                  <a:pt x="140" y="249"/>
                </a:lnTo>
                <a:lnTo>
                  <a:pt x="138" y="252"/>
                </a:lnTo>
                <a:lnTo>
                  <a:pt x="139" y="258"/>
                </a:lnTo>
                <a:lnTo>
                  <a:pt x="135" y="259"/>
                </a:lnTo>
                <a:lnTo>
                  <a:pt x="131" y="259"/>
                </a:lnTo>
                <a:lnTo>
                  <a:pt x="126" y="258"/>
                </a:lnTo>
                <a:lnTo>
                  <a:pt x="123" y="261"/>
                </a:lnTo>
                <a:lnTo>
                  <a:pt x="121" y="258"/>
                </a:lnTo>
                <a:lnTo>
                  <a:pt x="116" y="254"/>
                </a:lnTo>
                <a:lnTo>
                  <a:pt x="114" y="246"/>
                </a:lnTo>
                <a:lnTo>
                  <a:pt x="115" y="241"/>
                </a:lnTo>
                <a:lnTo>
                  <a:pt x="113" y="238"/>
                </a:lnTo>
                <a:lnTo>
                  <a:pt x="111" y="231"/>
                </a:lnTo>
                <a:lnTo>
                  <a:pt x="115" y="226"/>
                </a:lnTo>
                <a:lnTo>
                  <a:pt x="116" y="221"/>
                </a:lnTo>
                <a:lnTo>
                  <a:pt x="112" y="218"/>
                </a:lnTo>
                <a:lnTo>
                  <a:pt x="111" y="212"/>
                </a:lnTo>
                <a:lnTo>
                  <a:pt x="110" y="206"/>
                </a:lnTo>
                <a:lnTo>
                  <a:pt x="108" y="202"/>
                </a:lnTo>
                <a:lnTo>
                  <a:pt x="108" y="195"/>
                </a:lnTo>
                <a:lnTo>
                  <a:pt x="105" y="191"/>
                </a:lnTo>
                <a:lnTo>
                  <a:pt x="104" y="188"/>
                </a:lnTo>
                <a:lnTo>
                  <a:pt x="101" y="186"/>
                </a:lnTo>
                <a:lnTo>
                  <a:pt x="101" y="180"/>
                </a:lnTo>
                <a:lnTo>
                  <a:pt x="104" y="173"/>
                </a:lnTo>
                <a:lnTo>
                  <a:pt x="105" y="167"/>
                </a:lnTo>
                <a:lnTo>
                  <a:pt x="104" y="161"/>
                </a:lnTo>
                <a:lnTo>
                  <a:pt x="101" y="157"/>
                </a:lnTo>
                <a:lnTo>
                  <a:pt x="98" y="155"/>
                </a:lnTo>
                <a:lnTo>
                  <a:pt x="94" y="155"/>
                </a:lnTo>
                <a:lnTo>
                  <a:pt x="89" y="156"/>
                </a:lnTo>
                <a:lnTo>
                  <a:pt x="85" y="158"/>
                </a:lnTo>
                <a:lnTo>
                  <a:pt x="83" y="155"/>
                </a:lnTo>
                <a:lnTo>
                  <a:pt x="75" y="154"/>
                </a:lnTo>
                <a:lnTo>
                  <a:pt x="72" y="154"/>
                </a:lnTo>
                <a:lnTo>
                  <a:pt x="68" y="153"/>
                </a:lnTo>
                <a:lnTo>
                  <a:pt x="62" y="158"/>
                </a:lnTo>
                <a:lnTo>
                  <a:pt x="59" y="158"/>
                </a:lnTo>
                <a:lnTo>
                  <a:pt x="54" y="157"/>
                </a:lnTo>
                <a:lnTo>
                  <a:pt x="51" y="159"/>
                </a:lnTo>
                <a:lnTo>
                  <a:pt x="45" y="157"/>
                </a:lnTo>
                <a:lnTo>
                  <a:pt x="40" y="159"/>
                </a:lnTo>
                <a:lnTo>
                  <a:pt x="36" y="162"/>
                </a:lnTo>
                <a:lnTo>
                  <a:pt x="30" y="161"/>
                </a:lnTo>
                <a:lnTo>
                  <a:pt x="25" y="161"/>
                </a:lnTo>
                <a:lnTo>
                  <a:pt x="20" y="158"/>
                </a:lnTo>
                <a:lnTo>
                  <a:pt x="15" y="159"/>
                </a:lnTo>
                <a:lnTo>
                  <a:pt x="4" y="158"/>
                </a:lnTo>
              </a:path>
            </a:pathLst>
          </a:custGeom>
          <a:solidFill>
            <a:srgbClr val="FFFFFF"/>
          </a:solidFill>
          <a:ln w="952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</xdr:spPr>
      </xdr:sp>
      <xdr:sp macro="" textlink="">
        <xdr:nvSpPr>
          <xdr:cNvPr id="149817" name="d14366"/>
          <xdr:cNvSpPr>
            <a:spLocks/>
          </xdr:cNvSpPr>
        </xdr:nvSpPr>
        <xdr:spPr bwMode="auto">
          <a:xfrm>
            <a:off x="2686050" y="5705475"/>
            <a:ext cx="409575" cy="5048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0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0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w 16384"/>
              <a:gd name="T100" fmla="*/ 0 h 16384"/>
              <a:gd name="T101" fmla="*/ 16384 w 16384"/>
              <a:gd name="T102" fmla="*/ 16384 h 16384"/>
            </a:gdLst>
            <a:ahLst/>
            <a:cxnLst>
              <a:cxn ang="T66">
                <a:pos x="T0" y="T1"/>
              </a:cxn>
              <a:cxn ang="T67">
                <a:pos x="T2" y="T3"/>
              </a:cxn>
              <a:cxn ang="T68">
                <a:pos x="T4" y="T5"/>
              </a:cxn>
              <a:cxn ang="T69">
                <a:pos x="T6" y="T7"/>
              </a:cxn>
              <a:cxn ang="T70">
                <a:pos x="T8" y="T9"/>
              </a:cxn>
              <a:cxn ang="T71">
                <a:pos x="T10" y="T11"/>
              </a:cxn>
              <a:cxn ang="T72">
                <a:pos x="T12" y="T13"/>
              </a:cxn>
              <a:cxn ang="T73">
                <a:pos x="T14" y="T15"/>
              </a:cxn>
              <a:cxn ang="T74">
                <a:pos x="T16" y="T17"/>
              </a:cxn>
              <a:cxn ang="T75">
                <a:pos x="T18" y="T19"/>
              </a:cxn>
              <a:cxn ang="T76">
                <a:pos x="T20" y="T21"/>
              </a:cxn>
              <a:cxn ang="T77">
                <a:pos x="T22" y="T23"/>
              </a:cxn>
              <a:cxn ang="T78">
                <a:pos x="T24" y="T25"/>
              </a:cxn>
              <a:cxn ang="T79">
                <a:pos x="T26" y="T27"/>
              </a:cxn>
              <a:cxn ang="T80">
                <a:pos x="T28" y="T29"/>
              </a:cxn>
              <a:cxn ang="T81">
                <a:pos x="T30" y="T31"/>
              </a:cxn>
              <a:cxn ang="T82">
                <a:pos x="T32" y="T33"/>
              </a:cxn>
              <a:cxn ang="T83">
                <a:pos x="T34" y="T35"/>
              </a:cxn>
              <a:cxn ang="T84">
                <a:pos x="T36" y="T37"/>
              </a:cxn>
              <a:cxn ang="T85">
                <a:pos x="T38" y="T39"/>
              </a:cxn>
              <a:cxn ang="T86">
                <a:pos x="T40" y="T41"/>
              </a:cxn>
              <a:cxn ang="T87">
                <a:pos x="T42" y="T43"/>
              </a:cxn>
              <a:cxn ang="T88">
                <a:pos x="T44" y="T45"/>
              </a:cxn>
              <a:cxn ang="T89">
                <a:pos x="T46" y="T47"/>
              </a:cxn>
              <a:cxn ang="T90">
                <a:pos x="T48" y="T49"/>
              </a:cxn>
              <a:cxn ang="T91">
                <a:pos x="T50" y="T51"/>
              </a:cxn>
              <a:cxn ang="T92">
                <a:pos x="T52" y="T53"/>
              </a:cxn>
              <a:cxn ang="T93">
                <a:pos x="T54" y="T55"/>
              </a:cxn>
              <a:cxn ang="T94">
                <a:pos x="T56" y="T57"/>
              </a:cxn>
              <a:cxn ang="T95">
                <a:pos x="T58" y="T59"/>
              </a:cxn>
              <a:cxn ang="T96">
                <a:pos x="T60" y="T61"/>
              </a:cxn>
              <a:cxn ang="T97">
                <a:pos x="T62" y="T63"/>
              </a:cxn>
              <a:cxn ang="T98">
                <a:pos x="T64" y="T65"/>
              </a:cxn>
            </a:cxnLst>
            <a:rect l="T99" t="T100" r="T101" b="T102"/>
            <a:pathLst>
              <a:path w="16384" h="16384">
                <a:moveTo>
                  <a:pt x="16384" y="12674"/>
                </a:moveTo>
                <a:lnTo>
                  <a:pt x="14860" y="12674"/>
                </a:lnTo>
                <a:lnTo>
                  <a:pt x="14098" y="14220"/>
                </a:lnTo>
                <a:lnTo>
                  <a:pt x="12574" y="14838"/>
                </a:lnTo>
                <a:lnTo>
                  <a:pt x="11431" y="15457"/>
                </a:lnTo>
                <a:lnTo>
                  <a:pt x="11050" y="16384"/>
                </a:lnTo>
                <a:lnTo>
                  <a:pt x="9907" y="16384"/>
                </a:lnTo>
                <a:lnTo>
                  <a:pt x="9526" y="15147"/>
                </a:lnTo>
                <a:lnTo>
                  <a:pt x="8383" y="14838"/>
                </a:lnTo>
                <a:lnTo>
                  <a:pt x="6858" y="14529"/>
                </a:lnTo>
                <a:lnTo>
                  <a:pt x="6477" y="13911"/>
                </a:lnTo>
                <a:lnTo>
                  <a:pt x="5715" y="11747"/>
                </a:lnTo>
                <a:lnTo>
                  <a:pt x="4572" y="9583"/>
                </a:lnTo>
                <a:lnTo>
                  <a:pt x="4191" y="7419"/>
                </a:lnTo>
                <a:lnTo>
                  <a:pt x="3810" y="6183"/>
                </a:lnTo>
                <a:lnTo>
                  <a:pt x="2286" y="5255"/>
                </a:lnTo>
                <a:lnTo>
                  <a:pt x="1143" y="4637"/>
                </a:lnTo>
                <a:lnTo>
                  <a:pt x="0" y="3091"/>
                </a:lnTo>
                <a:lnTo>
                  <a:pt x="1143" y="1855"/>
                </a:lnTo>
                <a:lnTo>
                  <a:pt x="1524" y="927"/>
                </a:lnTo>
                <a:lnTo>
                  <a:pt x="1524" y="0"/>
                </a:lnTo>
                <a:lnTo>
                  <a:pt x="3048" y="309"/>
                </a:lnTo>
                <a:lnTo>
                  <a:pt x="4572" y="618"/>
                </a:lnTo>
                <a:lnTo>
                  <a:pt x="6477" y="1855"/>
                </a:lnTo>
                <a:lnTo>
                  <a:pt x="8001" y="2473"/>
                </a:lnTo>
                <a:lnTo>
                  <a:pt x="10288" y="3400"/>
                </a:lnTo>
                <a:lnTo>
                  <a:pt x="11812" y="4328"/>
                </a:lnTo>
                <a:lnTo>
                  <a:pt x="12955" y="6183"/>
                </a:lnTo>
                <a:lnTo>
                  <a:pt x="12955" y="7728"/>
                </a:lnTo>
                <a:lnTo>
                  <a:pt x="13336" y="9274"/>
                </a:lnTo>
                <a:lnTo>
                  <a:pt x="14860" y="10510"/>
                </a:lnTo>
                <a:lnTo>
                  <a:pt x="16003" y="12056"/>
                </a:lnTo>
                <a:lnTo>
                  <a:pt x="16384" y="12674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18" name="d14382" descr="5%"/>
          <xdr:cNvSpPr>
            <a:spLocks/>
          </xdr:cNvSpPr>
        </xdr:nvSpPr>
        <xdr:spPr bwMode="auto">
          <a:xfrm>
            <a:off x="1143000" y="6553200"/>
            <a:ext cx="1695450" cy="1581150"/>
          </a:xfrm>
          <a:custGeom>
            <a:avLst/>
            <a:gdLst>
              <a:gd name="T0" fmla="*/ 2147483646 w 178"/>
              <a:gd name="T1" fmla="*/ 2147483646 h 166"/>
              <a:gd name="T2" fmla="*/ 2147483646 w 178"/>
              <a:gd name="T3" fmla="*/ 2147483646 h 166"/>
              <a:gd name="T4" fmla="*/ 2147483646 w 178"/>
              <a:gd name="T5" fmla="*/ 2147483646 h 166"/>
              <a:gd name="T6" fmla="*/ 2147483646 w 178"/>
              <a:gd name="T7" fmla="*/ 2147483646 h 166"/>
              <a:gd name="T8" fmla="*/ 2147483646 w 178"/>
              <a:gd name="T9" fmla="*/ 2147483646 h 166"/>
              <a:gd name="T10" fmla="*/ 2147483646 w 178"/>
              <a:gd name="T11" fmla="*/ 2147483646 h 166"/>
              <a:gd name="T12" fmla="*/ 2147483646 w 178"/>
              <a:gd name="T13" fmla="*/ 2147483646 h 166"/>
              <a:gd name="T14" fmla="*/ 2147483646 w 178"/>
              <a:gd name="T15" fmla="*/ 2147483646 h 166"/>
              <a:gd name="T16" fmla="*/ 2147483646 w 178"/>
              <a:gd name="T17" fmla="*/ 2147483646 h 166"/>
              <a:gd name="T18" fmla="*/ 2147483646 w 178"/>
              <a:gd name="T19" fmla="*/ 2147483646 h 166"/>
              <a:gd name="T20" fmla="*/ 2147483646 w 178"/>
              <a:gd name="T21" fmla="*/ 2147483646 h 166"/>
              <a:gd name="T22" fmla="*/ 2147483646 w 178"/>
              <a:gd name="T23" fmla="*/ 2147483646 h 166"/>
              <a:gd name="T24" fmla="*/ 0 w 178"/>
              <a:gd name="T25" fmla="*/ 2147483646 h 166"/>
              <a:gd name="T26" fmla="*/ 2147483646 w 178"/>
              <a:gd name="T27" fmla="*/ 2147483646 h 166"/>
              <a:gd name="T28" fmla="*/ 2147483646 w 178"/>
              <a:gd name="T29" fmla="*/ 2147483646 h 166"/>
              <a:gd name="T30" fmla="*/ 2147483646 w 178"/>
              <a:gd name="T31" fmla="*/ 2147483646 h 166"/>
              <a:gd name="T32" fmla="*/ 2147483646 w 178"/>
              <a:gd name="T33" fmla="*/ 2147483646 h 166"/>
              <a:gd name="T34" fmla="*/ 2147483646 w 178"/>
              <a:gd name="T35" fmla="*/ 0 h 166"/>
              <a:gd name="T36" fmla="*/ 2147483646 w 178"/>
              <a:gd name="T37" fmla="*/ 2147483646 h 166"/>
              <a:gd name="T38" fmla="*/ 2147483646 w 178"/>
              <a:gd name="T39" fmla="*/ 2147483646 h 166"/>
              <a:gd name="T40" fmla="*/ 2147483646 w 178"/>
              <a:gd name="T41" fmla="*/ 2147483646 h 166"/>
              <a:gd name="T42" fmla="*/ 2147483646 w 178"/>
              <a:gd name="T43" fmla="*/ 2147483646 h 166"/>
              <a:gd name="T44" fmla="*/ 2147483646 w 178"/>
              <a:gd name="T45" fmla="*/ 2147483646 h 166"/>
              <a:gd name="T46" fmla="*/ 2147483646 w 178"/>
              <a:gd name="T47" fmla="*/ 2147483646 h 166"/>
              <a:gd name="T48" fmla="*/ 2147483646 w 178"/>
              <a:gd name="T49" fmla="*/ 2147483646 h 166"/>
              <a:gd name="T50" fmla="*/ 2147483646 w 178"/>
              <a:gd name="T51" fmla="*/ 2147483646 h 166"/>
              <a:gd name="T52" fmla="*/ 2147483646 w 178"/>
              <a:gd name="T53" fmla="*/ 2147483646 h 166"/>
              <a:gd name="T54" fmla="*/ 2147483646 w 178"/>
              <a:gd name="T55" fmla="*/ 2147483646 h 166"/>
              <a:gd name="T56" fmla="*/ 2147483646 w 178"/>
              <a:gd name="T57" fmla="*/ 2147483646 h 166"/>
              <a:gd name="T58" fmla="*/ 2147483646 w 178"/>
              <a:gd name="T59" fmla="*/ 2147483646 h 166"/>
              <a:gd name="T60" fmla="*/ 2147483646 w 178"/>
              <a:gd name="T61" fmla="*/ 2147483646 h 166"/>
              <a:gd name="T62" fmla="*/ 2147483646 w 178"/>
              <a:gd name="T63" fmla="*/ 2147483646 h 166"/>
              <a:gd name="T64" fmla="*/ 2147483646 w 178"/>
              <a:gd name="T65" fmla="*/ 2147483646 h 166"/>
              <a:gd name="T66" fmla="*/ 2147483646 w 178"/>
              <a:gd name="T67" fmla="*/ 2147483646 h 166"/>
              <a:gd name="T68" fmla="*/ 2147483646 w 178"/>
              <a:gd name="T69" fmla="*/ 2147483646 h 166"/>
              <a:gd name="T70" fmla="*/ 2147483646 w 178"/>
              <a:gd name="T71" fmla="*/ 2147483646 h 166"/>
              <a:gd name="T72" fmla="*/ 2147483646 w 178"/>
              <a:gd name="T73" fmla="*/ 2147483646 h 166"/>
              <a:gd name="T74" fmla="*/ 2147483646 w 178"/>
              <a:gd name="T75" fmla="*/ 2147483646 h 166"/>
              <a:gd name="T76" fmla="*/ 2147483646 w 178"/>
              <a:gd name="T77" fmla="*/ 2147483646 h 166"/>
              <a:gd name="T78" fmla="*/ 2147483646 w 178"/>
              <a:gd name="T79" fmla="*/ 2147483646 h 166"/>
              <a:gd name="T80" fmla="*/ 2147483646 w 178"/>
              <a:gd name="T81" fmla="*/ 2147483646 h 166"/>
              <a:gd name="T82" fmla="*/ 2147483646 w 178"/>
              <a:gd name="T83" fmla="*/ 2147483646 h 166"/>
              <a:gd name="T84" fmla="*/ 2147483646 w 178"/>
              <a:gd name="T85" fmla="*/ 2147483646 h 166"/>
              <a:gd name="T86" fmla="*/ 2147483646 w 178"/>
              <a:gd name="T87" fmla="*/ 2147483646 h 166"/>
              <a:gd name="T88" fmla="*/ 2147483646 w 178"/>
              <a:gd name="T89" fmla="*/ 2147483646 h 166"/>
              <a:gd name="T90" fmla="*/ 2147483646 w 178"/>
              <a:gd name="T91" fmla="*/ 2147483646 h 166"/>
              <a:gd name="T92" fmla="*/ 2147483646 w 178"/>
              <a:gd name="T93" fmla="*/ 2147483646 h 166"/>
              <a:gd name="T94" fmla="*/ 2147483646 w 178"/>
              <a:gd name="T95" fmla="*/ 2147483646 h 166"/>
              <a:gd name="T96" fmla="*/ 2147483646 w 178"/>
              <a:gd name="T97" fmla="*/ 2147483646 h 166"/>
              <a:gd name="T98" fmla="*/ 2147483646 w 178"/>
              <a:gd name="T99" fmla="*/ 2147483646 h 166"/>
              <a:gd name="T100" fmla="*/ 2147483646 w 178"/>
              <a:gd name="T101" fmla="*/ 2147483646 h 166"/>
              <a:gd name="T102" fmla="*/ 2147483646 w 178"/>
              <a:gd name="T103" fmla="*/ 2147483646 h 166"/>
              <a:gd name="T104" fmla="*/ 2147483646 w 178"/>
              <a:gd name="T105" fmla="*/ 2147483646 h 166"/>
              <a:gd name="T106" fmla="*/ 2147483646 w 178"/>
              <a:gd name="T107" fmla="*/ 2147483646 h 166"/>
              <a:gd name="T108" fmla="*/ 2147483646 w 178"/>
              <a:gd name="T109" fmla="*/ 2147483646 h 166"/>
              <a:gd name="T110" fmla="*/ 2147483646 w 178"/>
              <a:gd name="T111" fmla="*/ 2147483646 h 166"/>
              <a:gd name="T112" fmla="*/ 2147483646 w 178"/>
              <a:gd name="T113" fmla="*/ 2147483646 h 166"/>
              <a:gd name="T114" fmla="*/ 2147483646 w 178"/>
              <a:gd name="T115" fmla="*/ 2147483646 h 166"/>
              <a:gd name="T116" fmla="*/ 2147483646 w 178"/>
              <a:gd name="T117" fmla="*/ 2147483646 h 166"/>
              <a:gd name="T118" fmla="*/ 2147483646 w 178"/>
              <a:gd name="T119" fmla="*/ 2147483646 h 166"/>
              <a:gd name="T120" fmla="*/ 2147483646 w 178"/>
              <a:gd name="T121" fmla="*/ 2147483646 h 166"/>
              <a:gd name="T122" fmla="*/ 2147483646 w 178"/>
              <a:gd name="T123" fmla="*/ 2147483646 h 166"/>
              <a:gd name="T124" fmla="*/ 2147483646 w 178"/>
              <a:gd name="T125" fmla="*/ 2147483646 h 16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60000 65536"/>
              <a:gd name="T187" fmla="*/ 0 60000 65536"/>
              <a:gd name="T188" fmla="*/ 0 60000 65536"/>
              <a:gd name="T189" fmla="*/ 0 w 178"/>
              <a:gd name="T190" fmla="*/ 0 h 166"/>
              <a:gd name="T191" fmla="*/ 178 w 178"/>
              <a:gd name="T192" fmla="*/ 166 h 166"/>
            </a:gdLst>
            <a:ahLst/>
            <a:cxnLst>
              <a:cxn ang="T126">
                <a:pos x="T0" y="T1"/>
              </a:cxn>
              <a:cxn ang="T127">
                <a:pos x="T2" y="T3"/>
              </a:cxn>
              <a:cxn ang="T128">
                <a:pos x="T4" y="T5"/>
              </a:cxn>
              <a:cxn ang="T129">
                <a:pos x="T6" y="T7"/>
              </a:cxn>
              <a:cxn ang="T130">
                <a:pos x="T8" y="T9"/>
              </a:cxn>
              <a:cxn ang="T131">
                <a:pos x="T10" y="T11"/>
              </a:cxn>
              <a:cxn ang="T132">
                <a:pos x="T12" y="T13"/>
              </a:cxn>
              <a:cxn ang="T133">
                <a:pos x="T14" y="T15"/>
              </a:cxn>
              <a:cxn ang="T134">
                <a:pos x="T16" y="T17"/>
              </a:cxn>
              <a:cxn ang="T135">
                <a:pos x="T18" y="T19"/>
              </a:cxn>
              <a:cxn ang="T136">
                <a:pos x="T20" y="T21"/>
              </a:cxn>
              <a:cxn ang="T137">
                <a:pos x="T22" y="T23"/>
              </a:cxn>
              <a:cxn ang="T138">
                <a:pos x="T24" y="T25"/>
              </a:cxn>
              <a:cxn ang="T139">
                <a:pos x="T26" y="T27"/>
              </a:cxn>
              <a:cxn ang="T140">
                <a:pos x="T28" y="T29"/>
              </a:cxn>
              <a:cxn ang="T141">
                <a:pos x="T30" y="T31"/>
              </a:cxn>
              <a:cxn ang="T142">
                <a:pos x="T32" y="T33"/>
              </a:cxn>
              <a:cxn ang="T143">
                <a:pos x="T34" y="T35"/>
              </a:cxn>
              <a:cxn ang="T144">
                <a:pos x="T36" y="T37"/>
              </a:cxn>
              <a:cxn ang="T145">
                <a:pos x="T38" y="T39"/>
              </a:cxn>
              <a:cxn ang="T146">
                <a:pos x="T40" y="T41"/>
              </a:cxn>
              <a:cxn ang="T147">
                <a:pos x="T42" y="T43"/>
              </a:cxn>
              <a:cxn ang="T148">
                <a:pos x="T44" y="T45"/>
              </a:cxn>
              <a:cxn ang="T149">
                <a:pos x="T46" y="T47"/>
              </a:cxn>
              <a:cxn ang="T150">
                <a:pos x="T48" y="T49"/>
              </a:cxn>
              <a:cxn ang="T151">
                <a:pos x="T50" y="T51"/>
              </a:cxn>
              <a:cxn ang="T152">
                <a:pos x="T52" y="T53"/>
              </a:cxn>
              <a:cxn ang="T153">
                <a:pos x="T54" y="T55"/>
              </a:cxn>
              <a:cxn ang="T154">
                <a:pos x="T56" y="T57"/>
              </a:cxn>
              <a:cxn ang="T155">
                <a:pos x="T58" y="T59"/>
              </a:cxn>
              <a:cxn ang="T156">
                <a:pos x="T60" y="T61"/>
              </a:cxn>
              <a:cxn ang="T157">
                <a:pos x="T62" y="T63"/>
              </a:cxn>
              <a:cxn ang="T158">
                <a:pos x="T64" y="T65"/>
              </a:cxn>
              <a:cxn ang="T159">
                <a:pos x="T66" y="T67"/>
              </a:cxn>
              <a:cxn ang="T160">
                <a:pos x="T68" y="T69"/>
              </a:cxn>
              <a:cxn ang="T161">
                <a:pos x="T70" y="T71"/>
              </a:cxn>
              <a:cxn ang="T162">
                <a:pos x="T72" y="T73"/>
              </a:cxn>
              <a:cxn ang="T163">
                <a:pos x="T74" y="T75"/>
              </a:cxn>
              <a:cxn ang="T164">
                <a:pos x="T76" y="T77"/>
              </a:cxn>
              <a:cxn ang="T165">
                <a:pos x="T78" y="T79"/>
              </a:cxn>
              <a:cxn ang="T166">
                <a:pos x="T80" y="T81"/>
              </a:cxn>
              <a:cxn ang="T167">
                <a:pos x="T82" y="T83"/>
              </a:cxn>
              <a:cxn ang="T168">
                <a:pos x="T84" y="T85"/>
              </a:cxn>
              <a:cxn ang="T169">
                <a:pos x="T86" y="T87"/>
              </a:cxn>
              <a:cxn ang="T170">
                <a:pos x="T88" y="T89"/>
              </a:cxn>
              <a:cxn ang="T171">
                <a:pos x="T90" y="T91"/>
              </a:cxn>
              <a:cxn ang="T172">
                <a:pos x="T92" y="T93"/>
              </a:cxn>
              <a:cxn ang="T173">
                <a:pos x="T94" y="T95"/>
              </a:cxn>
              <a:cxn ang="T174">
                <a:pos x="T96" y="T97"/>
              </a:cxn>
              <a:cxn ang="T175">
                <a:pos x="T98" y="T99"/>
              </a:cxn>
              <a:cxn ang="T176">
                <a:pos x="T100" y="T101"/>
              </a:cxn>
              <a:cxn ang="T177">
                <a:pos x="T102" y="T103"/>
              </a:cxn>
              <a:cxn ang="T178">
                <a:pos x="T104" y="T105"/>
              </a:cxn>
              <a:cxn ang="T179">
                <a:pos x="T106" y="T107"/>
              </a:cxn>
              <a:cxn ang="T180">
                <a:pos x="T108" y="T109"/>
              </a:cxn>
              <a:cxn ang="T181">
                <a:pos x="T110" y="T111"/>
              </a:cxn>
              <a:cxn ang="T182">
                <a:pos x="T112" y="T113"/>
              </a:cxn>
              <a:cxn ang="T183">
                <a:pos x="T114" y="T115"/>
              </a:cxn>
              <a:cxn ang="T184">
                <a:pos x="T116" y="T117"/>
              </a:cxn>
              <a:cxn ang="T185">
                <a:pos x="T118" y="T119"/>
              </a:cxn>
              <a:cxn ang="T186">
                <a:pos x="T120" y="T121"/>
              </a:cxn>
              <a:cxn ang="T187">
                <a:pos x="T122" y="T123"/>
              </a:cxn>
              <a:cxn ang="T188">
                <a:pos x="T124" y="T125"/>
              </a:cxn>
            </a:cxnLst>
            <a:rect l="T189" t="T190" r="T191" b="T192"/>
            <a:pathLst>
              <a:path w="178" h="166">
                <a:moveTo>
                  <a:pt x="63" y="166"/>
                </a:moveTo>
                <a:lnTo>
                  <a:pt x="51" y="156"/>
                </a:lnTo>
                <a:lnTo>
                  <a:pt x="48" y="155"/>
                </a:lnTo>
                <a:lnTo>
                  <a:pt x="47" y="156"/>
                </a:lnTo>
                <a:lnTo>
                  <a:pt x="42" y="153"/>
                </a:lnTo>
                <a:lnTo>
                  <a:pt x="36" y="146"/>
                </a:lnTo>
                <a:lnTo>
                  <a:pt x="35" y="146"/>
                </a:lnTo>
                <a:lnTo>
                  <a:pt x="31" y="138"/>
                </a:lnTo>
                <a:lnTo>
                  <a:pt x="28" y="137"/>
                </a:lnTo>
                <a:lnTo>
                  <a:pt x="23" y="131"/>
                </a:lnTo>
                <a:lnTo>
                  <a:pt x="19" y="128"/>
                </a:lnTo>
                <a:lnTo>
                  <a:pt x="18" y="124"/>
                </a:lnTo>
                <a:lnTo>
                  <a:pt x="18" y="118"/>
                </a:lnTo>
                <a:lnTo>
                  <a:pt x="17" y="113"/>
                </a:lnTo>
                <a:lnTo>
                  <a:pt x="13" y="107"/>
                </a:lnTo>
                <a:lnTo>
                  <a:pt x="12" y="104"/>
                </a:lnTo>
                <a:lnTo>
                  <a:pt x="12" y="99"/>
                </a:lnTo>
                <a:lnTo>
                  <a:pt x="8" y="88"/>
                </a:lnTo>
                <a:lnTo>
                  <a:pt x="9" y="84"/>
                </a:lnTo>
                <a:lnTo>
                  <a:pt x="6" y="79"/>
                </a:lnTo>
                <a:lnTo>
                  <a:pt x="6" y="72"/>
                </a:lnTo>
                <a:lnTo>
                  <a:pt x="3" y="71"/>
                </a:lnTo>
                <a:lnTo>
                  <a:pt x="2" y="66"/>
                </a:lnTo>
                <a:lnTo>
                  <a:pt x="1" y="58"/>
                </a:lnTo>
                <a:lnTo>
                  <a:pt x="3" y="53"/>
                </a:lnTo>
                <a:lnTo>
                  <a:pt x="0" y="47"/>
                </a:lnTo>
                <a:lnTo>
                  <a:pt x="1" y="41"/>
                </a:lnTo>
                <a:lnTo>
                  <a:pt x="5" y="34"/>
                </a:lnTo>
                <a:lnTo>
                  <a:pt x="10" y="29"/>
                </a:lnTo>
                <a:lnTo>
                  <a:pt x="12" y="24"/>
                </a:lnTo>
                <a:lnTo>
                  <a:pt x="16" y="17"/>
                </a:lnTo>
                <a:lnTo>
                  <a:pt x="22" y="12"/>
                </a:lnTo>
                <a:lnTo>
                  <a:pt x="25" y="8"/>
                </a:lnTo>
                <a:lnTo>
                  <a:pt x="26" y="5"/>
                </a:lnTo>
                <a:lnTo>
                  <a:pt x="31" y="3"/>
                </a:lnTo>
                <a:lnTo>
                  <a:pt x="38" y="0"/>
                </a:lnTo>
                <a:lnTo>
                  <a:pt x="43" y="4"/>
                </a:lnTo>
                <a:lnTo>
                  <a:pt x="46" y="8"/>
                </a:lnTo>
                <a:lnTo>
                  <a:pt x="46" y="10"/>
                </a:lnTo>
                <a:lnTo>
                  <a:pt x="48" y="12"/>
                </a:lnTo>
                <a:lnTo>
                  <a:pt x="52" y="12"/>
                </a:lnTo>
                <a:lnTo>
                  <a:pt x="53" y="14"/>
                </a:lnTo>
                <a:lnTo>
                  <a:pt x="53" y="16"/>
                </a:lnTo>
                <a:lnTo>
                  <a:pt x="56" y="15"/>
                </a:lnTo>
                <a:lnTo>
                  <a:pt x="60" y="15"/>
                </a:lnTo>
                <a:lnTo>
                  <a:pt x="65" y="18"/>
                </a:lnTo>
                <a:lnTo>
                  <a:pt x="67" y="20"/>
                </a:lnTo>
                <a:lnTo>
                  <a:pt x="70" y="22"/>
                </a:lnTo>
                <a:lnTo>
                  <a:pt x="73" y="21"/>
                </a:lnTo>
                <a:lnTo>
                  <a:pt x="77" y="19"/>
                </a:lnTo>
                <a:lnTo>
                  <a:pt x="79" y="17"/>
                </a:lnTo>
                <a:lnTo>
                  <a:pt x="83" y="16"/>
                </a:lnTo>
                <a:lnTo>
                  <a:pt x="85" y="14"/>
                </a:lnTo>
                <a:lnTo>
                  <a:pt x="90" y="12"/>
                </a:lnTo>
                <a:lnTo>
                  <a:pt x="94" y="13"/>
                </a:lnTo>
                <a:lnTo>
                  <a:pt x="94" y="17"/>
                </a:lnTo>
                <a:lnTo>
                  <a:pt x="106" y="27"/>
                </a:lnTo>
                <a:lnTo>
                  <a:pt x="106" y="30"/>
                </a:lnTo>
                <a:lnTo>
                  <a:pt x="107" y="33"/>
                </a:lnTo>
                <a:lnTo>
                  <a:pt x="110" y="37"/>
                </a:lnTo>
                <a:lnTo>
                  <a:pt x="111" y="42"/>
                </a:lnTo>
                <a:lnTo>
                  <a:pt x="111" y="47"/>
                </a:lnTo>
                <a:lnTo>
                  <a:pt x="112" y="49"/>
                </a:lnTo>
                <a:lnTo>
                  <a:pt x="115" y="50"/>
                </a:lnTo>
                <a:lnTo>
                  <a:pt x="114" y="54"/>
                </a:lnTo>
                <a:lnTo>
                  <a:pt x="110" y="55"/>
                </a:lnTo>
                <a:lnTo>
                  <a:pt x="106" y="59"/>
                </a:lnTo>
                <a:lnTo>
                  <a:pt x="106" y="62"/>
                </a:lnTo>
                <a:lnTo>
                  <a:pt x="107" y="64"/>
                </a:lnTo>
                <a:lnTo>
                  <a:pt x="110" y="64"/>
                </a:lnTo>
                <a:lnTo>
                  <a:pt x="114" y="71"/>
                </a:lnTo>
                <a:lnTo>
                  <a:pt x="116" y="71"/>
                </a:lnTo>
                <a:lnTo>
                  <a:pt x="119" y="68"/>
                </a:lnTo>
                <a:lnTo>
                  <a:pt x="121" y="69"/>
                </a:lnTo>
                <a:lnTo>
                  <a:pt x="124" y="72"/>
                </a:lnTo>
                <a:lnTo>
                  <a:pt x="127" y="76"/>
                </a:lnTo>
                <a:lnTo>
                  <a:pt x="132" y="79"/>
                </a:lnTo>
                <a:lnTo>
                  <a:pt x="135" y="78"/>
                </a:lnTo>
                <a:lnTo>
                  <a:pt x="142" y="75"/>
                </a:lnTo>
                <a:lnTo>
                  <a:pt x="142" y="73"/>
                </a:lnTo>
                <a:lnTo>
                  <a:pt x="143" y="69"/>
                </a:lnTo>
                <a:lnTo>
                  <a:pt x="146" y="67"/>
                </a:lnTo>
                <a:lnTo>
                  <a:pt x="149" y="68"/>
                </a:lnTo>
                <a:lnTo>
                  <a:pt x="151" y="70"/>
                </a:lnTo>
                <a:lnTo>
                  <a:pt x="154" y="73"/>
                </a:lnTo>
                <a:lnTo>
                  <a:pt x="156" y="73"/>
                </a:lnTo>
                <a:lnTo>
                  <a:pt x="160" y="73"/>
                </a:lnTo>
                <a:lnTo>
                  <a:pt x="164" y="74"/>
                </a:lnTo>
                <a:lnTo>
                  <a:pt x="168" y="75"/>
                </a:lnTo>
                <a:lnTo>
                  <a:pt x="177" y="72"/>
                </a:lnTo>
                <a:lnTo>
                  <a:pt x="178" y="74"/>
                </a:lnTo>
                <a:lnTo>
                  <a:pt x="177" y="79"/>
                </a:lnTo>
                <a:lnTo>
                  <a:pt x="173" y="81"/>
                </a:lnTo>
                <a:lnTo>
                  <a:pt x="172" y="84"/>
                </a:lnTo>
                <a:lnTo>
                  <a:pt x="172" y="87"/>
                </a:lnTo>
                <a:lnTo>
                  <a:pt x="172" y="90"/>
                </a:lnTo>
                <a:lnTo>
                  <a:pt x="168" y="93"/>
                </a:lnTo>
                <a:lnTo>
                  <a:pt x="163" y="92"/>
                </a:lnTo>
                <a:lnTo>
                  <a:pt x="158" y="93"/>
                </a:lnTo>
                <a:lnTo>
                  <a:pt x="156" y="95"/>
                </a:lnTo>
                <a:lnTo>
                  <a:pt x="152" y="95"/>
                </a:lnTo>
                <a:lnTo>
                  <a:pt x="147" y="99"/>
                </a:lnTo>
                <a:lnTo>
                  <a:pt x="143" y="101"/>
                </a:lnTo>
                <a:lnTo>
                  <a:pt x="140" y="105"/>
                </a:lnTo>
                <a:lnTo>
                  <a:pt x="137" y="107"/>
                </a:lnTo>
                <a:lnTo>
                  <a:pt x="134" y="110"/>
                </a:lnTo>
                <a:lnTo>
                  <a:pt x="135" y="113"/>
                </a:lnTo>
                <a:lnTo>
                  <a:pt x="134" y="118"/>
                </a:lnTo>
                <a:lnTo>
                  <a:pt x="131" y="122"/>
                </a:lnTo>
                <a:lnTo>
                  <a:pt x="130" y="128"/>
                </a:lnTo>
                <a:lnTo>
                  <a:pt x="126" y="130"/>
                </a:lnTo>
                <a:lnTo>
                  <a:pt x="122" y="129"/>
                </a:lnTo>
                <a:lnTo>
                  <a:pt x="118" y="133"/>
                </a:lnTo>
                <a:lnTo>
                  <a:pt x="115" y="136"/>
                </a:lnTo>
                <a:lnTo>
                  <a:pt x="111" y="137"/>
                </a:lnTo>
                <a:lnTo>
                  <a:pt x="107" y="143"/>
                </a:lnTo>
                <a:lnTo>
                  <a:pt x="100" y="145"/>
                </a:lnTo>
                <a:lnTo>
                  <a:pt x="92" y="148"/>
                </a:lnTo>
                <a:lnTo>
                  <a:pt x="88" y="153"/>
                </a:lnTo>
                <a:lnTo>
                  <a:pt x="87" y="157"/>
                </a:lnTo>
                <a:lnTo>
                  <a:pt x="85" y="160"/>
                </a:lnTo>
                <a:lnTo>
                  <a:pt x="83" y="160"/>
                </a:lnTo>
                <a:lnTo>
                  <a:pt x="80" y="164"/>
                </a:lnTo>
                <a:lnTo>
                  <a:pt x="75" y="165"/>
                </a:lnTo>
                <a:lnTo>
                  <a:pt x="69" y="164"/>
                </a:lnTo>
                <a:lnTo>
                  <a:pt x="63" y="166"/>
                </a:lnTo>
              </a:path>
            </a:pathLst>
          </a:custGeom>
          <a:pattFill prst="pct5">
            <a:fgClr>
              <a:srgbClr val="000000"/>
            </a:fgClr>
            <a:bgClr>
              <a:srgbClr val="FFFFFF"/>
            </a:bgClr>
          </a:pattFill>
          <a:ln w="952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</xdr:spPr>
      </xdr:sp>
      <xdr:sp macro="" textlink="">
        <xdr:nvSpPr>
          <xdr:cNvPr id="149819" name="d14383" descr="5%"/>
          <xdr:cNvSpPr>
            <a:spLocks/>
          </xdr:cNvSpPr>
        </xdr:nvSpPr>
        <xdr:spPr bwMode="auto">
          <a:xfrm>
            <a:off x="2647950" y="7972425"/>
            <a:ext cx="628650" cy="657225"/>
          </a:xfrm>
          <a:custGeom>
            <a:avLst/>
            <a:gdLst>
              <a:gd name="T0" fmla="*/ 0 w 16384"/>
              <a:gd name="T1" fmla="*/ 0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0 w 16384"/>
              <a:gd name="T103" fmla="*/ 2147483646 h 16384"/>
              <a:gd name="T104" fmla="*/ 0 w 16384"/>
              <a:gd name="T105" fmla="*/ 0 h 16384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6384"/>
              <a:gd name="T160" fmla="*/ 0 h 16384"/>
              <a:gd name="T161" fmla="*/ 16384 w 16384"/>
              <a:gd name="T162" fmla="*/ 16384 h 16384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6384" h="16384">
                <a:moveTo>
                  <a:pt x="0" y="0"/>
                </a:moveTo>
                <a:lnTo>
                  <a:pt x="1241" y="237"/>
                </a:lnTo>
                <a:lnTo>
                  <a:pt x="2482" y="475"/>
                </a:lnTo>
                <a:lnTo>
                  <a:pt x="5213" y="1662"/>
                </a:lnTo>
                <a:lnTo>
                  <a:pt x="9185" y="3799"/>
                </a:lnTo>
                <a:lnTo>
                  <a:pt x="9930" y="3324"/>
                </a:lnTo>
                <a:lnTo>
                  <a:pt x="10178" y="3799"/>
                </a:lnTo>
                <a:lnTo>
                  <a:pt x="10674" y="4512"/>
                </a:lnTo>
                <a:lnTo>
                  <a:pt x="11667" y="5224"/>
                </a:lnTo>
                <a:lnTo>
                  <a:pt x="12164" y="5936"/>
                </a:lnTo>
                <a:lnTo>
                  <a:pt x="11419" y="6886"/>
                </a:lnTo>
                <a:lnTo>
                  <a:pt x="11171" y="8073"/>
                </a:lnTo>
                <a:lnTo>
                  <a:pt x="10923" y="9261"/>
                </a:lnTo>
                <a:lnTo>
                  <a:pt x="11171" y="9498"/>
                </a:lnTo>
                <a:lnTo>
                  <a:pt x="11419" y="9973"/>
                </a:lnTo>
                <a:lnTo>
                  <a:pt x="11916" y="10685"/>
                </a:lnTo>
                <a:lnTo>
                  <a:pt x="11916" y="11872"/>
                </a:lnTo>
                <a:lnTo>
                  <a:pt x="11171" y="11872"/>
                </a:lnTo>
                <a:lnTo>
                  <a:pt x="11916" y="12347"/>
                </a:lnTo>
                <a:lnTo>
                  <a:pt x="12909" y="13297"/>
                </a:lnTo>
                <a:lnTo>
                  <a:pt x="13902" y="13772"/>
                </a:lnTo>
                <a:lnTo>
                  <a:pt x="15143" y="14010"/>
                </a:lnTo>
                <a:lnTo>
                  <a:pt x="15888" y="14247"/>
                </a:lnTo>
                <a:lnTo>
                  <a:pt x="15888" y="15197"/>
                </a:lnTo>
                <a:lnTo>
                  <a:pt x="16384" y="15909"/>
                </a:lnTo>
                <a:lnTo>
                  <a:pt x="15888" y="16147"/>
                </a:lnTo>
                <a:lnTo>
                  <a:pt x="15391" y="15909"/>
                </a:lnTo>
                <a:lnTo>
                  <a:pt x="14895" y="16147"/>
                </a:lnTo>
                <a:lnTo>
                  <a:pt x="14646" y="16384"/>
                </a:lnTo>
                <a:lnTo>
                  <a:pt x="14150" y="16147"/>
                </a:lnTo>
                <a:lnTo>
                  <a:pt x="13653" y="16147"/>
                </a:lnTo>
                <a:lnTo>
                  <a:pt x="13405" y="15672"/>
                </a:lnTo>
                <a:lnTo>
                  <a:pt x="12660" y="15434"/>
                </a:lnTo>
                <a:lnTo>
                  <a:pt x="12660" y="14722"/>
                </a:lnTo>
                <a:lnTo>
                  <a:pt x="11916" y="14722"/>
                </a:lnTo>
                <a:lnTo>
                  <a:pt x="10923" y="14484"/>
                </a:lnTo>
                <a:lnTo>
                  <a:pt x="10178" y="14010"/>
                </a:lnTo>
                <a:lnTo>
                  <a:pt x="9930" y="13535"/>
                </a:lnTo>
                <a:lnTo>
                  <a:pt x="9681" y="13535"/>
                </a:lnTo>
                <a:lnTo>
                  <a:pt x="9930" y="13060"/>
                </a:lnTo>
                <a:lnTo>
                  <a:pt x="8937" y="11872"/>
                </a:lnTo>
                <a:lnTo>
                  <a:pt x="7696" y="10448"/>
                </a:lnTo>
                <a:lnTo>
                  <a:pt x="6454" y="9973"/>
                </a:lnTo>
                <a:lnTo>
                  <a:pt x="6206" y="9023"/>
                </a:lnTo>
                <a:lnTo>
                  <a:pt x="6454" y="8548"/>
                </a:lnTo>
                <a:lnTo>
                  <a:pt x="6703" y="7598"/>
                </a:lnTo>
                <a:lnTo>
                  <a:pt x="5958" y="6411"/>
                </a:lnTo>
                <a:lnTo>
                  <a:pt x="3475" y="4749"/>
                </a:lnTo>
                <a:lnTo>
                  <a:pt x="2979" y="2612"/>
                </a:lnTo>
                <a:lnTo>
                  <a:pt x="1738" y="2374"/>
                </a:lnTo>
                <a:lnTo>
                  <a:pt x="1241" y="1900"/>
                </a:lnTo>
                <a:lnTo>
                  <a:pt x="0" y="1187"/>
                </a:lnTo>
                <a:lnTo>
                  <a:pt x="0" y="0"/>
                </a:lnTo>
                <a:close/>
              </a:path>
            </a:pathLst>
          </a:custGeom>
          <a:pattFill prst="pct5">
            <a:fgClr>
              <a:srgbClr val="000000"/>
            </a:fgClr>
            <a:bgClr>
              <a:srgbClr val="FFFFFF"/>
            </a:bgClr>
          </a:patt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20" name="d14384" descr="5%"/>
          <xdr:cNvSpPr>
            <a:spLocks/>
          </xdr:cNvSpPr>
        </xdr:nvSpPr>
        <xdr:spPr bwMode="auto">
          <a:xfrm>
            <a:off x="1743075" y="7781925"/>
            <a:ext cx="1285875" cy="8477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0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0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w 16384"/>
              <a:gd name="T115" fmla="*/ 0 h 16384"/>
              <a:gd name="T116" fmla="*/ 16384 w 16384"/>
              <a:gd name="T117" fmla="*/ 16384 h 16384"/>
            </a:gdLst>
            <a:ahLst/>
            <a:cxnLst>
              <a:cxn ang="T76">
                <a:pos x="T0" y="T1"/>
              </a:cxn>
              <a:cxn ang="T77">
                <a:pos x="T2" y="T3"/>
              </a:cxn>
              <a:cxn ang="T78">
                <a:pos x="T4" y="T5"/>
              </a:cxn>
              <a:cxn ang="T79">
                <a:pos x="T6" y="T7"/>
              </a:cxn>
              <a:cxn ang="T80">
                <a:pos x="T8" y="T9"/>
              </a:cxn>
              <a:cxn ang="T81">
                <a:pos x="T10" y="T11"/>
              </a:cxn>
              <a:cxn ang="T82">
                <a:pos x="T12" y="T13"/>
              </a:cxn>
              <a:cxn ang="T83">
                <a:pos x="T14" y="T15"/>
              </a:cxn>
              <a:cxn ang="T84">
                <a:pos x="T16" y="T17"/>
              </a:cxn>
              <a:cxn ang="T85">
                <a:pos x="T18" y="T19"/>
              </a:cxn>
              <a:cxn ang="T86">
                <a:pos x="T20" y="T21"/>
              </a:cxn>
              <a:cxn ang="T87">
                <a:pos x="T22" y="T23"/>
              </a:cxn>
              <a:cxn ang="T88">
                <a:pos x="T24" y="T25"/>
              </a:cxn>
              <a:cxn ang="T89">
                <a:pos x="T26" y="T27"/>
              </a:cxn>
              <a:cxn ang="T90">
                <a:pos x="T28" y="T29"/>
              </a:cxn>
              <a:cxn ang="T91">
                <a:pos x="T30" y="T31"/>
              </a:cxn>
              <a:cxn ang="T92">
                <a:pos x="T32" y="T33"/>
              </a:cxn>
              <a:cxn ang="T93">
                <a:pos x="T34" y="T35"/>
              </a:cxn>
              <a:cxn ang="T94">
                <a:pos x="T36" y="T37"/>
              </a:cxn>
              <a:cxn ang="T95">
                <a:pos x="T38" y="T39"/>
              </a:cxn>
              <a:cxn ang="T96">
                <a:pos x="T40" y="T41"/>
              </a:cxn>
              <a:cxn ang="T97">
                <a:pos x="T42" y="T43"/>
              </a:cxn>
              <a:cxn ang="T98">
                <a:pos x="T44" y="T45"/>
              </a:cxn>
              <a:cxn ang="T99">
                <a:pos x="T46" y="T47"/>
              </a:cxn>
              <a:cxn ang="T100">
                <a:pos x="T48" y="T49"/>
              </a:cxn>
              <a:cxn ang="T101">
                <a:pos x="T50" y="T51"/>
              </a:cxn>
              <a:cxn ang="T102">
                <a:pos x="T52" y="T53"/>
              </a:cxn>
              <a:cxn ang="T103">
                <a:pos x="T54" y="T55"/>
              </a:cxn>
              <a:cxn ang="T104">
                <a:pos x="T56" y="T57"/>
              </a:cxn>
              <a:cxn ang="T105">
                <a:pos x="T58" y="T59"/>
              </a:cxn>
              <a:cxn ang="T106">
                <a:pos x="T60" y="T61"/>
              </a:cxn>
              <a:cxn ang="T107">
                <a:pos x="T62" y="T63"/>
              </a:cxn>
              <a:cxn ang="T108">
                <a:pos x="T64" y="T65"/>
              </a:cxn>
              <a:cxn ang="T109">
                <a:pos x="T66" y="T67"/>
              </a:cxn>
              <a:cxn ang="T110">
                <a:pos x="T68" y="T69"/>
              </a:cxn>
              <a:cxn ang="T111">
                <a:pos x="T70" y="T71"/>
              </a:cxn>
              <a:cxn ang="T112">
                <a:pos x="T72" y="T73"/>
              </a:cxn>
              <a:cxn ang="T113">
                <a:pos x="T74" y="T75"/>
              </a:cxn>
            </a:cxnLst>
            <a:rect l="T114" t="T115" r="T116" b="T117"/>
            <a:pathLst>
              <a:path w="16384" h="16384">
                <a:moveTo>
                  <a:pt x="11529" y="3682"/>
                </a:moveTo>
                <a:lnTo>
                  <a:pt x="11529" y="4602"/>
                </a:lnTo>
                <a:lnTo>
                  <a:pt x="12136" y="5155"/>
                </a:lnTo>
                <a:lnTo>
                  <a:pt x="12379" y="5523"/>
                </a:lnTo>
                <a:lnTo>
                  <a:pt x="12986" y="5707"/>
                </a:lnTo>
                <a:lnTo>
                  <a:pt x="13229" y="7364"/>
                </a:lnTo>
                <a:lnTo>
                  <a:pt x="14442" y="8652"/>
                </a:lnTo>
                <a:lnTo>
                  <a:pt x="14806" y="9573"/>
                </a:lnTo>
                <a:lnTo>
                  <a:pt x="14685" y="10309"/>
                </a:lnTo>
                <a:lnTo>
                  <a:pt x="14564" y="10677"/>
                </a:lnTo>
                <a:lnTo>
                  <a:pt x="14685" y="11414"/>
                </a:lnTo>
                <a:lnTo>
                  <a:pt x="15292" y="11782"/>
                </a:lnTo>
                <a:lnTo>
                  <a:pt x="15899" y="12886"/>
                </a:lnTo>
                <a:lnTo>
                  <a:pt x="16384" y="13807"/>
                </a:lnTo>
                <a:lnTo>
                  <a:pt x="16263" y="14175"/>
                </a:lnTo>
                <a:lnTo>
                  <a:pt x="16020" y="13991"/>
                </a:lnTo>
                <a:lnTo>
                  <a:pt x="15899" y="13623"/>
                </a:lnTo>
                <a:lnTo>
                  <a:pt x="15049" y="13807"/>
                </a:lnTo>
                <a:lnTo>
                  <a:pt x="14078" y="13623"/>
                </a:lnTo>
                <a:lnTo>
                  <a:pt x="13471" y="14359"/>
                </a:lnTo>
                <a:lnTo>
                  <a:pt x="12986" y="15279"/>
                </a:lnTo>
                <a:lnTo>
                  <a:pt x="12500" y="16016"/>
                </a:lnTo>
                <a:lnTo>
                  <a:pt x="12136" y="15648"/>
                </a:lnTo>
                <a:lnTo>
                  <a:pt x="11651" y="16016"/>
                </a:lnTo>
                <a:lnTo>
                  <a:pt x="11165" y="16200"/>
                </a:lnTo>
                <a:lnTo>
                  <a:pt x="10680" y="16384"/>
                </a:lnTo>
                <a:lnTo>
                  <a:pt x="10316" y="16384"/>
                </a:lnTo>
                <a:lnTo>
                  <a:pt x="10073" y="16200"/>
                </a:lnTo>
                <a:lnTo>
                  <a:pt x="9588" y="16200"/>
                </a:lnTo>
                <a:lnTo>
                  <a:pt x="9345" y="16200"/>
                </a:lnTo>
                <a:lnTo>
                  <a:pt x="8859" y="16200"/>
                </a:lnTo>
                <a:lnTo>
                  <a:pt x="8253" y="16016"/>
                </a:lnTo>
                <a:lnTo>
                  <a:pt x="8010" y="16016"/>
                </a:lnTo>
                <a:lnTo>
                  <a:pt x="7646" y="15648"/>
                </a:lnTo>
                <a:lnTo>
                  <a:pt x="7403" y="15279"/>
                </a:lnTo>
                <a:lnTo>
                  <a:pt x="7039" y="14911"/>
                </a:lnTo>
                <a:lnTo>
                  <a:pt x="6190" y="15095"/>
                </a:lnTo>
                <a:lnTo>
                  <a:pt x="5219" y="15095"/>
                </a:lnTo>
                <a:lnTo>
                  <a:pt x="4490" y="14359"/>
                </a:lnTo>
                <a:lnTo>
                  <a:pt x="3884" y="14543"/>
                </a:lnTo>
                <a:lnTo>
                  <a:pt x="3155" y="13623"/>
                </a:lnTo>
                <a:lnTo>
                  <a:pt x="2306" y="13991"/>
                </a:lnTo>
                <a:lnTo>
                  <a:pt x="1578" y="13070"/>
                </a:lnTo>
                <a:lnTo>
                  <a:pt x="1214" y="12886"/>
                </a:lnTo>
                <a:lnTo>
                  <a:pt x="485" y="13623"/>
                </a:lnTo>
                <a:lnTo>
                  <a:pt x="364" y="12886"/>
                </a:lnTo>
                <a:lnTo>
                  <a:pt x="485" y="11966"/>
                </a:lnTo>
                <a:lnTo>
                  <a:pt x="728" y="11229"/>
                </a:lnTo>
                <a:lnTo>
                  <a:pt x="121" y="10677"/>
                </a:lnTo>
                <a:lnTo>
                  <a:pt x="485" y="9757"/>
                </a:lnTo>
                <a:lnTo>
                  <a:pt x="364" y="8836"/>
                </a:lnTo>
                <a:lnTo>
                  <a:pt x="485" y="8284"/>
                </a:lnTo>
                <a:lnTo>
                  <a:pt x="243" y="7916"/>
                </a:lnTo>
                <a:lnTo>
                  <a:pt x="0" y="6811"/>
                </a:lnTo>
                <a:lnTo>
                  <a:pt x="728" y="6443"/>
                </a:lnTo>
                <a:lnTo>
                  <a:pt x="1456" y="6627"/>
                </a:lnTo>
                <a:lnTo>
                  <a:pt x="2063" y="6443"/>
                </a:lnTo>
                <a:lnTo>
                  <a:pt x="2427" y="5707"/>
                </a:lnTo>
                <a:lnTo>
                  <a:pt x="2670" y="5707"/>
                </a:lnTo>
                <a:lnTo>
                  <a:pt x="2913" y="5155"/>
                </a:lnTo>
                <a:lnTo>
                  <a:pt x="3034" y="4418"/>
                </a:lnTo>
                <a:lnTo>
                  <a:pt x="3520" y="3498"/>
                </a:lnTo>
                <a:lnTo>
                  <a:pt x="4490" y="2945"/>
                </a:lnTo>
                <a:lnTo>
                  <a:pt x="5340" y="2577"/>
                </a:lnTo>
                <a:lnTo>
                  <a:pt x="5825" y="1473"/>
                </a:lnTo>
                <a:lnTo>
                  <a:pt x="6311" y="1289"/>
                </a:lnTo>
                <a:lnTo>
                  <a:pt x="6675" y="736"/>
                </a:lnTo>
                <a:lnTo>
                  <a:pt x="7160" y="0"/>
                </a:lnTo>
                <a:lnTo>
                  <a:pt x="7646" y="184"/>
                </a:lnTo>
                <a:lnTo>
                  <a:pt x="7646" y="1105"/>
                </a:lnTo>
                <a:lnTo>
                  <a:pt x="8010" y="1289"/>
                </a:lnTo>
                <a:lnTo>
                  <a:pt x="8738" y="1841"/>
                </a:lnTo>
                <a:lnTo>
                  <a:pt x="9102" y="1657"/>
                </a:lnTo>
                <a:lnTo>
                  <a:pt x="9588" y="2025"/>
                </a:lnTo>
                <a:lnTo>
                  <a:pt x="10073" y="3130"/>
                </a:lnTo>
                <a:lnTo>
                  <a:pt x="10801" y="3314"/>
                </a:lnTo>
                <a:lnTo>
                  <a:pt x="11529" y="3682"/>
                </a:lnTo>
                <a:close/>
              </a:path>
            </a:pathLst>
          </a:custGeom>
          <a:pattFill prst="pct5">
            <a:fgClr>
              <a:srgbClr val="000000"/>
            </a:fgClr>
            <a:bgClr>
              <a:srgbClr val="FFFFFF"/>
            </a:bgClr>
          </a:patt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21" name="d14401"/>
          <xdr:cNvSpPr>
            <a:spLocks/>
          </xdr:cNvSpPr>
        </xdr:nvSpPr>
        <xdr:spPr bwMode="auto">
          <a:xfrm>
            <a:off x="4276725" y="2895600"/>
            <a:ext cx="1276350" cy="81915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0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16384"/>
              <a:gd name="T136" fmla="*/ 0 h 16384"/>
              <a:gd name="T137" fmla="*/ 16384 w 16384"/>
              <a:gd name="T138" fmla="*/ 16384 h 16384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16384" h="16384">
                <a:moveTo>
                  <a:pt x="16262" y="8573"/>
                </a:moveTo>
                <a:lnTo>
                  <a:pt x="15773" y="9145"/>
                </a:lnTo>
                <a:lnTo>
                  <a:pt x="15895" y="9335"/>
                </a:lnTo>
                <a:lnTo>
                  <a:pt x="16384" y="9526"/>
                </a:lnTo>
                <a:lnTo>
                  <a:pt x="16384" y="10478"/>
                </a:lnTo>
                <a:lnTo>
                  <a:pt x="15161" y="11050"/>
                </a:lnTo>
                <a:lnTo>
                  <a:pt x="15284" y="12002"/>
                </a:lnTo>
                <a:lnTo>
                  <a:pt x="15406" y="12955"/>
                </a:lnTo>
                <a:lnTo>
                  <a:pt x="15406" y="13336"/>
                </a:lnTo>
                <a:lnTo>
                  <a:pt x="15161" y="13336"/>
                </a:lnTo>
                <a:lnTo>
                  <a:pt x="15284" y="13717"/>
                </a:lnTo>
                <a:lnTo>
                  <a:pt x="15039" y="13907"/>
                </a:lnTo>
                <a:lnTo>
                  <a:pt x="15161" y="14288"/>
                </a:lnTo>
                <a:lnTo>
                  <a:pt x="14917" y="14669"/>
                </a:lnTo>
                <a:lnTo>
                  <a:pt x="15039" y="15812"/>
                </a:lnTo>
                <a:lnTo>
                  <a:pt x="14795" y="16193"/>
                </a:lnTo>
                <a:lnTo>
                  <a:pt x="14550" y="16384"/>
                </a:lnTo>
                <a:lnTo>
                  <a:pt x="14061" y="16003"/>
                </a:lnTo>
                <a:lnTo>
                  <a:pt x="13450" y="14669"/>
                </a:lnTo>
                <a:lnTo>
                  <a:pt x="12349" y="14098"/>
                </a:lnTo>
                <a:lnTo>
                  <a:pt x="11493" y="14098"/>
                </a:lnTo>
                <a:lnTo>
                  <a:pt x="11126" y="13526"/>
                </a:lnTo>
                <a:lnTo>
                  <a:pt x="10393" y="13717"/>
                </a:lnTo>
                <a:lnTo>
                  <a:pt x="10393" y="12383"/>
                </a:lnTo>
                <a:lnTo>
                  <a:pt x="9904" y="11240"/>
                </a:lnTo>
                <a:lnTo>
                  <a:pt x="10026" y="10288"/>
                </a:lnTo>
                <a:lnTo>
                  <a:pt x="9170" y="9716"/>
                </a:lnTo>
                <a:lnTo>
                  <a:pt x="8681" y="10288"/>
                </a:lnTo>
                <a:lnTo>
                  <a:pt x="8192" y="9907"/>
                </a:lnTo>
                <a:lnTo>
                  <a:pt x="7947" y="10288"/>
                </a:lnTo>
                <a:lnTo>
                  <a:pt x="7336" y="10288"/>
                </a:lnTo>
                <a:lnTo>
                  <a:pt x="6603" y="11812"/>
                </a:lnTo>
                <a:lnTo>
                  <a:pt x="5502" y="12574"/>
                </a:lnTo>
                <a:lnTo>
                  <a:pt x="5013" y="12193"/>
                </a:lnTo>
                <a:lnTo>
                  <a:pt x="4646" y="12574"/>
                </a:lnTo>
                <a:lnTo>
                  <a:pt x="4524" y="13717"/>
                </a:lnTo>
                <a:lnTo>
                  <a:pt x="4524" y="14098"/>
                </a:lnTo>
                <a:lnTo>
                  <a:pt x="3913" y="14098"/>
                </a:lnTo>
                <a:lnTo>
                  <a:pt x="3546" y="13526"/>
                </a:lnTo>
                <a:lnTo>
                  <a:pt x="3057" y="13145"/>
                </a:lnTo>
                <a:lnTo>
                  <a:pt x="2812" y="12002"/>
                </a:lnTo>
                <a:lnTo>
                  <a:pt x="2445" y="10669"/>
                </a:lnTo>
                <a:lnTo>
                  <a:pt x="1712" y="10288"/>
                </a:lnTo>
                <a:lnTo>
                  <a:pt x="1467" y="9526"/>
                </a:lnTo>
                <a:lnTo>
                  <a:pt x="1100" y="9335"/>
                </a:lnTo>
                <a:lnTo>
                  <a:pt x="978" y="8764"/>
                </a:lnTo>
                <a:lnTo>
                  <a:pt x="489" y="8383"/>
                </a:lnTo>
                <a:lnTo>
                  <a:pt x="245" y="7811"/>
                </a:lnTo>
                <a:lnTo>
                  <a:pt x="0" y="6477"/>
                </a:lnTo>
                <a:lnTo>
                  <a:pt x="367" y="5334"/>
                </a:lnTo>
                <a:lnTo>
                  <a:pt x="611" y="4763"/>
                </a:lnTo>
                <a:lnTo>
                  <a:pt x="489" y="3810"/>
                </a:lnTo>
                <a:lnTo>
                  <a:pt x="611" y="3429"/>
                </a:lnTo>
                <a:lnTo>
                  <a:pt x="978" y="2858"/>
                </a:lnTo>
                <a:lnTo>
                  <a:pt x="1467" y="2286"/>
                </a:lnTo>
                <a:lnTo>
                  <a:pt x="1956" y="2286"/>
                </a:lnTo>
                <a:lnTo>
                  <a:pt x="2568" y="2096"/>
                </a:lnTo>
                <a:lnTo>
                  <a:pt x="3057" y="1715"/>
                </a:lnTo>
                <a:lnTo>
                  <a:pt x="3301" y="2096"/>
                </a:lnTo>
                <a:lnTo>
                  <a:pt x="3668" y="2096"/>
                </a:lnTo>
                <a:lnTo>
                  <a:pt x="3790" y="2477"/>
                </a:lnTo>
                <a:lnTo>
                  <a:pt x="4524" y="2667"/>
                </a:lnTo>
                <a:lnTo>
                  <a:pt x="4768" y="3239"/>
                </a:lnTo>
                <a:lnTo>
                  <a:pt x="5013" y="3239"/>
                </a:lnTo>
                <a:lnTo>
                  <a:pt x="5135" y="2667"/>
                </a:lnTo>
                <a:lnTo>
                  <a:pt x="5135" y="1905"/>
                </a:lnTo>
                <a:lnTo>
                  <a:pt x="5380" y="1334"/>
                </a:lnTo>
                <a:lnTo>
                  <a:pt x="5991" y="1143"/>
                </a:lnTo>
                <a:lnTo>
                  <a:pt x="5991" y="572"/>
                </a:lnTo>
                <a:lnTo>
                  <a:pt x="6725" y="0"/>
                </a:lnTo>
                <a:lnTo>
                  <a:pt x="7092" y="381"/>
                </a:lnTo>
                <a:lnTo>
                  <a:pt x="7458" y="381"/>
                </a:lnTo>
                <a:lnTo>
                  <a:pt x="7703" y="572"/>
                </a:lnTo>
                <a:lnTo>
                  <a:pt x="8192" y="1143"/>
                </a:lnTo>
                <a:lnTo>
                  <a:pt x="8559" y="1524"/>
                </a:lnTo>
                <a:lnTo>
                  <a:pt x="8803" y="2477"/>
                </a:lnTo>
                <a:lnTo>
                  <a:pt x="9048" y="2667"/>
                </a:lnTo>
                <a:lnTo>
                  <a:pt x="9415" y="3620"/>
                </a:lnTo>
                <a:lnTo>
                  <a:pt x="9659" y="3810"/>
                </a:lnTo>
                <a:lnTo>
                  <a:pt x="10026" y="4191"/>
                </a:lnTo>
                <a:lnTo>
                  <a:pt x="10271" y="4763"/>
                </a:lnTo>
                <a:lnTo>
                  <a:pt x="10637" y="5334"/>
                </a:lnTo>
                <a:lnTo>
                  <a:pt x="11004" y="5144"/>
                </a:lnTo>
                <a:lnTo>
                  <a:pt x="11493" y="4572"/>
                </a:lnTo>
                <a:lnTo>
                  <a:pt x="11860" y="4763"/>
                </a:lnTo>
                <a:lnTo>
                  <a:pt x="12105" y="4382"/>
                </a:lnTo>
                <a:lnTo>
                  <a:pt x="13083" y="4953"/>
                </a:lnTo>
                <a:lnTo>
                  <a:pt x="14305" y="6096"/>
                </a:lnTo>
                <a:lnTo>
                  <a:pt x="15406" y="7430"/>
                </a:lnTo>
                <a:lnTo>
                  <a:pt x="16262" y="85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22" name="d14402"/>
          <xdr:cNvSpPr>
            <a:spLocks/>
          </xdr:cNvSpPr>
        </xdr:nvSpPr>
        <xdr:spPr bwMode="auto">
          <a:xfrm>
            <a:off x="3343275" y="3086100"/>
            <a:ext cx="1543050" cy="13335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0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0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0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w 16384"/>
              <a:gd name="T166" fmla="*/ 0 h 16384"/>
              <a:gd name="T167" fmla="*/ 16384 w 16384"/>
              <a:gd name="T168" fmla="*/ 16384 h 16384"/>
            </a:gdLst>
            <a:ahLst/>
            <a:cxnLst>
              <a:cxn ang="T110">
                <a:pos x="T0" y="T1"/>
              </a:cxn>
              <a:cxn ang="T111">
                <a:pos x="T2" y="T3"/>
              </a:cxn>
              <a:cxn ang="T112">
                <a:pos x="T4" y="T5"/>
              </a:cxn>
              <a:cxn ang="T113">
                <a:pos x="T6" y="T7"/>
              </a:cxn>
              <a:cxn ang="T114">
                <a:pos x="T8" y="T9"/>
              </a:cxn>
              <a:cxn ang="T115">
                <a:pos x="T10" y="T11"/>
              </a:cxn>
              <a:cxn ang="T116">
                <a:pos x="T12" y="T13"/>
              </a:cxn>
              <a:cxn ang="T117">
                <a:pos x="T14" y="T15"/>
              </a:cxn>
              <a:cxn ang="T118">
                <a:pos x="T16" y="T17"/>
              </a:cxn>
              <a:cxn ang="T119">
                <a:pos x="T18" y="T19"/>
              </a:cxn>
              <a:cxn ang="T120">
                <a:pos x="T20" y="T21"/>
              </a:cxn>
              <a:cxn ang="T121">
                <a:pos x="T22" y="T23"/>
              </a:cxn>
              <a:cxn ang="T122">
                <a:pos x="T24" y="T25"/>
              </a:cxn>
              <a:cxn ang="T123">
                <a:pos x="T26" y="T27"/>
              </a:cxn>
              <a:cxn ang="T124">
                <a:pos x="T28" y="T29"/>
              </a:cxn>
              <a:cxn ang="T125">
                <a:pos x="T30" y="T31"/>
              </a:cxn>
              <a:cxn ang="T126">
                <a:pos x="T32" y="T33"/>
              </a:cxn>
              <a:cxn ang="T127">
                <a:pos x="T34" y="T35"/>
              </a:cxn>
              <a:cxn ang="T128">
                <a:pos x="T36" y="T37"/>
              </a:cxn>
              <a:cxn ang="T129">
                <a:pos x="T38" y="T39"/>
              </a:cxn>
              <a:cxn ang="T130">
                <a:pos x="T40" y="T41"/>
              </a:cxn>
              <a:cxn ang="T131">
                <a:pos x="T42" y="T43"/>
              </a:cxn>
              <a:cxn ang="T132">
                <a:pos x="T44" y="T45"/>
              </a:cxn>
              <a:cxn ang="T133">
                <a:pos x="T46" y="T47"/>
              </a:cxn>
              <a:cxn ang="T134">
                <a:pos x="T48" y="T49"/>
              </a:cxn>
              <a:cxn ang="T135">
                <a:pos x="T50" y="T51"/>
              </a:cxn>
              <a:cxn ang="T136">
                <a:pos x="T52" y="T53"/>
              </a:cxn>
              <a:cxn ang="T137">
                <a:pos x="T54" y="T55"/>
              </a:cxn>
              <a:cxn ang="T138">
                <a:pos x="T56" y="T57"/>
              </a:cxn>
              <a:cxn ang="T139">
                <a:pos x="T58" y="T59"/>
              </a:cxn>
              <a:cxn ang="T140">
                <a:pos x="T60" y="T61"/>
              </a:cxn>
              <a:cxn ang="T141">
                <a:pos x="T62" y="T63"/>
              </a:cxn>
              <a:cxn ang="T142">
                <a:pos x="T64" y="T65"/>
              </a:cxn>
              <a:cxn ang="T143">
                <a:pos x="T66" y="T67"/>
              </a:cxn>
              <a:cxn ang="T144">
                <a:pos x="T68" y="T69"/>
              </a:cxn>
              <a:cxn ang="T145">
                <a:pos x="T70" y="T71"/>
              </a:cxn>
              <a:cxn ang="T146">
                <a:pos x="T72" y="T73"/>
              </a:cxn>
              <a:cxn ang="T147">
                <a:pos x="T74" y="T75"/>
              </a:cxn>
              <a:cxn ang="T148">
                <a:pos x="T76" y="T77"/>
              </a:cxn>
              <a:cxn ang="T149">
                <a:pos x="T78" y="T79"/>
              </a:cxn>
              <a:cxn ang="T150">
                <a:pos x="T80" y="T81"/>
              </a:cxn>
              <a:cxn ang="T151">
                <a:pos x="T82" y="T83"/>
              </a:cxn>
              <a:cxn ang="T152">
                <a:pos x="T84" y="T85"/>
              </a:cxn>
              <a:cxn ang="T153">
                <a:pos x="T86" y="T87"/>
              </a:cxn>
              <a:cxn ang="T154">
                <a:pos x="T88" y="T89"/>
              </a:cxn>
              <a:cxn ang="T155">
                <a:pos x="T90" y="T91"/>
              </a:cxn>
              <a:cxn ang="T156">
                <a:pos x="T92" y="T93"/>
              </a:cxn>
              <a:cxn ang="T157">
                <a:pos x="T94" y="T95"/>
              </a:cxn>
              <a:cxn ang="T158">
                <a:pos x="T96" y="T97"/>
              </a:cxn>
              <a:cxn ang="T159">
                <a:pos x="T98" y="T99"/>
              </a:cxn>
              <a:cxn ang="T160">
                <a:pos x="T100" y="T101"/>
              </a:cxn>
              <a:cxn ang="T161">
                <a:pos x="T102" y="T103"/>
              </a:cxn>
              <a:cxn ang="T162">
                <a:pos x="T104" y="T105"/>
              </a:cxn>
              <a:cxn ang="T163">
                <a:pos x="T106" y="T107"/>
              </a:cxn>
              <a:cxn ang="T164">
                <a:pos x="T108" y="T109"/>
              </a:cxn>
            </a:cxnLst>
            <a:rect l="T165" t="T166" r="T167" b="T168"/>
            <a:pathLst>
              <a:path w="16384" h="16384">
                <a:moveTo>
                  <a:pt x="7889" y="15331"/>
                </a:moveTo>
                <a:lnTo>
                  <a:pt x="8091" y="14863"/>
                </a:lnTo>
                <a:lnTo>
                  <a:pt x="7181" y="14160"/>
                </a:lnTo>
                <a:lnTo>
                  <a:pt x="6473" y="13926"/>
                </a:lnTo>
                <a:lnTo>
                  <a:pt x="6372" y="13809"/>
                </a:lnTo>
                <a:lnTo>
                  <a:pt x="5664" y="14160"/>
                </a:lnTo>
                <a:lnTo>
                  <a:pt x="5461" y="14277"/>
                </a:lnTo>
                <a:lnTo>
                  <a:pt x="5158" y="14160"/>
                </a:lnTo>
                <a:lnTo>
                  <a:pt x="4956" y="14863"/>
                </a:lnTo>
                <a:lnTo>
                  <a:pt x="4551" y="14980"/>
                </a:lnTo>
                <a:lnTo>
                  <a:pt x="4147" y="15565"/>
                </a:lnTo>
                <a:lnTo>
                  <a:pt x="3944" y="15565"/>
                </a:lnTo>
                <a:lnTo>
                  <a:pt x="3135" y="15799"/>
                </a:lnTo>
                <a:lnTo>
                  <a:pt x="2427" y="15916"/>
                </a:lnTo>
                <a:lnTo>
                  <a:pt x="2326" y="16384"/>
                </a:lnTo>
                <a:lnTo>
                  <a:pt x="2023" y="16267"/>
                </a:lnTo>
                <a:lnTo>
                  <a:pt x="1416" y="15331"/>
                </a:lnTo>
                <a:lnTo>
                  <a:pt x="809" y="15097"/>
                </a:lnTo>
                <a:lnTo>
                  <a:pt x="202" y="14980"/>
                </a:lnTo>
                <a:lnTo>
                  <a:pt x="0" y="14980"/>
                </a:lnTo>
                <a:lnTo>
                  <a:pt x="202" y="14512"/>
                </a:lnTo>
                <a:lnTo>
                  <a:pt x="101" y="14043"/>
                </a:lnTo>
                <a:lnTo>
                  <a:pt x="303" y="13575"/>
                </a:lnTo>
                <a:lnTo>
                  <a:pt x="303" y="12639"/>
                </a:lnTo>
                <a:lnTo>
                  <a:pt x="101" y="12405"/>
                </a:lnTo>
                <a:lnTo>
                  <a:pt x="0" y="12054"/>
                </a:lnTo>
                <a:lnTo>
                  <a:pt x="0" y="11469"/>
                </a:lnTo>
                <a:lnTo>
                  <a:pt x="202" y="11235"/>
                </a:lnTo>
                <a:lnTo>
                  <a:pt x="202" y="10533"/>
                </a:lnTo>
                <a:lnTo>
                  <a:pt x="607" y="10064"/>
                </a:lnTo>
                <a:lnTo>
                  <a:pt x="1214" y="9362"/>
                </a:lnTo>
                <a:lnTo>
                  <a:pt x="2023" y="8192"/>
                </a:lnTo>
                <a:lnTo>
                  <a:pt x="2832" y="7256"/>
                </a:lnTo>
                <a:lnTo>
                  <a:pt x="3135" y="6671"/>
                </a:lnTo>
                <a:lnTo>
                  <a:pt x="3641" y="6203"/>
                </a:lnTo>
                <a:lnTo>
                  <a:pt x="4147" y="6203"/>
                </a:lnTo>
                <a:lnTo>
                  <a:pt x="4551" y="5851"/>
                </a:lnTo>
                <a:lnTo>
                  <a:pt x="4956" y="5149"/>
                </a:lnTo>
                <a:lnTo>
                  <a:pt x="5360" y="4798"/>
                </a:lnTo>
                <a:lnTo>
                  <a:pt x="5562" y="4681"/>
                </a:lnTo>
                <a:lnTo>
                  <a:pt x="5866" y="4213"/>
                </a:lnTo>
                <a:lnTo>
                  <a:pt x="6169" y="3862"/>
                </a:lnTo>
                <a:lnTo>
                  <a:pt x="6574" y="3511"/>
                </a:lnTo>
                <a:lnTo>
                  <a:pt x="6877" y="2692"/>
                </a:lnTo>
                <a:lnTo>
                  <a:pt x="7282" y="2458"/>
                </a:lnTo>
                <a:lnTo>
                  <a:pt x="7282" y="2107"/>
                </a:lnTo>
                <a:lnTo>
                  <a:pt x="6978" y="1755"/>
                </a:lnTo>
                <a:lnTo>
                  <a:pt x="6877" y="1521"/>
                </a:lnTo>
                <a:lnTo>
                  <a:pt x="7383" y="1053"/>
                </a:lnTo>
                <a:lnTo>
                  <a:pt x="7787" y="702"/>
                </a:lnTo>
                <a:lnTo>
                  <a:pt x="7889" y="819"/>
                </a:lnTo>
                <a:lnTo>
                  <a:pt x="8495" y="1872"/>
                </a:lnTo>
                <a:lnTo>
                  <a:pt x="8597" y="1755"/>
                </a:lnTo>
                <a:lnTo>
                  <a:pt x="9203" y="1638"/>
                </a:lnTo>
                <a:lnTo>
                  <a:pt x="9203" y="1170"/>
                </a:lnTo>
                <a:lnTo>
                  <a:pt x="9507" y="1170"/>
                </a:lnTo>
                <a:lnTo>
                  <a:pt x="9507" y="585"/>
                </a:lnTo>
                <a:lnTo>
                  <a:pt x="10316" y="0"/>
                </a:lnTo>
                <a:lnTo>
                  <a:pt x="10417" y="585"/>
                </a:lnTo>
                <a:lnTo>
                  <a:pt x="10215" y="936"/>
                </a:lnTo>
                <a:lnTo>
                  <a:pt x="9911" y="1638"/>
                </a:lnTo>
                <a:lnTo>
                  <a:pt x="10114" y="2458"/>
                </a:lnTo>
                <a:lnTo>
                  <a:pt x="10316" y="2809"/>
                </a:lnTo>
                <a:lnTo>
                  <a:pt x="10720" y="3043"/>
                </a:lnTo>
                <a:lnTo>
                  <a:pt x="10822" y="3394"/>
                </a:lnTo>
                <a:lnTo>
                  <a:pt x="11125" y="3511"/>
                </a:lnTo>
                <a:lnTo>
                  <a:pt x="11327" y="3979"/>
                </a:lnTo>
                <a:lnTo>
                  <a:pt x="11934" y="4213"/>
                </a:lnTo>
                <a:lnTo>
                  <a:pt x="12237" y="5032"/>
                </a:lnTo>
                <a:lnTo>
                  <a:pt x="12440" y="5734"/>
                </a:lnTo>
                <a:lnTo>
                  <a:pt x="12844" y="5968"/>
                </a:lnTo>
                <a:lnTo>
                  <a:pt x="13148" y="6320"/>
                </a:lnTo>
                <a:lnTo>
                  <a:pt x="13653" y="6320"/>
                </a:lnTo>
                <a:lnTo>
                  <a:pt x="13957" y="6788"/>
                </a:lnTo>
                <a:lnTo>
                  <a:pt x="14058" y="7373"/>
                </a:lnTo>
                <a:lnTo>
                  <a:pt x="14462" y="7841"/>
                </a:lnTo>
                <a:lnTo>
                  <a:pt x="14462" y="8426"/>
                </a:lnTo>
                <a:lnTo>
                  <a:pt x="14564" y="8777"/>
                </a:lnTo>
                <a:lnTo>
                  <a:pt x="14766" y="9128"/>
                </a:lnTo>
                <a:lnTo>
                  <a:pt x="15170" y="9245"/>
                </a:lnTo>
                <a:lnTo>
                  <a:pt x="15272" y="9713"/>
                </a:lnTo>
                <a:lnTo>
                  <a:pt x="15373" y="10299"/>
                </a:lnTo>
                <a:lnTo>
                  <a:pt x="15575" y="10416"/>
                </a:lnTo>
                <a:lnTo>
                  <a:pt x="15979" y="10650"/>
                </a:lnTo>
                <a:lnTo>
                  <a:pt x="16283" y="10767"/>
                </a:lnTo>
                <a:lnTo>
                  <a:pt x="16384" y="11352"/>
                </a:lnTo>
                <a:lnTo>
                  <a:pt x="16384" y="11820"/>
                </a:lnTo>
                <a:lnTo>
                  <a:pt x="16384" y="12288"/>
                </a:lnTo>
                <a:lnTo>
                  <a:pt x="16081" y="12522"/>
                </a:lnTo>
                <a:lnTo>
                  <a:pt x="16081" y="13341"/>
                </a:lnTo>
                <a:lnTo>
                  <a:pt x="15878" y="13692"/>
                </a:lnTo>
                <a:lnTo>
                  <a:pt x="15575" y="13692"/>
                </a:lnTo>
                <a:lnTo>
                  <a:pt x="15474" y="13575"/>
                </a:lnTo>
                <a:lnTo>
                  <a:pt x="14867" y="13926"/>
                </a:lnTo>
                <a:lnTo>
                  <a:pt x="14462" y="13575"/>
                </a:lnTo>
                <a:lnTo>
                  <a:pt x="13856" y="13575"/>
                </a:lnTo>
                <a:lnTo>
                  <a:pt x="13249" y="13809"/>
                </a:lnTo>
                <a:lnTo>
                  <a:pt x="12844" y="13692"/>
                </a:lnTo>
                <a:lnTo>
                  <a:pt x="12339" y="13809"/>
                </a:lnTo>
                <a:lnTo>
                  <a:pt x="11934" y="13926"/>
                </a:lnTo>
                <a:lnTo>
                  <a:pt x="11732" y="13809"/>
                </a:lnTo>
                <a:lnTo>
                  <a:pt x="11327" y="14043"/>
                </a:lnTo>
                <a:lnTo>
                  <a:pt x="10720" y="14160"/>
                </a:lnTo>
                <a:lnTo>
                  <a:pt x="10114" y="13575"/>
                </a:lnTo>
                <a:lnTo>
                  <a:pt x="9608" y="14043"/>
                </a:lnTo>
                <a:lnTo>
                  <a:pt x="9304" y="14043"/>
                </a:lnTo>
                <a:lnTo>
                  <a:pt x="9102" y="14395"/>
                </a:lnTo>
                <a:lnTo>
                  <a:pt x="9001" y="14746"/>
                </a:lnTo>
                <a:lnTo>
                  <a:pt x="8394" y="15097"/>
                </a:lnTo>
                <a:lnTo>
                  <a:pt x="7889" y="15331"/>
                </a:lnTo>
                <a:close/>
              </a:path>
            </a:pathLst>
          </a:custGeom>
          <a:solidFill>
            <a:srgbClr val="FFFFFF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23" name="d14130_1"/>
          <xdr:cNvSpPr>
            <a:spLocks/>
          </xdr:cNvSpPr>
        </xdr:nvSpPr>
        <xdr:spPr bwMode="auto">
          <a:xfrm>
            <a:off x="9648825" y="3781425"/>
            <a:ext cx="285750" cy="238125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0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0 w 16384"/>
              <a:gd name="T9" fmla="*/ 2147483646 h 16384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  <a:gd name="T15" fmla="*/ 0 w 16384"/>
              <a:gd name="T16" fmla="*/ 0 h 16384"/>
              <a:gd name="T17" fmla="*/ 16384 w 16384"/>
              <a:gd name="T18" fmla="*/ 16384 h 16384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T15" t="T16" r="T17" b="T18"/>
            <a:pathLst>
              <a:path w="16384" h="16384">
                <a:moveTo>
                  <a:pt x="0" y="7864"/>
                </a:moveTo>
                <a:lnTo>
                  <a:pt x="12561" y="0"/>
                </a:lnTo>
                <a:lnTo>
                  <a:pt x="16384" y="8520"/>
                </a:lnTo>
                <a:lnTo>
                  <a:pt x="4369" y="16384"/>
                </a:lnTo>
                <a:lnTo>
                  <a:pt x="0" y="7864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24" name="d14205_1"/>
          <xdr:cNvSpPr>
            <a:spLocks/>
          </xdr:cNvSpPr>
        </xdr:nvSpPr>
        <xdr:spPr bwMode="auto">
          <a:xfrm>
            <a:off x="6886575" y="6353175"/>
            <a:ext cx="142875" cy="857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0 w 16384"/>
              <a:gd name="T9" fmla="*/ 2147483646 h 16384"/>
              <a:gd name="T10" fmla="*/ 2147483646 w 16384"/>
              <a:gd name="T11" fmla="*/ 0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0 60000 65536"/>
              <a:gd name="T19" fmla="*/ 0 60000 65536"/>
              <a:gd name="T20" fmla="*/ 0 60000 65536"/>
              <a:gd name="T21" fmla="*/ 0 60000 65536"/>
              <a:gd name="T22" fmla="*/ 0 60000 65536"/>
              <a:gd name="T23" fmla="*/ 0 60000 65536"/>
              <a:gd name="T24" fmla="*/ 0 60000 65536"/>
              <a:gd name="T25" fmla="*/ 0 60000 65536"/>
              <a:gd name="T26" fmla="*/ 0 60000 65536"/>
              <a:gd name="T27" fmla="*/ 0 w 16384"/>
              <a:gd name="T28" fmla="*/ 0 h 16384"/>
              <a:gd name="T29" fmla="*/ 16384 w 16384"/>
              <a:gd name="T30" fmla="*/ 16384 h 16384"/>
            </a:gdLst>
            <a:ahLst/>
            <a:cxnLst>
              <a:cxn ang="T18">
                <a:pos x="T0" y="T1"/>
              </a:cxn>
              <a:cxn ang="T19">
                <a:pos x="T2" y="T3"/>
              </a:cxn>
              <a:cxn ang="T20">
                <a:pos x="T4" y="T5"/>
              </a:cxn>
              <a:cxn ang="T21">
                <a:pos x="T6" y="T7"/>
              </a:cxn>
              <a:cxn ang="T22">
                <a:pos x="T8" y="T9"/>
              </a:cxn>
              <a:cxn ang="T23">
                <a:pos x="T10" y="T11"/>
              </a:cxn>
              <a:cxn ang="T24">
                <a:pos x="T12" y="T13"/>
              </a:cxn>
              <a:cxn ang="T25">
                <a:pos x="T14" y="T15"/>
              </a:cxn>
              <a:cxn ang="T26">
                <a:pos x="T16" y="T17"/>
              </a:cxn>
            </a:cxnLst>
            <a:rect l="T27" t="T28" r="T29" b="T30"/>
            <a:pathLst>
              <a:path w="16384" h="16384">
                <a:moveTo>
                  <a:pt x="16384" y="10923"/>
                </a:moveTo>
                <a:lnTo>
                  <a:pt x="7646" y="16384"/>
                </a:lnTo>
                <a:lnTo>
                  <a:pt x="4369" y="12743"/>
                </a:lnTo>
                <a:lnTo>
                  <a:pt x="1092" y="14564"/>
                </a:lnTo>
                <a:lnTo>
                  <a:pt x="0" y="10923"/>
                </a:lnTo>
                <a:lnTo>
                  <a:pt x="8738" y="0"/>
                </a:lnTo>
                <a:lnTo>
                  <a:pt x="12015" y="3641"/>
                </a:lnTo>
                <a:lnTo>
                  <a:pt x="13107" y="9102"/>
                </a:lnTo>
                <a:lnTo>
                  <a:pt x="16384" y="1092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25" name="d14210_1"/>
          <xdr:cNvSpPr>
            <a:spLocks/>
          </xdr:cNvSpPr>
        </xdr:nvSpPr>
        <xdr:spPr bwMode="auto">
          <a:xfrm>
            <a:off x="8401050" y="8667750"/>
            <a:ext cx="257175" cy="13335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0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0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  <a:gd name="T51" fmla="*/ 0 w 16384"/>
              <a:gd name="T52" fmla="*/ 0 h 16384"/>
              <a:gd name="T53" fmla="*/ 16384 w 16384"/>
              <a:gd name="T54" fmla="*/ 16384 h 16384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T51" t="T52" r="T53" b="T54"/>
            <a:pathLst>
              <a:path w="16384" h="16384">
                <a:moveTo>
                  <a:pt x="13957" y="5851"/>
                </a:moveTo>
                <a:lnTo>
                  <a:pt x="13957" y="9362"/>
                </a:lnTo>
                <a:lnTo>
                  <a:pt x="16384" y="14043"/>
                </a:lnTo>
                <a:lnTo>
                  <a:pt x="15777" y="16384"/>
                </a:lnTo>
                <a:lnTo>
                  <a:pt x="12743" y="15214"/>
                </a:lnTo>
                <a:lnTo>
                  <a:pt x="9709" y="9362"/>
                </a:lnTo>
                <a:lnTo>
                  <a:pt x="6675" y="11703"/>
                </a:lnTo>
                <a:lnTo>
                  <a:pt x="5461" y="9362"/>
                </a:lnTo>
                <a:lnTo>
                  <a:pt x="2427" y="9362"/>
                </a:lnTo>
                <a:lnTo>
                  <a:pt x="1214" y="8192"/>
                </a:lnTo>
                <a:lnTo>
                  <a:pt x="0" y="4681"/>
                </a:lnTo>
                <a:lnTo>
                  <a:pt x="1820" y="3511"/>
                </a:lnTo>
                <a:lnTo>
                  <a:pt x="1214" y="0"/>
                </a:lnTo>
                <a:lnTo>
                  <a:pt x="4248" y="2341"/>
                </a:lnTo>
                <a:lnTo>
                  <a:pt x="5461" y="2341"/>
                </a:lnTo>
                <a:lnTo>
                  <a:pt x="9709" y="2341"/>
                </a:lnTo>
                <a:lnTo>
                  <a:pt x="13957" y="585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26" name="d14100_2"/>
          <xdr:cNvSpPr>
            <a:spLocks/>
          </xdr:cNvSpPr>
        </xdr:nvSpPr>
        <xdr:spPr bwMode="auto">
          <a:xfrm>
            <a:off x="9496425" y="3895725"/>
            <a:ext cx="228600" cy="209550"/>
          </a:xfrm>
          <a:custGeom>
            <a:avLst/>
            <a:gdLst>
              <a:gd name="T0" fmla="*/ 2147483646 w 16384"/>
              <a:gd name="T1" fmla="*/ 0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0 w 16384"/>
              <a:gd name="T7" fmla="*/ 2147483646 h 16384"/>
              <a:gd name="T8" fmla="*/ 2147483646 w 16384"/>
              <a:gd name="T9" fmla="*/ 0 h 16384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  <a:gd name="T15" fmla="*/ 0 w 16384"/>
              <a:gd name="T16" fmla="*/ 0 h 16384"/>
              <a:gd name="T17" fmla="*/ 16384 w 16384"/>
              <a:gd name="T18" fmla="*/ 16384 h 16384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T15" t="T16" r="T17" b="T18"/>
            <a:pathLst>
              <a:path w="16384" h="16384">
                <a:moveTo>
                  <a:pt x="10923" y="0"/>
                </a:moveTo>
                <a:lnTo>
                  <a:pt x="16384" y="9681"/>
                </a:lnTo>
                <a:lnTo>
                  <a:pt x="4779" y="16384"/>
                </a:lnTo>
                <a:lnTo>
                  <a:pt x="0" y="6703"/>
                </a:lnTo>
                <a:lnTo>
                  <a:pt x="10923" y="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27" name="d14130_2"/>
          <xdr:cNvSpPr>
            <a:spLocks/>
          </xdr:cNvSpPr>
        </xdr:nvSpPr>
        <xdr:spPr bwMode="auto">
          <a:xfrm>
            <a:off x="9915525" y="3638550"/>
            <a:ext cx="323850" cy="219075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0 h 16384"/>
              <a:gd name="T4" fmla="*/ 2147483646 w 16384"/>
              <a:gd name="T5" fmla="*/ 0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0 w 16384"/>
              <a:gd name="T11" fmla="*/ 2147483646 h 16384"/>
              <a:gd name="T12" fmla="*/ 0 60000 65536"/>
              <a:gd name="T13" fmla="*/ 0 60000 65536"/>
              <a:gd name="T14" fmla="*/ 0 60000 65536"/>
              <a:gd name="T15" fmla="*/ 0 60000 65536"/>
              <a:gd name="T16" fmla="*/ 0 60000 65536"/>
              <a:gd name="T17" fmla="*/ 0 60000 65536"/>
              <a:gd name="T18" fmla="*/ 0 w 16384"/>
              <a:gd name="T19" fmla="*/ 0 h 16384"/>
              <a:gd name="T20" fmla="*/ 16384 w 16384"/>
              <a:gd name="T21" fmla="*/ 16384 h 16384"/>
            </a:gdLst>
            <a:ahLst/>
            <a:cxnLst>
              <a:cxn ang="T12">
                <a:pos x="T0" y="T1"/>
              </a:cxn>
              <a:cxn ang="T13">
                <a:pos x="T2" y="T3"/>
              </a:cxn>
              <a:cxn ang="T14">
                <a:pos x="T4" y="T5"/>
              </a:cxn>
              <a:cxn ang="T15">
                <a:pos x="T6" y="T7"/>
              </a:cxn>
              <a:cxn ang="T16">
                <a:pos x="T8" y="T9"/>
              </a:cxn>
              <a:cxn ang="T17">
                <a:pos x="T10" y="T11"/>
              </a:cxn>
            </a:cxnLst>
            <a:rect l="T18" t="T19" r="T20" b="T21"/>
            <a:pathLst>
              <a:path w="16384" h="16384">
                <a:moveTo>
                  <a:pt x="0" y="9973"/>
                </a:moveTo>
                <a:lnTo>
                  <a:pt x="13011" y="0"/>
                </a:lnTo>
                <a:lnTo>
                  <a:pt x="15902" y="0"/>
                </a:lnTo>
                <a:lnTo>
                  <a:pt x="16384" y="4274"/>
                </a:lnTo>
                <a:lnTo>
                  <a:pt x="2409" y="16384"/>
                </a:lnTo>
                <a:lnTo>
                  <a:pt x="0" y="99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28" name="d14209" descr="5%"/>
          <xdr:cNvSpPr>
            <a:spLocks/>
          </xdr:cNvSpPr>
        </xdr:nvSpPr>
        <xdr:spPr bwMode="auto">
          <a:xfrm>
            <a:off x="2276475" y="1295400"/>
            <a:ext cx="4429125" cy="2724150"/>
          </a:xfrm>
          <a:custGeom>
            <a:avLst/>
            <a:gdLst>
              <a:gd name="T0" fmla="*/ 2147483646 w 465"/>
              <a:gd name="T1" fmla="*/ 2147483646 h 286"/>
              <a:gd name="T2" fmla="*/ 2147483646 w 465"/>
              <a:gd name="T3" fmla="*/ 2147483646 h 286"/>
              <a:gd name="T4" fmla="*/ 2147483646 w 465"/>
              <a:gd name="T5" fmla="*/ 2147483646 h 286"/>
              <a:gd name="T6" fmla="*/ 2147483646 w 465"/>
              <a:gd name="T7" fmla="*/ 2147483646 h 286"/>
              <a:gd name="T8" fmla="*/ 2147483646 w 465"/>
              <a:gd name="T9" fmla="*/ 2147483646 h 286"/>
              <a:gd name="T10" fmla="*/ 2147483646 w 465"/>
              <a:gd name="T11" fmla="*/ 2147483646 h 286"/>
              <a:gd name="T12" fmla="*/ 2147483646 w 465"/>
              <a:gd name="T13" fmla="*/ 2147483646 h 286"/>
              <a:gd name="T14" fmla="*/ 2147483646 w 465"/>
              <a:gd name="T15" fmla="*/ 2147483646 h 286"/>
              <a:gd name="T16" fmla="*/ 2147483646 w 465"/>
              <a:gd name="T17" fmla="*/ 2147483646 h 286"/>
              <a:gd name="T18" fmla="*/ 2147483646 w 465"/>
              <a:gd name="T19" fmla="*/ 2147483646 h 286"/>
              <a:gd name="T20" fmla="*/ 2147483646 w 465"/>
              <a:gd name="T21" fmla="*/ 2147483646 h 286"/>
              <a:gd name="T22" fmla="*/ 2147483646 w 465"/>
              <a:gd name="T23" fmla="*/ 2147483646 h 286"/>
              <a:gd name="T24" fmla="*/ 2147483646 w 465"/>
              <a:gd name="T25" fmla="*/ 2147483646 h 286"/>
              <a:gd name="T26" fmla="*/ 2147483646 w 465"/>
              <a:gd name="T27" fmla="*/ 2147483646 h 286"/>
              <a:gd name="T28" fmla="*/ 2147483646 w 465"/>
              <a:gd name="T29" fmla="*/ 2147483646 h 286"/>
              <a:gd name="T30" fmla="*/ 2147483646 w 465"/>
              <a:gd name="T31" fmla="*/ 2147483646 h 286"/>
              <a:gd name="T32" fmla="*/ 2147483646 w 465"/>
              <a:gd name="T33" fmla="*/ 2147483646 h 286"/>
              <a:gd name="T34" fmla="*/ 2147483646 w 465"/>
              <a:gd name="T35" fmla="*/ 2147483646 h 286"/>
              <a:gd name="T36" fmla="*/ 2147483646 w 465"/>
              <a:gd name="T37" fmla="*/ 2147483646 h 286"/>
              <a:gd name="T38" fmla="*/ 2147483646 w 465"/>
              <a:gd name="T39" fmla="*/ 2147483646 h 286"/>
              <a:gd name="T40" fmla="*/ 2147483646 w 465"/>
              <a:gd name="T41" fmla="*/ 2147483646 h 286"/>
              <a:gd name="T42" fmla="*/ 2147483646 w 465"/>
              <a:gd name="T43" fmla="*/ 2147483646 h 286"/>
              <a:gd name="T44" fmla="*/ 2147483646 w 465"/>
              <a:gd name="T45" fmla="*/ 2147483646 h 286"/>
              <a:gd name="T46" fmla="*/ 2147483646 w 465"/>
              <a:gd name="T47" fmla="*/ 2147483646 h 286"/>
              <a:gd name="T48" fmla="*/ 2147483646 w 465"/>
              <a:gd name="T49" fmla="*/ 2147483646 h 286"/>
              <a:gd name="T50" fmla="*/ 2147483646 w 465"/>
              <a:gd name="T51" fmla="*/ 2147483646 h 286"/>
              <a:gd name="T52" fmla="*/ 2147483646 w 465"/>
              <a:gd name="T53" fmla="*/ 2147483646 h 286"/>
              <a:gd name="T54" fmla="*/ 2147483646 w 465"/>
              <a:gd name="T55" fmla="*/ 2147483646 h 286"/>
              <a:gd name="T56" fmla="*/ 2147483646 w 465"/>
              <a:gd name="T57" fmla="*/ 2147483646 h 286"/>
              <a:gd name="T58" fmla="*/ 2147483646 w 465"/>
              <a:gd name="T59" fmla="*/ 2147483646 h 286"/>
              <a:gd name="T60" fmla="*/ 2147483646 w 465"/>
              <a:gd name="T61" fmla="*/ 2147483646 h 286"/>
              <a:gd name="T62" fmla="*/ 2147483646 w 465"/>
              <a:gd name="T63" fmla="*/ 2147483646 h 286"/>
              <a:gd name="T64" fmla="*/ 2147483646 w 465"/>
              <a:gd name="T65" fmla="*/ 2147483646 h 286"/>
              <a:gd name="T66" fmla="*/ 2147483646 w 465"/>
              <a:gd name="T67" fmla="*/ 2147483646 h 286"/>
              <a:gd name="T68" fmla="*/ 2147483646 w 465"/>
              <a:gd name="T69" fmla="*/ 2147483646 h 286"/>
              <a:gd name="T70" fmla="*/ 2147483646 w 465"/>
              <a:gd name="T71" fmla="*/ 2147483646 h 286"/>
              <a:gd name="T72" fmla="*/ 2147483646 w 465"/>
              <a:gd name="T73" fmla="*/ 2147483646 h 286"/>
              <a:gd name="T74" fmla="*/ 2147483646 w 465"/>
              <a:gd name="T75" fmla="*/ 2147483646 h 286"/>
              <a:gd name="T76" fmla="*/ 2147483646 w 465"/>
              <a:gd name="T77" fmla="*/ 2147483646 h 286"/>
              <a:gd name="T78" fmla="*/ 2147483646 w 465"/>
              <a:gd name="T79" fmla="*/ 2147483646 h 286"/>
              <a:gd name="T80" fmla="*/ 2147483646 w 465"/>
              <a:gd name="T81" fmla="*/ 2147483646 h 286"/>
              <a:gd name="T82" fmla="*/ 2147483646 w 465"/>
              <a:gd name="T83" fmla="*/ 2147483646 h 286"/>
              <a:gd name="T84" fmla="*/ 2147483646 w 465"/>
              <a:gd name="T85" fmla="*/ 2147483646 h 286"/>
              <a:gd name="T86" fmla="*/ 2147483646 w 465"/>
              <a:gd name="T87" fmla="*/ 2147483646 h 286"/>
              <a:gd name="T88" fmla="*/ 2147483646 w 465"/>
              <a:gd name="T89" fmla="*/ 2147483646 h 286"/>
              <a:gd name="T90" fmla="*/ 2147483646 w 465"/>
              <a:gd name="T91" fmla="*/ 2147483646 h 286"/>
              <a:gd name="T92" fmla="*/ 2147483646 w 465"/>
              <a:gd name="T93" fmla="*/ 2147483646 h 286"/>
              <a:gd name="T94" fmla="*/ 2147483646 w 465"/>
              <a:gd name="T95" fmla="*/ 2147483646 h 286"/>
              <a:gd name="T96" fmla="*/ 2147483646 w 465"/>
              <a:gd name="T97" fmla="*/ 2147483646 h 286"/>
              <a:gd name="T98" fmla="*/ 2147483646 w 465"/>
              <a:gd name="T99" fmla="*/ 2147483646 h 286"/>
              <a:gd name="T100" fmla="*/ 2147483646 w 465"/>
              <a:gd name="T101" fmla="*/ 2147483646 h 286"/>
              <a:gd name="T102" fmla="*/ 2147483646 w 465"/>
              <a:gd name="T103" fmla="*/ 2147483646 h 28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w 465"/>
              <a:gd name="T157" fmla="*/ 0 h 286"/>
              <a:gd name="T158" fmla="*/ 465 w 465"/>
              <a:gd name="T159" fmla="*/ 286 h 286"/>
            </a:gdLst>
            <a:ahLst/>
            <a:cxnLst>
              <a:cxn ang="T104">
                <a:pos x="T0" y="T1"/>
              </a:cxn>
              <a:cxn ang="T105">
                <a:pos x="T2" y="T3"/>
              </a:cxn>
              <a:cxn ang="T106">
                <a:pos x="T4" y="T5"/>
              </a:cxn>
              <a:cxn ang="T107">
                <a:pos x="T6" y="T7"/>
              </a:cxn>
              <a:cxn ang="T108">
                <a:pos x="T8" y="T9"/>
              </a:cxn>
              <a:cxn ang="T109">
                <a:pos x="T10" y="T11"/>
              </a:cxn>
              <a:cxn ang="T110">
                <a:pos x="T12" y="T13"/>
              </a:cxn>
              <a:cxn ang="T111">
                <a:pos x="T14" y="T15"/>
              </a:cxn>
              <a:cxn ang="T112">
                <a:pos x="T16" y="T17"/>
              </a:cxn>
              <a:cxn ang="T113">
                <a:pos x="T18" y="T19"/>
              </a:cxn>
              <a:cxn ang="T114">
                <a:pos x="T20" y="T21"/>
              </a:cxn>
              <a:cxn ang="T115">
                <a:pos x="T22" y="T23"/>
              </a:cxn>
              <a:cxn ang="T116">
                <a:pos x="T24" y="T25"/>
              </a:cxn>
              <a:cxn ang="T117">
                <a:pos x="T26" y="T27"/>
              </a:cxn>
              <a:cxn ang="T118">
                <a:pos x="T28" y="T29"/>
              </a:cxn>
              <a:cxn ang="T119">
                <a:pos x="T30" y="T31"/>
              </a:cxn>
              <a:cxn ang="T120">
                <a:pos x="T32" y="T33"/>
              </a:cxn>
              <a:cxn ang="T121">
                <a:pos x="T34" y="T35"/>
              </a:cxn>
              <a:cxn ang="T122">
                <a:pos x="T36" y="T37"/>
              </a:cxn>
              <a:cxn ang="T123">
                <a:pos x="T38" y="T39"/>
              </a:cxn>
              <a:cxn ang="T124">
                <a:pos x="T40" y="T41"/>
              </a:cxn>
              <a:cxn ang="T125">
                <a:pos x="T42" y="T43"/>
              </a:cxn>
              <a:cxn ang="T126">
                <a:pos x="T44" y="T45"/>
              </a:cxn>
              <a:cxn ang="T127">
                <a:pos x="T46" y="T47"/>
              </a:cxn>
              <a:cxn ang="T128">
                <a:pos x="T48" y="T49"/>
              </a:cxn>
              <a:cxn ang="T129">
                <a:pos x="T50" y="T51"/>
              </a:cxn>
              <a:cxn ang="T130">
                <a:pos x="T52" y="T53"/>
              </a:cxn>
              <a:cxn ang="T131">
                <a:pos x="T54" y="T55"/>
              </a:cxn>
              <a:cxn ang="T132">
                <a:pos x="T56" y="T57"/>
              </a:cxn>
              <a:cxn ang="T133">
                <a:pos x="T58" y="T59"/>
              </a:cxn>
              <a:cxn ang="T134">
                <a:pos x="T60" y="T61"/>
              </a:cxn>
              <a:cxn ang="T135">
                <a:pos x="T62" y="T63"/>
              </a:cxn>
              <a:cxn ang="T136">
                <a:pos x="T64" y="T65"/>
              </a:cxn>
              <a:cxn ang="T137">
                <a:pos x="T66" y="T67"/>
              </a:cxn>
              <a:cxn ang="T138">
                <a:pos x="T68" y="T69"/>
              </a:cxn>
              <a:cxn ang="T139">
                <a:pos x="T70" y="T71"/>
              </a:cxn>
              <a:cxn ang="T140">
                <a:pos x="T72" y="T73"/>
              </a:cxn>
              <a:cxn ang="T141">
                <a:pos x="T74" y="T75"/>
              </a:cxn>
              <a:cxn ang="T142">
                <a:pos x="T76" y="T77"/>
              </a:cxn>
              <a:cxn ang="T143">
                <a:pos x="T78" y="T79"/>
              </a:cxn>
              <a:cxn ang="T144">
                <a:pos x="T80" y="T81"/>
              </a:cxn>
              <a:cxn ang="T145">
                <a:pos x="T82" y="T83"/>
              </a:cxn>
              <a:cxn ang="T146">
                <a:pos x="T84" y="T85"/>
              </a:cxn>
              <a:cxn ang="T147">
                <a:pos x="T86" y="T87"/>
              </a:cxn>
              <a:cxn ang="T148">
                <a:pos x="T88" y="T89"/>
              </a:cxn>
              <a:cxn ang="T149">
                <a:pos x="T90" y="T91"/>
              </a:cxn>
              <a:cxn ang="T150">
                <a:pos x="T92" y="T93"/>
              </a:cxn>
              <a:cxn ang="T151">
                <a:pos x="T94" y="T95"/>
              </a:cxn>
              <a:cxn ang="T152">
                <a:pos x="T96" y="T97"/>
              </a:cxn>
              <a:cxn ang="T153">
                <a:pos x="T98" y="T99"/>
              </a:cxn>
              <a:cxn ang="T154">
                <a:pos x="T100" y="T101"/>
              </a:cxn>
              <a:cxn ang="T155">
                <a:pos x="T102" y="T103"/>
              </a:cxn>
            </a:cxnLst>
            <a:rect l="T156" t="T157" r="T158" b="T159"/>
            <a:pathLst>
              <a:path w="465" h="286">
                <a:moveTo>
                  <a:pt x="464" y="223"/>
                </a:moveTo>
                <a:lnTo>
                  <a:pt x="462" y="222"/>
                </a:lnTo>
                <a:lnTo>
                  <a:pt x="462" y="218"/>
                </a:lnTo>
                <a:lnTo>
                  <a:pt x="465" y="215"/>
                </a:lnTo>
                <a:lnTo>
                  <a:pt x="465" y="210"/>
                </a:lnTo>
                <a:lnTo>
                  <a:pt x="456" y="201"/>
                </a:lnTo>
                <a:lnTo>
                  <a:pt x="452" y="194"/>
                </a:lnTo>
                <a:lnTo>
                  <a:pt x="444" y="189"/>
                </a:lnTo>
                <a:lnTo>
                  <a:pt x="434" y="182"/>
                </a:lnTo>
                <a:lnTo>
                  <a:pt x="431" y="176"/>
                </a:lnTo>
                <a:lnTo>
                  <a:pt x="426" y="173"/>
                </a:lnTo>
                <a:lnTo>
                  <a:pt x="425" y="167"/>
                </a:lnTo>
                <a:lnTo>
                  <a:pt x="416" y="162"/>
                </a:lnTo>
                <a:lnTo>
                  <a:pt x="415" y="157"/>
                </a:lnTo>
                <a:lnTo>
                  <a:pt x="412" y="154"/>
                </a:lnTo>
                <a:lnTo>
                  <a:pt x="410" y="149"/>
                </a:lnTo>
                <a:lnTo>
                  <a:pt x="405" y="143"/>
                </a:lnTo>
                <a:lnTo>
                  <a:pt x="401" y="142"/>
                </a:lnTo>
                <a:lnTo>
                  <a:pt x="396" y="132"/>
                </a:lnTo>
                <a:lnTo>
                  <a:pt x="386" y="129"/>
                </a:lnTo>
                <a:lnTo>
                  <a:pt x="383" y="124"/>
                </a:lnTo>
                <a:lnTo>
                  <a:pt x="370" y="119"/>
                </a:lnTo>
                <a:lnTo>
                  <a:pt x="369" y="115"/>
                </a:lnTo>
                <a:lnTo>
                  <a:pt x="362" y="114"/>
                </a:lnTo>
                <a:lnTo>
                  <a:pt x="355" y="109"/>
                </a:lnTo>
                <a:lnTo>
                  <a:pt x="343" y="105"/>
                </a:lnTo>
                <a:lnTo>
                  <a:pt x="338" y="104"/>
                </a:lnTo>
                <a:lnTo>
                  <a:pt x="331" y="103"/>
                </a:lnTo>
                <a:lnTo>
                  <a:pt x="322" y="98"/>
                </a:lnTo>
                <a:lnTo>
                  <a:pt x="317" y="99"/>
                </a:lnTo>
                <a:lnTo>
                  <a:pt x="311" y="99"/>
                </a:lnTo>
                <a:lnTo>
                  <a:pt x="306" y="98"/>
                </a:lnTo>
                <a:lnTo>
                  <a:pt x="300" y="97"/>
                </a:lnTo>
                <a:lnTo>
                  <a:pt x="293" y="99"/>
                </a:lnTo>
                <a:lnTo>
                  <a:pt x="288" y="98"/>
                </a:lnTo>
                <a:lnTo>
                  <a:pt x="282" y="98"/>
                </a:lnTo>
                <a:lnTo>
                  <a:pt x="278" y="95"/>
                </a:lnTo>
                <a:lnTo>
                  <a:pt x="273" y="91"/>
                </a:lnTo>
                <a:lnTo>
                  <a:pt x="260" y="86"/>
                </a:lnTo>
                <a:lnTo>
                  <a:pt x="252" y="86"/>
                </a:lnTo>
                <a:lnTo>
                  <a:pt x="247" y="85"/>
                </a:lnTo>
                <a:lnTo>
                  <a:pt x="241" y="87"/>
                </a:lnTo>
                <a:lnTo>
                  <a:pt x="239" y="93"/>
                </a:lnTo>
                <a:lnTo>
                  <a:pt x="237" y="95"/>
                </a:lnTo>
                <a:lnTo>
                  <a:pt x="237" y="99"/>
                </a:lnTo>
                <a:lnTo>
                  <a:pt x="235" y="102"/>
                </a:lnTo>
                <a:lnTo>
                  <a:pt x="228" y="101"/>
                </a:lnTo>
                <a:lnTo>
                  <a:pt x="226" y="100"/>
                </a:lnTo>
                <a:lnTo>
                  <a:pt x="220" y="102"/>
                </a:lnTo>
                <a:lnTo>
                  <a:pt x="216" y="99"/>
                </a:lnTo>
                <a:lnTo>
                  <a:pt x="211" y="99"/>
                </a:lnTo>
                <a:lnTo>
                  <a:pt x="208" y="96"/>
                </a:lnTo>
                <a:lnTo>
                  <a:pt x="205" y="97"/>
                </a:lnTo>
                <a:lnTo>
                  <a:pt x="201" y="91"/>
                </a:lnTo>
                <a:lnTo>
                  <a:pt x="198" y="89"/>
                </a:lnTo>
                <a:lnTo>
                  <a:pt x="194" y="87"/>
                </a:lnTo>
                <a:lnTo>
                  <a:pt x="194" y="84"/>
                </a:lnTo>
                <a:lnTo>
                  <a:pt x="186" y="71"/>
                </a:lnTo>
                <a:lnTo>
                  <a:pt x="182" y="70"/>
                </a:lnTo>
                <a:lnTo>
                  <a:pt x="181" y="67"/>
                </a:lnTo>
                <a:lnTo>
                  <a:pt x="182" y="62"/>
                </a:lnTo>
                <a:lnTo>
                  <a:pt x="178" y="56"/>
                </a:lnTo>
                <a:lnTo>
                  <a:pt x="176" y="50"/>
                </a:lnTo>
                <a:lnTo>
                  <a:pt x="176" y="38"/>
                </a:lnTo>
                <a:lnTo>
                  <a:pt x="171" y="34"/>
                </a:lnTo>
                <a:lnTo>
                  <a:pt x="160" y="30"/>
                </a:lnTo>
                <a:lnTo>
                  <a:pt x="153" y="30"/>
                </a:lnTo>
                <a:lnTo>
                  <a:pt x="151" y="31"/>
                </a:lnTo>
                <a:lnTo>
                  <a:pt x="146" y="37"/>
                </a:lnTo>
                <a:lnTo>
                  <a:pt x="138" y="39"/>
                </a:lnTo>
                <a:lnTo>
                  <a:pt x="132" y="39"/>
                </a:lnTo>
                <a:lnTo>
                  <a:pt x="128" y="35"/>
                </a:lnTo>
                <a:lnTo>
                  <a:pt x="125" y="31"/>
                </a:lnTo>
                <a:lnTo>
                  <a:pt x="118" y="31"/>
                </a:lnTo>
                <a:lnTo>
                  <a:pt x="119" y="24"/>
                </a:lnTo>
                <a:lnTo>
                  <a:pt x="118" y="22"/>
                </a:lnTo>
                <a:lnTo>
                  <a:pt x="118" y="17"/>
                </a:lnTo>
                <a:lnTo>
                  <a:pt x="115" y="13"/>
                </a:lnTo>
                <a:lnTo>
                  <a:pt x="114" y="10"/>
                </a:lnTo>
                <a:lnTo>
                  <a:pt x="110" y="7"/>
                </a:lnTo>
                <a:lnTo>
                  <a:pt x="105" y="9"/>
                </a:lnTo>
                <a:lnTo>
                  <a:pt x="96" y="9"/>
                </a:lnTo>
                <a:lnTo>
                  <a:pt x="92" y="7"/>
                </a:lnTo>
                <a:lnTo>
                  <a:pt x="89" y="3"/>
                </a:lnTo>
                <a:lnTo>
                  <a:pt x="85" y="3"/>
                </a:lnTo>
                <a:lnTo>
                  <a:pt x="78" y="0"/>
                </a:lnTo>
                <a:lnTo>
                  <a:pt x="75" y="1"/>
                </a:lnTo>
                <a:lnTo>
                  <a:pt x="75" y="5"/>
                </a:lnTo>
                <a:lnTo>
                  <a:pt x="74" y="7"/>
                </a:lnTo>
                <a:lnTo>
                  <a:pt x="69" y="9"/>
                </a:lnTo>
                <a:lnTo>
                  <a:pt x="66" y="14"/>
                </a:lnTo>
                <a:lnTo>
                  <a:pt x="62" y="16"/>
                </a:lnTo>
                <a:lnTo>
                  <a:pt x="61" y="21"/>
                </a:lnTo>
                <a:lnTo>
                  <a:pt x="58" y="25"/>
                </a:lnTo>
                <a:lnTo>
                  <a:pt x="64" y="36"/>
                </a:lnTo>
                <a:lnTo>
                  <a:pt x="68" y="40"/>
                </a:lnTo>
                <a:lnTo>
                  <a:pt x="69" y="47"/>
                </a:lnTo>
                <a:lnTo>
                  <a:pt x="66" y="54"/>
                </a:lnTo>
                <a:lnTo>
                  <a:pt x="66" y="63"/>
                </a:lnTo>
                <a:lnTo>
                  <a:pt x="71" y="72"/>
                </a:lnTo>
                <a:lnTo>
                  <a:pt x="70" y="76"/>
                </a:lnTo>
                <a:lnTo>
                  <a:pt x="72" y="78"/>
                </a:lnTo>
                <a:lnTo>
                  <a:pt x="76" y="80"/>
                </a:lnTo>
                <a:lnTo>
                  <a:pt x="79" y="81"/>
                </a:lnTo>
                <a:lnTo>
                  <a:pt x="80" y="82"/>
                </a:lnTo>
                <a:lnTo>
                  <a:pt x="72" y="84"/>
                </a:lnTo>
                <a:lnTo>
                  <a:pt x="72" y="86"/>
                </a:lnTo>
                <a:lnTo>
                  <a:pt x="76" y="92"/>
                </a:lnTo>
                <a:lnTo>
                  <a:pt x="77" y="97"/>
                </a:lnTo>
                <a:lnTo>
                  <a:pt x="71" y="114"/>
                </a:lnTo>
                <a:lnTo>
                  <a:pt x="67" y="115"/>
                </a:lnTo>
                <a:lnTo>
                  <a:pt x="66" y="119"/>
                </a:lnTo>
                <a:lnTo>
                  <a:pt x="63" y="125"/>
                </a:lnTo>
                <a:lnTo>
                  <a:pt x="63" y="129"/>
                </a:lnTo>
                <a:lnTo>
                  <a:pt x="68" y="129"/>
                </a:lnTo>
                <a:lnTo>
                  <a:pt x="70" y="132"/>
                </a:lnTo>
                <a:lnTo>
                  <a:pt x="71" y="135"/>
                </a:lnTo>
                <a:lnTo>
                  <a:pt x="71" y="144"/>
                </a:lnTo>
                <a:lnTo>
                  <a:pt x="73" y="155"/>
                </a:lnTo>
                <a:lnTo>
                  <a:pt x="70" y="160"/>
                </a:lnTo>
                <a:lnTo>
                  <a:pt x="62" y="169"/>
                </a:lnTo>
                <a:lnTo>
                  <a:pt x="56" y="172"/>
                </a:lnTo>
                <a:lnTo>
                  <a:pt x="54" y="178"/>
                </a:lnTo>
                <a:lnTo>
                  <a:pt x="52" y="186"/>
                </a:lnTo>
                <a:lnTo>
                  <a:pt x="52" y="193"/>
                </a:lnTo>
                <a:lnTo>
                  <a:pt x="52" y="195"/>
                </a:lnTo>
                <a:lnTo>
                  <a:pt x="51" y="198"/>
                </a:lnTo>
                <a:lnTo>
                  <a:pt x="48" y="200"/>
                </a:lnTo>
                <a:lnTo>
                  <a:pt x="48" y="202"/>
                </a:lnTo>
                <a:lnTo>
                  <a:pt x="44" y="202"/>
                </a:lnTo>
                <a:lnTo>
                  <a:pt x="41" y="210"/>
                </a:lnTo>
                <a:lnTo>
                  <a:pt x="35" y="214"/>
                </a:lnTo>
                <a:lnTo>
                  <a:pt x="31" y="216"/>
                </a:lnTo>
                <a:lnTo>
                  <a:pt x="24" y="225"/>
                </a:lnTo>
                <a:lnTo>
                  <a:pt x="17" y="232"/>
                </a:lnTo>
                <a:lnTo>
                  <a:pt x="13" y="232"/>
                </a:lnTo>
                <a:lnTo>
                  <a:pt x="8" y="234"/>
                </a:lnTo>
                <a:lnTo>
                  <a:pt x="0" y="234"/>
                </a:lnTo>
                <a:lnTo>
                  <a:pt x="2" y="238"/>
                </a:lnTo>
                <a:lnTo>
                  <a:pt x="2" y="242"/>
                </a:lnTo>
                <a:lnTo>
                  <a:pt x="1" y="244"/>
                </a:lnTo>
                <a:lnTo>
                  <a:pt x="5" y="248"/>
                </a:lnTo>
                <a:lnTo>
                  <a:pt x="6" y="254"/>
                </a:lnTo>
                <a:lnTo>
                  <a:pt x="8" y="256"/>
                </a:lnTo>
                <a:lnTo>
                  <a:pt x="22" y="260"/>
                </a:lnTo>
                <a:lnTo>
                  <a:pt x="25" y="262"/>
                </a:lnTo>
                <a:lnTo>
                  <a:pt x="28" y="267"/>
                </a:lnTo>
                <a:lnTo>
                  <a:pt x="33" y="268"/>
                </a:lnTo>
                <a:lnTo>
                  <a:pt x="35" y="271"/>
                </a:lnTo>
                <a:lnTo>
                  <a:pt x="38" y="274"/>
                </a:lnTo>
                <a:lnTo>
                  <a:pt x="40" y="280"/>
                </a:lnTo>
                <a:lnTo>
                  <a:pt x="47" y="281"/>
                </a:lnTo>
                <a:lnTo>
                  <a:pt x="60" y="285"/>
                </a:lnTo>
                <a:lnTo>
                  <a:pt x="65" y="284"/>
                </a:lnTo>
                <a:lnTo>
                  <a:pt x="69" y="280"/>
                </a:lnTo>
                <a:lnTo>
                  <a:pt x="74" y="276"/>
                </a:lnTo>
                <a:lnTo>
                  <a:pt x="80" y="270"/>
                </a:lnTo>
                <a:lnTo>
                  <a:pt x="87" y="271"/>
                </a:lnTo>
                <a:lnTo>
                  <a:pt x="92" y="274"/>
                </a:lnTo>
                <a:lnTo>
                  <a:pt x="93" y="281"/>
                </a:lnTo>
                <a:lnTo>
                  <a:pt x="98" y="284"/>
                </a:lnTo>
                <a:lnTo>
                  <a:pt x="100" y="284"/>
                </a:lnTo>
                <a:lnTo>
                  <a:pt x="105" y="282"/>
                </a:lnTo>
                <a:lnTo>
                  <a:pt x="109" y="283"/>
                </a:lnTo>
                <a:lnTo>
                  <a:pt x="112" y="286"/>
                </a:lnTo>
                <a:lnTo>
                  <a:pt x="114" y="284"/>
                </a:lnTo>
                <a:lnTo>
                  <a:pt x="114" y="282"/>
                </a:lnTo>
                <a:lnTo>
                  <a:pt x="115" y="278"/>
                </a:lnTo>
                <a:lnTo>
                  <a:pt x="119" y="273"/>
                </a:lnTo>
                <a:lnTo>
                  <a:pt x="122" y="270"/>
                </a:lnTo>
                <a:lnTo>
                  <a:pt x="131" y="259"/>
                </a:lnTo>
                <a:lnTo>
                  <a:pt x="139" y="250"/>
                </a:lnTo>
                <a:lnTo>
                  <a:pt x="143" y="245"/>
                </a:lnTo>
                <a:lnTo>
                  <a:pt x="148" y="241"/>
                </a:lnTo>
                <a:lnTo>
                  <a:pt x="149" y="241"/>
                </a:lnTo>
                <a:lnTo>
                  <a:pt x="153" y="240"/>
                </a:lnTo>
                <a:lnTo>
                  <a:pt x="154" y="239"/>
                </a:lnTo>
                <a:lnTo>
                  <a:pt x="157" y="237"/>
                </a:lnTo>
                <a:lnTo>
                  <a:pt x="159" y="234"/>
                </a:lnTo>
                <a:lnTo>
                  <a:pt x="162" y="231"/>
                </a:lnTo>
                <a:lnTo>
                  <a:pt x="165" y="229"/>
                </a:lnTo>
                <a:lnTo>
                  <a:pt x="167" y="228"/>
                </a:lnTo>
                <a:lnTo>
                  <a:pt x="171" y="223"/>
                </a:lnTo>
                <a:lnTo>
                  <a:pt x="173" y="221"/>
                </a:lnTo>
                <a:lnTo>
                  <a:pt x="177" y="218"/>
                </a:lnTo>
                <a:lnTo>
                  <a:pt x="181" y="210"/>
                </a:lnTo>
                <a:lnTo>
                  <a:pt x="184" y="209"/>
                </a:lnTo>
                <a:lnTo>
                  <a:pt x="184" y="206"/>
                </a:lnTo>
                <a:lnTo>
                  <a:pt x="181" y="203"/>
                </a:lnTo>
                <a:lnTo>
                  <a:pt x="181" y="201"/>
                </a:lnTo>
                <a:lnTo>
                  <a:pt x="189" y="194"/>
                </a:lnTo>
                <a:lnTo>
                  <a:pt x="196" y="204"/>
                </a:lnTo>
                <a:lnTo>
                  <a:pt x="197" y="202"/>
                </a:lnTo>
                <a:lnTo>
                  <a:pt x="203" y="202"/>
                </a:lnTo>
                <a:lnTo>
                  <a:pt x="203" y="198"/>
                </a:lnTo>
                <a:lnTo>
                  <a:pt x="206" y="198"/>
                </a:lnTo>
                <a:lnTo>
                  <a:pt x="206" y="193"/>
                </a:lnTo>
                <a:lnTo>
                  <a:pt x="214" y="188"/>
                </a:lnTo>
                <a:lnTo>
                  <a:pt x="215" y="185"/>
                </a:lnTo>
                <a:lnTo>
                  <a:pt x="222" y="180"/>
                </a:lnTo>
                <a:lnTo>
                  <a:pt x="223" y="180"/>
                </a:lnTo>
                <a:lnTo>
                  <a:pt x="227" y="180"/>
                </a:lnTo>
                <a:lnTo>
                  <a:pt x="231" y="179"/>
                </a:lnTo>
                <a:lnTo>
                  <a:pt x="235" y="177"/>
                </a:lnTo>
                <a:lnTo>
                  <a:pt x="237" y="179"/>
                </a:lnTo>
                <a:lnTo>
                  <a:pt x="241" y="179"/>
                </a:lnTo>
                <a:lnTo>
                  <a:pt x="241" y="181"/>
                </a:lnTo>
                <a:lnTo>
                  <a:pt x="247" y="182"/>
                </a:lnTo>
                <a:lnTo>
                  <a:pt x="249" y="184"/>
                </a:lnTo>
                <a:lnTo>
                  <a:pt x="252" y="185"/>
                </a:lnTo>
                <a:lnTo>
                  <a:pt x="252" y="177"/>
                </a:lnTo>
                <a:lnTo>
                  <a:pt x="259" y="173"/>
                </a:lnTo>
                <a:lnTo>
                  <a:pt x="259" y="170"/>
                </a:lnTo>
                <a:lnTo>
                  <a:pt x="265" y="168"/>
                </a:lnTo>
                <a:lnTo>
                  <a:pt x="269" y="170"/>
                </a:lnTo>
                <a:lnTo>
                  <a:pt x="272" y="169"/>
                </a:lnTo>
                <a:lnTo>
                  <a:pt x="273" y="171"/>
                </a:lnTo>
                <a:lnTo>
                  <a:pt x="280" y="176"/>
                </a:lnTo>
                <a:lnTo>
                  <a:pt x="282" y="181"/>
                </a:lnTo>
                <a:lnTo>
                  <a:pt x="284" y="182"/>
                </a:lnTo>
                <a:lnTo>
                  <a:pt x="287" y="187"/>
                </a:lnTo>
                <a:lnTo>
                  <a:pt x="289" y="187"/>
                </a:lnTo>
                <a:lnTo>
                  <a:pt x="292" y="190"/>
                </a:lnTo>
                <a:lnTo>
                  <a:pt x="294" y="193"/>
                </a:lnTo>
                <a:lnTo>
                  <a:pt x="297" y="196"/>
                </a:lnTo>
                <a:lnTo>
                  <a:pt x="305" y="192"/>
                </a:lnTo>
                <a:lnTo>
                  <a:pt x="307" y="192"/>
                </a:lnTo>
                <a:lnTo>
                  <a:pt x="309" y="190"/>
                </a:lnTo>
                <a:lnTo>
                  <a:pt x="317" y="194"/>
                </a:lnTo>
                <a:lnTo>
                  <a:pt x="327" y="200"/>
                </a:lnTo>
                <a:lnTo>
                  <a:pt x="336" y="207"/>
                </a:lnTo>
                <a:lnTo>
                  <a:pt x="343" y="212"/>
                </a:lnTo>
                <a:lnTo>
                  <a:pt x="346" y="215"/>
                </a:lnTo>
                <a:lnTo>
                  <a:pt x="350" y="220"/>
                </a:lnTo>
                <a:lnTo>
                  <a:pt x="357" y="221"/>
                </a:lnTo>
                <a:lnTo>
                  <a:pt x="368" y="228"/>
                </a:lnTo>
                <a:lnTo>
                  <a:pt x="369" y="235"/>
                </a:lnTo>
                <a:lnTo>
                  <a:pt x="368" y="253"/>
                </a:lnTo>
                <a:lnTo>
                  <a:pt x="366" y="262"/>
                </a:lnTo>
                <a:lnTo>
                  <a:pt x="368" y="262"/>
                </a:lnTo>
                <a:lnTo>
                  <a:pt x="374" y="263"/>
                </a:lnTo>
                <a:lnTo>
                  <a:pt x="381" y="264"/>
                </a:lnTo>
                <a:lnTo>
                  <a:pt x="386" y="260"/>
                </a:lnTo>
                <a:lnTo>
                  <a:pt x="389" y="255"/>
                </a:lnTo>
                <a:lnTo>
                  <a:pt x="395" y="254"/>
                </a:lnTo>
                <a:lnTo>
                  <a:pt x="402" y="253"/>
                </a:lnTo>
                <a:lnTo>
                  <a:pt x="406" y="247"/>
                </a:lnTo>
                <a:lnTo>
                  <a:pt x="411" y="240"/>
                </a:lnTo>
                <a:lnTo>
                  <a:pt x="417" y="234"/>
                </a:lnTo>
                <a:lnTo>
                  <a:pt x="421" y="230"/>
                </a:lnTo>
                <a:lnTo>
                  <a:pt x="426" y="232"/>
                </a:lnTo>
                <a:lnTo>
                  <a:pt x="430" y="235"/>
                </a:lnTo>
                <a:lnTo>
                  <a:pt x="430" y="239"/>
                </a:lnTo>
                <a:lnTo>
                  <a:pt x="431" y="241"/>
                </a:lnTo>
                <a:lnTo>
                  <a:pt x="433" y="239"/>
                </a:lnTo>
                <a:lnTo>
                  <a:pt x="437" y="239"/>
                </a:lnTo>
                <a:lnTo>
                  <a:pt x="442" y="238"/>
                </a:lnTo>
                <a:lnTo>
                  <a:pt x="448" y="235"/>
                </a:lnTo>
                <a:lnTo>
                  <a:pt x="451" y="230"/>
                </a:lnTo>
                <a:lnTo>
                  <a:pt x="454" y="228"/>
                </a:lnTo>
                <a:lnTo>
                  <a:pt x="458" y="226"/>
                </a:lnTo>
                <a:lnTo>
                  <a:pt x="464" y="223"/>
                </a:lnTo>
                <a:close/>
              </a:path>
            </a:pathLst>
          </a:custGeom>
          <a:pattFill prst="pct5">
            <a:fgClr>
              <a:srgbClr val="000000"/>
            </a:fgClr>
            <a:bgClr>
              <a:srgbClr val="FFFFFF"/>
            </a:bgClr>
          </a:patt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grpSp>
        <xdr:nvGrpSpPr>
          <xdr:cNvPr id="149829" name="Group 156"/>
          <xdr:cNvGrpSpPr>
            <a:grpSpLocks/>
          </xdr:cNvGrpSpPr>
        </xdr:nvGrpSpPr>
        <xdr:grpSpPr bwMode="auto">
          <a:xfrm>
            <a:off x="1257300" y="1990725"/>
            <a:ext cx="3419475" cy="5972175"/>
            <a:chOff x="132" y="187"/>
            <a:chExt cx="359" cy="627"/>
          </a:xfrm>
        </xdr:grpSpPr>
        <xdr:sp macro="" textlink="">
          <xdr:nvSpPr>
            <xdr:cNvPr id="149881" name="Freeform 157"/>
            <xdr:cNvSpPr>
              <a:spLocks/>
            </xdr:cNvSpPr>
          </xdr:nvSpPr>
          <xdr:spPr bwMode="auto">
            <a:xfrm>
              <a:off x="355" y="187"/>
              <a:ext cx="32" cy="27"/>
            </a:xfrm>
            <a:custGeom>
              <a:avLst/>
              <a:gdLst>
                <a:gd name="T0" fmla="*/ 20 w 32"/>
                <a:gd name="T1" fmla="*/ 9 h 27"/>
                <a:gd name="T2" fmla="*/ 16 w 32"/>
                <a:gd name="T3" fmla="*/ 6 h 27"/>
                <a:gd name="T4" fmla="*/ 16 w 32"/>
                <a:gd name="T5" fmla="*/ 4 h 27"/>
                <a:gd name="T6" fmla="*/ 16 w 32"/>
                <a:gd name="T7" fmla="*/ 1 h 27"/>
                <a:gd name="T8" fmla="*/ 10 w 32"/>
                <a:gd name="T9" fmla="*/ 1 h 27"/>
                <a:gd name="T10" fmla="*/ 4 w 32"/>
                <a:gd name="T11" fmla="*/ 1 h 27"/>
                <a:gd name="T12" fmla="*/ 0 w 32"/>
                <a:gd name="T13" fmla="*/ 9 h 27"/>
                <a:gd name="T14" fmla="*/ 1 w 32"/>
                <a:gd name="T15" fmla="*/ 14 h 27"/>
                <a:gd name="T16" fmla="*/ 9 w 32"/>
                <a:gd name="T17" fmla="*/ 12 h 27"/>
                <a:gd name="T18" fmla="*/ 11 w 32"/>
                <a:gd name="T19" fmla="*/ 11 h 27"/>
                <a:gd name="T20" fmla="*/ 14 w 32"/>
                <a:gd name="T21" fmla="*/ 17 h 27"/>
                <a:gd name="T22" fmla="*/ 13 w 32"/>
                <a:gd name="T23" fmla="*/ 21 h 27"/>
                <a:gd name="T24" fmla="*/ 20 w 32"/>
                <a:gd name="T25" fmla="*/ 21 h 27"/>
                <a:gd name="T26" fmla="*/ 26 w 32"/>
                <a:gd name="T27" fmla="*/ 21 h 27"/>
                <a:gd name="T28" fmla="*/ 29 w 32"/>
                <a:gd name="T29" fmla="*/ 26 h 27"/>
                <a:gd name="T30" fmla="*/ 31 w 32"/>
                <a:gd name="T31" fmla="*/ 25 h 27"/>
                <a:gd name="T32" fmla="*/ 28 w 32"/>
                <a:gd name="T33" fmla="*/ 16 h 27"/>
                <a:gd name="T34" fmla="*/ 31 w 32"/>
                <a:gd name="T35" fmla="*/ 13 h 27"/>
                <a:gd name="T36" fmla="*/ 32 w 32"/>
                <a:gd name="T37" fmla="*/ 11 h 27"/>
                <a:gd name="T38" fmla="*/ 28 w 32"/>
                <a:gd name="T39" fmla="*/ 10 h 27"/>
                <a:gd name="T40" fmla="*/ 20 w 32"/>
                <a:gd name="T41" fmla="*/ 9 h 27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w 32"/>
                <a:gd name="T64" fmla="*/ 0 h 27"/>
                <a:gd name="T65" fmla="*/ 32 w 32"/>
                <a:gd name="T66" fmla="*/ 27 h 27"/>
              </a:gdLst>
              <a:ahLst/>
              <a:cxnLst>
                <a:cxn ang="T42">
                  <a:pos x="T0" y="T1"/>
                </a:cxn>
                <a:cxn ang="T43">
                  <a:pos x="T2" y="T3"/>
                </a:cxn>
                <a:cxn ang="T44">
                  <a:pos x="T4" y="T5"/>
                </a:cxn>
                <a:cxn ang="T45">
                  <a:pos x="T6" y="T7"/>
                </a:cxn>
                <a:cxn ang="T46">
                  <a:pos x="T8" y="T9"/>
                </a:cxn>
                <a:cxn ang="T47">
                  <a:pos x="T10" y="T11"/>
                </a:cxn>
                <a:cxn ang="T48">
                  <a:pos x="T12" y="T13"/>
                </a:cxn>
                <a:cxn ang="T49">
                  <a:pos x="T14" y="T15"/>
                </a:cxn>
                <a:cxn ang="T50">
                  <a:pos x="T16" y="T17"/>
                </a:cxn>
                <a:cxn ang="T51">
                  <a:pos x="T18" y="T19"/>
                </a:cxn>
                <a:cxn ang="T52">
                  <a:pos x="T20" y="T21"/>
                </a:cxn>
                <a:cxn ang="T53">
                  <a:pos x="T22" y="T23"/>
                </a:cxn>
                <a:cxn ang="T54">
                  <a:pos x="T24" y="T25"/>
                </a:cxn>
                <a:cxn ang="T55">
                  <a:pos x="T26" y="T27"/>
                </a:cxn>
                <a:cxn ang="T56">
                  <a:pos x="T28" y="T29"/>
                </a:cxn>
                <a:cxn ang="T57">
                  <a:pos x="T30" y="T31"/>
                </a:cxn>
                <a:cxn ang="T58">
                  <a:pos x="T32" y="T33"/>
                </a:cxn>
                <a:cxn ang="T59">
                  <a:pos x="T34" y="T35"/>
                </a:cxn>
                <a:cxn ang="T60">
                  <a:pos x="T36" y="T37"/>
                </a:cxn>
                <a:cxn ang="T61">
                  <a:pos x="T38" y="T39"/>
                </a:cxn>
                <a:cxn ang="T62">
                  <a:pos x="T40" y="T41"/>
                </a:cxn>
              </a:cxnLst>
              <a:rect l="T63" t="T64" r="T65" b="T66"/>
              <a:pathLst>
                <a:path w="32" h="27">
                  <a:moveTo>
                    <a:pt x="20" y="9"/>
                  </a:moveTo>
                  <a:cubicBezTo>
                    <a:pt x="18" y="8"/>
                    <a:pt x="17" y="7"/>
                    <a:pt x="16" y="6"/>
                  </a:cubicBezTo>
                  <a:cubicBezTo>
                    <a:pt x="15" y="5"/>
                    <a:pt x="16" y="5"/>
                    <a:pt x="16" y="4"/>
                  </a:cubicBezTo>
                  <a:cubicBezTo>
                    <a:pt x="16" y="3"/>
                    <a:pt x="17" y="1"/>
                    <a:pt x="16" y="1"/>
                  </a:cubicBezTo>
                  <a:cubicBezTo>
                    <a:pt x="15" y="1"/>
                    <a:pt x="12" y="1"/>
                    <a:pt x="10" y="1"/>
                  </a:cubicBezTo>
                  <a:cubicBezTo>
                    <a:pt x="8" y="1"/>
                    <a:pt x="6" y="0"/>
                    <a:pt x="4" y="1"/>
                  </a:cubicBezTo>
                  <a:cubicBezTo>
                    <a:pt x="2" y="2"/>
                    <a:pt x="0" y="7"/>
                    <a:pt x="0" y="9"/>
                  </a:cubicBezTo>
                  <a:cubicBezTo>
                    <a:pt x="0" y="11"/>
                    <a:pt x="0" y="14"/>
                    <a:pt x="1" y="14"/>
                  </a:cubicBezTo>
                  <a:cubicBezTo>
                    <a:pt x="2" y="14"/>
                    <a:pt x="7" y="13"/>
                    <a:pt x="9" y="12"/>
                  </a:cubicBezTo>
                  <a:cubicBezTo>
                    <a:pt x="11" y="11"/>
                    <a:pt x="10" y="10"/>
                    <a:pt x="11" y="11"/>
                  </a:cubicBezTo>
                  <a:cubicBezTo>
                    <a:pt x="12" y="12"/>
                    <a:pt x="14" y="15"/>
                    <a:pt x="14" y="17"/>
                  </a:cubicBezTo>
                  <a:cubicBezTo>
                    <a:pt x="14" y="19"/>
                    <a:pt x="12" y="20"/>
                    <a:pt x="13" y="21"/>
                  </a:cubicBezTo>
                  <a:cubicBezTo>
                    <a:pt x="14" y="22"/>
                    <a:pt x="18" y="21"/>
                    <a:pt x="20" y="21"/>
                  </a:cubicBezTo>
                  <a:cubicBezTo>
                    <a:pt x="22" y="21"/>
                    <a:pt x="25" y="20"/>
                    <a:pt x="26" y="21"/>
                  </a:cubicBezTo>
                  <a:cubicBezTo>
                    <a:pt x="27" y="22"/>
                    <a:pt x="28" y="25"/>
                    <a:pt x="29" y="26"/>
                  </a:cubicBezTo>
                  <a:cubicBezTo>
                    <a:pt x="30" y="27"/>
                    <a:pt x="31" y="27"/>
                    <a:pt x="31" y="25"/>
                  </a:cubicBezTo>
                  <a:cubicBezTo>
                    <a:pt x="31" y="23"/>
                    <a:pt x="28" y="18"/>
                    <a:pt x="28" y="16"/>
                  </a:cubicBezTo>
                  <a:cubicBezTo>
                    <a:pt x="28" y="14"/>
                    <a:pt x="30" y="14"/>
                    <a:pt x="31" y="13"/>
                  </a:cubicBezTo>
                  <a:cubicBezTo>
                    <a:pt x="32" y="12"/>
                    <a:pt x="32" y="11"/>
                    <a:pt x="32" y="11"/>
                  </a:cubicBezTo>
                  <a:cubicBezTo>
                    <a:pt x="32" y="11"/>
                    <a:pt x="30" y="10"/>
                    <a:pt x="28" y="10"/>
                  </a:cubicBezTo>
                  <a:cubicBezTo>
                    <a:pt x="26" y="10"/>
                    <a:pt x="22" y="10"/>
                    <a:pt x="20" y="9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882" name="Freeform 158"/>
            <xdr:cNvSpPr>
              <a:spLocks/>
            </xdr:cNvSpPr>
          </xdr:nvSpPr>
          <xdr:spPr bwMode="auto">
            <a:xfrm>
              <a:off x="436" y="216"/>
              <a:ext cx="55" cy="26"/>
            </a:xfrm>
            <a:custGeom>
              <a:avLst/>
              <a:gdLst>
                <a:gd name="T0" fmla="*/ 37 w 55"/>
                <a:gd name="T1" fmla="*/ 10 h 26"/>
                <a:gd name="T2" fmla="*/ 41 w 55"/>
                <a:gd name="T3" fmla="*/ 9 h 26"/>
                <a:gd name="T4" fmla="*/ 45 w 55"/>
                <a:gd name="T5" fmla="*/ 9 h 26"/>
                <a:gd name="T6" fmla="*/ 47 w 55"/>
                <a:gd name="T7" fmla="*/ 10 h 26"/>
                <a:gd name="T8" fmla="*/ 42 w 55"/>
                <a:gd name="T9" fmla="*/ 14 h 26"/>
                <a:gd name="T10" fmla="*/ 50 w 55"/>
                <a:gd name="T11" fmla="*/ 18 h 26"/>
                <a:gd name="T12" fmla="*/ 53 w 55"/>
                <a:gd name="T13" fmla="*/ 20 h 26"/>
                <a:gd name="T14" fmla="*/ 53 w 55"/>
                <a:gd name="T15" fmla="*/ 23 h 26"/>
                <a:gd name="T16" fmla="*/ 40 w 55"/>
                <a:gd name="T17" fmla="*/ 24 h 26"/>
                <a:gd name="T18" fmla="*/ 36 w 55"/>
                <a:gd name="T19" fmla="*/ 21 h 26"/>
                <a:gd name="T20" fmla="*/ 31 w 55"/>
                <a:gd name="T21" fmla="*/ 25 h 26"/>
                <a:gd name="T22" fmla="*/ 23 w 55"/>
                <a:gd name="T23" fmla="*/ 25 h 26"/>
                <a:gd name="T24" fmla="*/ 21 w 55"/>
                <a:gd name="T25" fmla="*/ 20 h 26"/>
                <a:gd name="T26" fmla="*/ 17 w 55"/>
                <a:gd name="T27" fmla="*/ 19 h 26"/>
                <a:gd name="T28" fmla="*/ 16 w 55"/>
                <a:gd name="T29" fmla="*/ 14 h 26"/>
                <a:gd name="T30" fmla="*/ 13 w 55"/>
                <a:gd name="T31" fmla="*/ 15 h 26"/>
                <a:gd name="T32" fmla="*/ 10 w 55"/>
                <a:gd name="T33" fmla="*/ 8 h 26"/>
                <a:gd name="T34" fmla="*/ 9 w 55"/>
                <a:gd name="T35" fmla="*/ 6 h 26"/>
                <a:gd name="T36" fmla="*/ 5 w 55"/>
                <a:gd name="T37" fmla="*/ 6 h 26"/>
                <a:gd name="T38" fmla="*/ 3 w 55"/>
                <a:gd name="T39" fmla="*/ 10 h 26"/>
                <a:gd name="T40" fmla="*/ 0 w 55"/>
                <a:gd name="T41" fmla="*/ 9 h 26"/>
                <a:gd name="T42" fmla="*/ 2 w 55"/>
                <a:gd name="T43" fmla="*/ 2 h 26"/>
                <a:gd name="T44" fmla="*/ 9 w 55"/>
                <a:gd name="T45" fmla="*/ 1 h 26"/>
                <a:gd name="T46" fmla="*/ 16 w 55"/>
                <a:gd name="T47" fmla="*/ 6 h 26"/>
                <a:gd name="T48" fmla="*/ 22 w 55"/>
                <a:gd name="T49" fmla="*/ 10 h 26"/>
                <a:gd name="T50" fmla="*/ 24 w 55"/>
                <a:gd name="T51" fmla="*/ 13 h 26"/>
                <a:gd name="T52" fmla="*/ 26 w 55"/>
                <a:gd name="T53" fmla="*/ 16 h 26"/>
                <a:gd name="T54" fmla="*/ 32 w 55"/>
                <a:gd name="T55" fmla="*/ 18 h 26"/>
                <a:gd name="T56" fmla="*/ 34 w 55"/>
                <a:gd name="T57" fmla="*/ 12 h 26"/>
                <a:gd name="T58" fmla="*/ 37 w 55"/>
                <a:gd name="T59" fmla="*/ 10 h 2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w 55"/>
                <a:gd name="T91" fmla="*/ 0 h 26"/>
                <a:gd name="T92" fmla="*/ 55 w 55"/>
                <a:gd name="T93" fmla="*/ 26 h 26"/>
              </a:gdLst>
              <a:ahLst/>
              <a:cxnLst>
                <a:cxn ang="T60">
                  <a:pos x="T0" y="T1"/>
                </a:cxn>
                <a:cxn ang="T61">
                  <a:pos x="T2" y="T3"/>
                </a:cxn>
                <a:cxn ang="T62">
                  <a:pos x="T4" y="T5"/>
                </a:cxn>
                <a:cxn ang="T63">
                  <a:pos x="T6" y="T7"/>
                </a:cxn>
                <a:cxn ang="T64">
                  <a:pos x="T8" y="T9"/>
                </a:cxn>
                <a:cxn ang="T65">
                  <a:pos x="T10" y="T11"/>
                </a:cxn>
                <a:cxn ang="T66">
                  <a:pos x="T12" y="T13"/>
                </a:cxn>
                <a:cxn ang="T67">
                  <a:pos x="T14" y="T15"/>
                </a:cxn>
                <a:cxn ang="T68">
                  <a:pos x="T16" y="T17"/>
                </a:cxn>
                <a:cxn ang="T69">
                  <a:pos x="T18" y="T19"/>
                </a:cxn>
                <a:cxn ang="T70">
                  <a:pos x="T20" y="T21"/>
                </a:cxn>
                <a:cxn ang="T71">
                  <a:pos x="T22" y="T23"/>
                </a:cxn>
                <a:cxn ang="T72">
                  <a:pos x="T24" y="T25"/>
                </a:cxn>
                <a:cxn ang="T73">
                  <a:pos x="T26" y="T27"/>
                </a:cxn>
                <a:cxn ang="T74">
                  <a:pos x="T28" y="T29"/>
                </a:cxn>
                <a:cxn ang="T75">
                  <a:pos x="T30" y="T31"/>
                </a:cxn>
                <a:cxn ang="T76">
                  <a:pos x="T32" y="T33"/>
                </a:cxn>
                <a:cxn ang="T77">
                  <a:pos x="T34" y="T35"/>
                </a:cxn>
                <a:cxn ang="T78">
                  <a:pos x="T36" y="T37"/>
                </a:cxn>
                <a:cxn ang="T79">
                  <a:pos x="T38" y="T39"/>
                </a:cxn>
                <a:cxn ang="T80">
                  <a:pos x="T40" y="T41"/>
                </a:cxn>
                <a:cxn ang="T81">
                  <a:pos x="T42" y="T43"/>
                </a:cxn>
                <a:cxn ang="T82">
                  <a:pos x="T44" y="T45"/>
                </a:cxn>
                <a:cxn ang="T83">
                  <a:pos x="T46" y="T47"/>
                </a:cxn>
                <a:cxn ang="T84">
                  <a:pos x="T48" y="T49"/>
                </a:cxn>
                <a:cxn ang="T85">
                  <a:pos x="T50" y="T51"/>
                </a:cxn>
                <a:cxn ang="T86">
                  <a:pos x="T52" y="T53"/>
                </a:cxn>
                <a:cxn ang="T87">
                  <a:pos x="T54" y="T55"/>
                </a:cxn>
                <a:cxn ang="T88">
                  <a:pos x="T56" y="T57"/>
                </a:cxn>
                <a:cxn ang="T89">
                  <a:pos x="T58" y="T59"/>
                </a:cxn>
              </a:cxnLst>
              <a:rect l="T90" t="T91" r="T92" b="T93"/>
              <a:pathLst>
                <a:path w="55" h="26">
                  <a:moveTo>
                    <a:pt x="37" y="10"/>
                  </a:moveTo>
                  <a:cubicBezTo>
                    <a:pt x="38" y="10"/>
                    <a:pt x="40" y="9"/>
                    <a:pt x="41" y="9"/>
                  </a:cubicBezTo>
                  <a:cubicBezTo>
                    <a:pt x="42" y="9"/>
                    <a:pt x="44" y="9"/>
                    <a:pt x="45" y="9"/>
                  </a:cubicBezTo>
                  <a:cubicBezTo>
                    <a:pt x="46" y="9"/>
                    <a:pt x="47" y="9"/>
                    <a:pt x="47" y="10"/>
                  </a:cubicBezTo>
                  <a:cubicBezTo>
                    <a:pt x="47" y="11"/>
                    <a:pt x="42" y="13"/>
                    <a:pt x="42" y="14"/>
                  </a:cubicBezTo>
                  <a:cubicBezTo>
                    <a:pt x="42" y="15"/>
                    <a:pt x="48" y="17"/>
                    <a:pt x="50" y="18"/>
                  </a:cubicBezTo>
                  <a:cubicBezTo>
                    <a:pt x="52" y="19"/>
                    <a:pt x="53" y="19"/>
                    <a:pt x="53" y="20"/>
                  </a:cubicBezTo>
                  <a:cubicBezTo>
                    <a:pt x="53" y="21"/>
                    <a:pt x="55" y="22"/>
                    <a:pt x="53" y="23"/>
                  </a:cubicBezTo>
                  <a:cubicBezTo>
                    <a:pt x="51" y="24"/>
                    <a:pt x="43" y="24"/>
                    <a:pt x="40" y="24"/>
                  </a:cubicBezTo>
                  <a:cubicBezTo>
                    <a:pt x="37" y="24"/>
                    <a:pt x="37" y="21"/>
                    <a:pt x="36" y="21"/>
                  </a:cubicBezTo>
                  <a:cubicBezTo>
                    <a:pt x="35" y="21"/>
                    <a:pt x="33" y="24"/>
                    <a:pt x="31" y="25"/>
                  </a:cubicBezTo>
                  <a:cubicBezTo>
                    <a:pt x="29" y="26"/>
                    <a:pt x="25" y="26"/>
                    <a:pt x="23" y="25"/>
                  </a:cubicBezTo>
                  <a:cubicBezTo>
                    <a:pt x="21" y="24"/>
                    <a:pt x="22" y="21"/>
                    <a:pt x="21" y="20"/>
                  </a:cubicBezTo>
                  <a:cubicBezTo>
                    <a:pt x="20" y="19"/>
                    <a:pt x="18" y="20"/>
                    <a:pt x="17" y="19"/>
                  </a:cubicBezTo>
                  <a:cubicBezTo>
                    <a:pt x="16" y="18"/>
                    <a:pt x="17" y="15"/>
                    <a:pt x="16" y="14"/>
                  </a:cubicBezTo>
                  <a:cubicBezTo>
                    <a:pt x="15" y="13"/>
                    <a:pt x="14" y="16"/>
                    <a:pt x="13" y="15"/>
                  </a:cubicBezTo>
                  <a:cubicBezTo>
                    <a:pt x="12" y="14"/>
                    <a:pt x="11" y="9"/>
                    <a:pt x="10" y="8"/>
                  </a:cubicBezTo>
                  <a:cubicBezTo>
                    <a:pt x="9" y="7"/>
                    <a:pt x="10" y="6"/>
                    <a:pt x="9" y="6"/>
                  </a:cubicBezTo>
                  <a:cubicBezTo>
                    <a:pt x="8" y="6"/>
                    <a:pt x="6" y="5"/>
                    <a:pt x="5" y="6"/>
                  </a:cubicBezTo>
                  <a:cubicBezTo>
                    <a:pt x="4" y="7"/>
                    <a:pt x="4" y="10"/>
                    <a:pt x="3" y="10"/>
                  </a:cubicBezTo>
                  <a:cubicBezTo>
                    <a:pt x="2" y="10"/>
                    <a:pt x="0" y="10"/>
                    <a:pt x="0" y="9"/>
                  </a:cubicBezTo>
                  <a:cubicBezTo>
                    <a:pt x="0" y="8"/>
                    <a:pt x="1" y="3"/>
                    <a:pt x="2" y="2"/>
                  </a:cubicBezTo>
                  <a:cubicBezTo>
                    <a:pt x="3" y="1"/>
                    <a:pt x="7" y="0"/>
                    <a:pt x="9" y="1"/>
                  </a:cubicBezTo>
                  <a:cubicBezTo>
                    <a:pt x="11" y="2"/>
                    <a:pt x="14" y="5"/>
                    <a:pt x="16" y="6"/>
                  </a:cubicBezTo>
                  <a:cubicBezTo>
                    <a:pt x="18" y="7"/>
                    <a:pt x="21" y="9"/>
                    <a:pt x="22" y="10"/>
                  </a:cubicBezTo>
                  <a:cubicBezTo>
                    <a:pt x="23" y="11"/>
                    <a:pt x="23" y="12"/>
                    <a:pt x="24" y="13"/>
                  </a:cubicBezTo>
                  <a:cubicBezTo>
                    <a:pt x="25" y="14"/>
                    <a:pt x="25" y="15"/>
                    <a:pt x="26" y="16"/>
                  </a:cubicBezTo>
                  <a:cubicBezTo>
                    <a:pt x="27" y="17"/>
                    <a:pt x="31" y="19"/>
                    <a:pt x="32" y="18"/>
                  </a:cubicBezTo>
                  <a:cubicBezTo>
                    <a:pt x="33" y="17"/>
                    <a:pt x="33" y="13"/>
                    <a:pt x="34" y="12"/>
                  </a:cubicBezTo>
                  <a:cubicBezTo>
                    <a:pt x="35" y="11"/>
                    <a:pt x="36" y="10"/>
                    <a:pt x="37" y="10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883" name="Freeform 159"/>
            <xdr:cNvSpPr>
              <a:spLocks/>
            </xdr:cNvSpPr>
          </xdr:nvSpPr>
          <xdr:spPr bwMode="auto">
            <a:xfrm>
              <a:off x="171" y="483"/>
              <a:ext cx="46" cy="21"/>
            </a:xfrm>
            <a:custGeom>
              <a:avLst/>
              <a:gdLst>
                <a:gd name="T0" fmla="*/ 0 w 46"/>
                <a:gd name="T1" fmla="*/ 11 h 21"/>
                <a:gd name="T2" fmla="*/ 6 w 46"/>
                <a:gd name="T3" fmla="*/ 3 h 21"/>
                <a:gd name="T4" fmla="*/ 18 w 46"/>
                <a:gd name="T5" fmla="*/ 3 h 21"/>
                <a:gd name="T6" fmla="*/ 24 w 46"/>
                <a:gd name="T7" fmla="*/ 7 h 21"/>
                <a:gd name="T8" fmla="*/ 28 w 46"/>
                <a:gd name="T9" fmla="*/ 12 h 21"/>
                <a:gd name="T10" fmla="*/ 32 w 46"/>
                <a:gd name="T11" fmla="*/ 13 h 21"/>
                <a:gd name="T12" fmla="*/ 30 w 46"/>
                <a:gd name="T13" fmla="*/ 5 h 21"/>
                <a:gd name="T14" fmla="*/ 31 w 46"/>
                <a:gd name="T15" fmla="*/ 0 h 21"/>
                <a:gd name="T16" fmla="*/ 35 w 46"/>
                <a:gd name="T17" fmla="*/ 6 h 21"/>
                <a:gd name="T18" fmla="*/ 39 w 46"/>
                <a:gd name="T19" fmla="*/ 9 h 21"/>
                <a:gd name="T20" fmla="*/ 46 w 46"/>
                <a:gd name="T21" fmla="*/ 11 h 21"/>
                <a:gd name="T22" fmla="*/ 37 w 46"/>
                <a:gd name="T23" fmla="*/ 17 h 21"/>
                <a:gd name="T24" fmla="*/ 33 w 46"/>
                <a:gd name="T25" fmla="*/ 17 h 21"/>
                <a:gd name="T26" fmla="*/ 29 w 46"/>
                <a:gd name="T27" fmla="*/ 21 h 21"/>
                <a:gd name="T28" fmla="*/ 23 w 46"/>
                <a:gd name="T29" fmla="*/ 15 h 21"/>
                <a:gd name="T30" fmla="*/ 18 w 46"/>
                <a:gd name="T31" fmla="*/ 11 h 21"/>
                <a:gd name="T32" fmla="*/ 5 w 46"/>
                <a:gd name="T33" fmla="*/ 10 h 21"/>
                <a:gd name="T34" fmla="*/ 0 w 46"/>
                <a:gd name="T35" fmla="*/ 11 h 21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w 46"/>
                <a:gd name="T55" fmla="*/ 0 h 21"/>
                <a:gd name="T56" fmla="*/ 46 w 46"/>
                <a:gd name="T57" fmla="*/ 21 h 21"/>
              </a:gdLst>
              <a:ahLst/>
              <a:cxnLst>
                <a:cxn ang="T36">
                  <a:pos x="T0" y="T1"/>
                </a:cxn>
                <a:cxn ang="T37">
                  <a:pos x="T2" y="T3"/>
                </a:cxn>
                <a:cxn ang="T38">
                  <a:pos x="T4" y="T5"/>
                </a:cxn>
                <a:cxn ang="T39">
                  <a:pos x="T6" y="T7"/>
                </a:cxn>
                <a:cxn ang="T40">
                  <a:pos x="T8" y="T9"/>
                </a:cxn>
                <a:cxn ang="T41">
                  <a:pos x="T10" y="T11"/>
                </a:cxn>
                <a:cxn ang="T42">
                  <a:pos x="T12" y="T13"/>
                </a:cxn>
                <a:cxn ang="T43">
                  <a:pos x="T14" y="T15"/>
                </a:cxn>
                <a:cxn ang="T44">
                  <a:pos x="T16" y="T17"/>
                </a:cxn>
                <a:cxn ang="T45">
                  <a:pos x="T18" y="T19"/>
                </a:cxn>
                <a:cxn ang="T46">
                  <a:pos x="T20" y="T21"/>
                </a:cxn>
                <a:cxn ang="T47">
                  <a:pos x="T22" y="T23"/>
                </a:cxn>
                <a:cxn ang="T48">
                  <a:pos x="T24" y="T25"/>
                </a:cxn>
                <a:cxn ang="T49">
                  <a:pos x="T26" y="T27"/>
                </a:cxn>
                <a:cxn ang="T50">
                  <a:pos x="T28" y="T29"/>
                </a:cxn>
                <a:cxn ang="T51">
                  <a:pos x="T30" y="T31"/>
                </a:cxn>
                <a:cxn ang="T52">
                  <a:pos x="T32" y="T33"/>
                </a:cxn>
                <a:cxn ang="T53">
                  <a:pos x="T34" y="T35"/>
                </a:cxn>
              </a:cxnLst>
              <a:rect l="T54" t="T55" r="T56" b="T57"/>
              <a:pathLst>
                <a:path w="46" h="21">
                  <a:moveTo>
                    <a:pt x="0" y="11"/>
                  </a:moveTo>
                  <a:cubicBezTo>
                    <a:pt x="0" y="10"/>
                    <a:pt x="3" y="4"/>
                    <a:pt x="6" y="3"/>
                  </a:cubicBezTo>
                  <a:cubicBezTo>
                    <a:pt x="9" y="2"/>
                    <a:pt x="15" y="2"/>
                    <a:pt x="18" y="3"/>
                  </a:cubicBezTo>
                  <a:cubicBezTo>
                    <a:pt x="21" y="4"/>
                    <a:pt x="22" y="6"/>
                    <a:pt x="24" y="7"/>
                  </a:cubicBezTo>
                  <a:cubicBezTo>
                    <a:pt x="26" y="8"/>
                    <a:pt x="27" y="11"/>
                    <a:pt x="28" y="12"/>
                  </a:cubicBezTo>
                  <a:cubicBezTo>
                    <a:pt x="29" y="13"/>
                    <a:pt x="32" y="14"/>
                    <a:pt x="32" y="13"/>
                  </a:cubicBezTo>
                  <a:cubicBezTo>
                    <a:pt x="32" y="12"/>
                    <a:pt x="30" y="7"/>
                    <a:pt x="30" y="5"/>
                  </a:cubicBezTo>
                  <a:cubicBezTo>
                    <a:pt x="30" y="3"/>
                    <a:pt x="30" y="0"/>
                    <a:pt x="31" y="0"/>
                  </a:cubicBezTo>
                  <a:cubicBezTo>
                    <a:pt x="32" y="0"/>
                    <a:pt x="34" y="5"/>
                    <a:pt x="35" y="6"/>
                  </a:cubicBezTo>
                  <a:cubicBezTo>
                    <a:pt x="36" y="7"/>
                    <a:pt x="37" y="8"/>
                    <a:pt x="39" y="9"/>
                  </a:cubicBezTo>
                  <a:cubicBezTo>
                    <a:pt x="41" y="10"/>
                    <a:pt x="46" y="10"/>
                    <a:pt x="46" y="11"/>
                  </a:cubicBezTo>
                  <a:cubicBezTo>
                    <a:pt x="46" y="12"/>
                    <a:pt x="39" y="16"/>
                    <a:pt x="37" y="17"/>
                  </a:cubicBezTo>
                  <a:cubicBezTo>
                    <a:pt x="35" y="18"/>
                    <a:pt x="34" y="16"/>
                    <a:pt x="33" y="17"/>
                  </a:cubicBezTo>
                  <a:cubicBezTo>
                    <a:pt x="32" y="18"/>
                    <a:pt x="31" y="21"/>
                    <a:pt x="29" y="21"/>
                  </a:cubicBezTo>
                  <a:cubicBezTo>
                    <a:pt x="27" y="21"/>
                    <a:pt x="25" y="17"/>
                    <a:pt x="23" y="15"/>
                  </a:cubicBezTo>
                  <a:cubicBezTo>
                    <a:pt x="21" y="13"/>
                    <a:pt x="21" y="12"/>
                    <a:pt x="18" y="11"/>
                  </a:cubicBezTo>
                  <a:cubicBezTo>
                    <a:pt x="15" y="10"/>
                    <a:pt x="8" y="10"/>
                    <a:pt x="5" y="10"/>
                  </a:cubicBezTo>
                  <a:cubicBezTo>
                    <a:pt x="2" y="10"/>
                    <a:pt x="0" y="12"/>
                    <a:pt x="0" y="1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884" name="Freeform 160"/>
            <xdr:cNvSpPr>
              <a:spLocks/>
            </xdr:cNvSpPr>
          </xdr:nvSpPr>
          <xdr:spPr bwMode="auto">
            <a:xfrm>
              <a:off x="400" y="289"/>
              <a:ext cx="71" cy="89"/>
            </a:xfrm>
            <a:custGeom>
              <a:avLst/>
              <a:gdLst>
                <a:gd name="T0" fmla="*/ 0 w 1589"/>
                <a:gd name="T1" fmla="*/ 0 h 2074"/>
                <a:gd name="T2" fmla="*/ 0 w 1589"/>
                <a:gd name="T3" fmla="*/ 0 h 2074"/>
                <a:gd name="T4" fmla="*/ 0 w 1589"/>
                <a:gd name="T5" fmla="*/ 0 h 2074"/>
                <a:gd name="T6" fmla="*/ 0 w 1589"/>
                <a:gd name="T7" fmla="*/ 0 h 2074"/>
                <a:gd name="T8" fmla="*/ 0 w 1589"/>
                <a:gd name="T9" fmla="*/ 0 h 2074"/>
                <a:gd name="T10" fmla="*/ 0 w 1589"/>
                <a:gd name="T11" fmla="*/ 0 h 2074"/>
                <a:gd name="T12" fmla="*/ 0 w 1589"/>
                <a:gd name="T13" fmla="*/ 0 h 2074"/>
                <a:gd name="T14" fmla="*/ 0 w 1589"/>
                <a:gd name="T15" fmla="*/ 0 h 2074"/>
                <a:gd name="T16" fmla="*/ 0 w 1589"/>
                <a:gd name="T17" fmla="*/ 0 h 2074"/>
                <a:gd name="T18" fmla="*/ 0 w 1589"/>
                <a:gd name="T19" fmla="*/ 0 h 2074"/>
                <a:gd name="T20" fmla="*/ 0 w 1589"/>
                <a:gd name="T21" fmla="*/ 0 h 2074"/>
                <a:gd name="T22" fmla="*/ 0 w 1589"/>
                <a:gd name="T23" fmla="*/ 0 h 2074"/>
                <a:gd name="T24" fmla="*/ 0 w 1589"/>
                <a:gd name="T25" fmla="*/ 0 h 2074"/>
                <a:gd name="T26" fmla="*/ 0 w 1589"/>
                <a:gd name="T27" fmla="*/ 0 h 2074"/>
                <a:gd name="T28" fmla="*/ 0 w 1589"/>
                <a:gd name="T29" fmla="*/ 0 h 2074"/>
                <a:gd name="T30" fmla="*/ 0 w 1589"/>
                <a:gd name="T31" fmla="*/ 0 h 2074"/>
                <a:gd name="T32" fmla="*/ 0 w 1589"/>
                <a:gd name="T33" fmla="*/ 0 h 2074"/>
                <a:gd name="T34" fmla="*/ 0 w 1589"/>
                <a:gd name="T35" fmla="*/ 0 h 2074"/>
                <a:gd name="T36" fmla="*/ 0 w 1589"/>
                <a:gd name="T37" fmla="*/ 0 h 2074"/>
                <a:gd name="T38" fmla="*/ 0 w 1589"/>
                <a:gd name="T39" fmla="*/ 0 h 2074"/>
                <a:gd name="T40" fmla="*/ 0 w 1589"/>
                <a:gd name="T41" fmla="*/ 0 h 2074"/>
                <a:gd name="T42" fmla="*/ 0 w 1589"/>
                <a:gd name="T43" fmla="*/ 0 h 2074"/>
                <a:gd name="T44" fmla="*/ 0 w 1589"/>
                <a:gd name="T45" fmla="*/ 0 h 2074"/>
                <a:gd name="T46" fmla="*/ 0 w 1589"/>
                <a:gd name="T47" fmla="*/ 0 h 2074"/>
                <a:gd name="T48" fmla="*/ 0 w 1589"/>
                <a:gd name="T49" fmla="*/ 0 h 2074"/>
                <a:gd name="T50" fmla="*/ 0 w 1589"/>
                <a:gd name="T51" fmla="*/ 0 h 2074"/>
                <a:gd name="T52" fmla="*/ 0 w 1589"/>
                <a:gd name="T53" fmla="*/ 0 h 2074"/>
                <a:gd name="T54" fmla="*/ 0 w 1589"/>
                <a:gd name="T55" fmla="*/ 0 h 2074"/>
                <a:gd name="T56" fmla="*/ 0 w 1589"/>
                <a:gd name="T57" fmla="*/ 0 h 2074"/>
                <a:gd name="T58" fmla="*/ 0 w 1589"/>
                <a:gd name="T59" fmla="*/ 0 h 2074"/>
                <a:gd name="T60" fmla="*/ 0 w 1589"/>
                <a:gd name="T61" fmla="*/ 0 h 2074"/>
                <a:gd name="T62" fmla="*/ 0 w 1589"/>
                <a:gd name="T63" fmla="*/ 0 h 2074"/>
                <a:gd name="T64" fmla="*/ 0 w 1589"/>
                <a:gd name="T65" fmla="*/ 0 h 2074"/>
                <a:gd name="T66" fmla="*/ 0 w 1589"/>
                <a:gd name="T67" fmla="*/ 0 h 2074"/>
                <a:gd name="T68" fmla="*/ 0 w 1589"/>
                <a:gd name="T69" fmla="*/ 0 h 2074"/>
                <a:gd name="T70" fmla="*/ 0 w 1589"/>
                <a:gd name="T71" fmla="*/ 0 h 2074"/>
                <a:gd name="T72" fmla="*/ 0 w 1589"/>
                <a:gd name="T73" fmla="*/ 0 h 2074"/>
                <a:gd name="T74" fmla="*/ 0 w 1589"/>
                <a:gd name="T75" fmla="*/ 0 h 2074"/>
                <a:gd name="T76" fmla="*/ 0 w 1589"/>
                <a:gd name="T77" fmla="*/ 0 h 2074"/>
                <a:gd name="T78" fmla="*/ 0 w 1589"/>
                <a:gd name="T79" fmla="*/ 0 h 2074"/>
                <a:gd name="T80" fmla="*/ 0 w 1589"/>
                <a:gd name="T81" fmla="*/ 0 h 2074"/>
                <a:gd name="T82" fmla="*/ 0 w 1589"/>
                <a:gd name="T83" fmla="*/ 0 h 2074"/>
                <a:gd name="T84" fmla="*/ 0 w 1589"/>
                <a:gd name="T85" fmla="*/ 0 h 2074"/>
                <a:gd name="T86" fmla="*/ 0 w 1589"/>
                <a:gd name="T87" fmla="*/ 0 h 2074"/>
                <a:gd name="T88" fmla="*/ 0 w 1589"/>
                <a:gd name="T89" fmla="*/ 0 h 2074"/>
                <a:gd name="T90" fmla="*/ 0 w 1589"/>
                <a:gd name="T91" fmla="*/ 0 h 2074"/>
                <a:gd name="T92" fmla="*/ 0 w 1589"/>
                <a:gd name="T93" fmla="*/ 0 h 2074"/>
                <a:gd name="T94" fmla="*/ 0 w 1589"/>
                <a:gd name="T95" fmla="*/ 0 h 2074"/>
                <a:gd name="T96" fmla="*/ 0 w 1589"/>
                <a:gd name="T97" fmla="*/ 0 h 2074"/>
                <a:gd name="T98" fmla="*/ 0 w 1589"/>
                <a:gd name="T99" fmla="*/ 0 h 2074"/>
                <a:gd name="T100" fmla="*/ 0 w 1589"/>
                <a:gd name="T101" fmla="*/ 0 h 2074"/>
                <a:gd name="T102" fmla="*/ 0 w 1589"/>
                <a:gd name="T103" fmla="*/ 0 h 2074"/>
                <a:gd name="T104" fmla="*/ 0 w 1589"/>
                <a:gd name="T105" fmla="*/ 0 h 2074"/>
                <a:gd name="T106" fmla="*/ 0 w 1589"/>
                <a:gd name="T107" fmla="*/ 0 h 2074"/>
                <a:gd name="T108" fmla="*/ 0 w 1589"/>
                <a:gd name="T109" fmla="*/ 0 h 2074"/>
                <a:gd name="T110" fmla="*/ 0 w 1589"/>
                <a:gd name="T111" fmla="*/ 0 h 2074"/>
                <a:gd name="T112" fmla="*/ 0 w 1589"/>
                <a:gd name="T113" fmla="*/ 0 h 2074"/>
                <a:gd name="T114" fmla="*/ 0 w 1589"/>
                <a:gd name="T115" fmla="*/ 0 h 2074"/>
                <a:gd name="T116" fmla="*/ 0 w 1589"/>
                <a:gd name="T117" fmla="*/ 0 h 2074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w 1589"/>
                <a:gd name="T178" fmla="*/ 0 h 2074"/>
                <a:gd name="T179" fmla="*/ 1589 w 1589"/>
                <a:gd name="T180" fmla="*/ 2074 h 2074"/>
              </a:gdLst>
              <a:ahLst/>
              <a:cxnLst>
                <a:cxn ang="T118">
                  <a:pos x="T0" y="T1"/>
                </a:cxn>
                <a:cxn ang="T119">
                  <a:pos x="T2" y="T3"/>
                </a:cxn>
                <a:cxn ang="T120">
                  <a:pos x="T4" y="T5"/>
                </a:cxn>
                <a:cxn ang="T121">
                  <a:pos x="T6" y="T7"/>
                </a:cxn>
                <a:cxn ang="T122">
                  <a:pos x="T8" y="T9"/>
                </a:cxn>
                <a:cxn ang="T123">
                  <a:pos x="T10" y="T11"/>
                </a:cxn>
                <a:cxn ang="T124">
                  <a:pos x="T12" y="T13"/>
                </a:cxn>
                <a:cxn ang="T125">
                  <a:pos x="T14" y="T15"/>
                </a:cxn>
                <a:cxn ang="T126">
                  <a:pos x="T16" y="T17"/>
                </a:cxn>
                <a:cxn ang="T127">
                  <a:pos x="T18" y="T19"/>
                </a:cxn>
                <a:cxn ang="T128">
                  <a:pos x="T20" y="T21"/>
                </a:cxn>
                <a:cxn ang="T129">
                  <a:pos x="T22" y="T23"/>
                </a:cxn>
                <a:cxn ang="T130">
                  <a:pos x="T24" y="T25"/>
                </a:cxn>
                <a:cxn ang="T131">
                  <a:pos x="T26" y="T27"/>
                </a:cxn>
                <a:cxn ang="T132">
                  <a:pos x="T28" y="T29"/>
                </a:cxn>
                <a:cxn ang="T133">
                  <a:pos x="T30" y="T31"/>
                </a:cxn>
                <a:cxn ang="T134">
                  <a:pos x="T32" y="T33"/>
                </a:cxn>
                <a:cxn ang="T135">
                  <a:pos x="T34" y="T35"/>
                </a:cxn>
                <a:cxn ang="T136">
                  <a:pos x="T36" y="T37"/>
                </a:cxn>
                <a:cxn ang="T137">
                  <a:pos x="T38" y="T39"/>
                </a:cxn>
                <a:cxn ang="T138">
                  <a:pos x="T40" y="T41"/>
                </a:cxn>
                <a:cxn ang="T139">
                  <a:pos x="T42" y="T43"/>
                </a:cxn>
                <a:cxn ang="T140">
                  <a:pos x="T44" y="T45"/>
                </a:cxn>
                <a:cxn ang="T141">
                  <a:pos x="T46" y="T47"/>
                </a:cxn>
                <a:cxn ang="T142">
                  <a:pos x="T48" y="T49"/>
                </a:cxn>
                <a:cxn ang="T143">
                  <a:pos x="T50" y="T51"/>
                </a:cxn>
                <a:cxn ang="T144">
                  <a:pos x="T52" y="T53"/>
                </a:cxn>
                <a:cxn ang="T145">
                  <a:pos x="T54" y="T55"/>
                </a:cxn>
                <a:cxn ang="T146">
                  <a:pos x="T56" y="T57"/>
                </a:cxn>
                <a:cxn ang="T147">
                  <a:pos x="T58" y="T59"/>
                </a:cxn>
                <a:cxn ang="T148">
                  <a:pos x="T60" y="T61"/>
                </a:cxn>
                <a:cxn ang="T149">
                  <a:pos x="T62" y="T63"/>
                </a:cxn>
                <a:cxn ang="T150">
                  <a:pos x="T64" y="T65"/>
                </a:cxn>
                <a:cxn ang="T151">
                  <a:pos x="T66" y="T67"/>
                </a:cxn>
                <a:cxn ang="T152">
                  <a:pos x="T68" y="T69"/>
                </a:cxn>
                <a:cxn ang="T153">
                  <a:pos x="T70" y="T71"/>
                </a:cxn>
                <a:cxn ang="T154">
                  <a:pos x="T72" y="T73"/>
                </a:cxn>
                <a:cxn ang="T155">
                  <a:pos x="T74" y="T75"/>
                </a:cxn>
                <a:cxn ang="T156">
                  <a:pos x="T76" y="T77"/>
                </a:cxn>
                <a:cxn ang="T157">
                  <a:pos x="T78" y="T79"/>
                </a:cxn>
                <a:cxn ang="T158">
                  <a:pos x="T80" y="T81"/>
                </a:cxn>
                <a:cxn ang="T159">
                  <a:pos x="T82" y="T83"/>
                </a:cxn>
                <a:cxn ang="T160">
                  <a:pos x="T84" y="T85"/>
                </a:cxn>
                <a:cxn ang="T161">
                  <a:pos x="T86" y="T87"/>
                </a:cxn>
                <a:cxn ang="T162">
                  <a:pos x="T88" y="T89"/>
                </a:cxn>
                <a:cxn ang="T163">
                  <a:pos x="T90" y="T91"/>
                </a:cxn>
                <a:cxn ang="T164">
                  <a:pos x="T92" y="T93"/>
                </a:cxn>
                <a:cxn ang="T165">
                  <a:pos x="T94" y="T95"/>
                </a:cxn>
                <a:cxn ang="T166">
                  <a:pos x="T96" y="T97"/>
                </a:cxn>
                <a:cxn ang="T167">
                  <a:pos x="T98" y="T99"/>
                </a:cxn>
                <a:cxn ang="T168">
                  <a:pos x="T100" y="T101"/>
                </a:cxn>
                <a:cxn ang="T169">
                  <a:pos x="T102" y="T103"/>
                </a:cxn>
                <a:cxn ang="T170">
                  <a:pos x="T104" y="T105"/>
                </a:cxn>
                <a:cxn ang="T171">
                  <a:pos x="T106" y="T107"/>
                </a:cxn>
                <a:cxn ang="T172">
                  <a:pos x="T108" y="T109"/>
                </a:cxn>
                <a:cxn ang="T173">
                  <a:pos x="T110" y="T111"/>
                </a:cxn>
                <a:cxn ang="T174">
                  <a:pos x="T112" y="T113"/>
                </a:cxn>
                <a:cxn ang="T175">
                  <a:pos x="T114" y="T115"/>
                </a:cxn>
                <a:cxn ang="T176">
                  <a:pos x="T116" y="T117"/>
                </a:cxn>
              </a:cxnLst>
              <a:rect l="T177" t="T178" r="T179" b="T180"/>
              <a:pathLst>
                <a:path w="1589" h="2074">
                  <a:moveTo>
                    <a:pt x="1371" y="65"/>
                  </a:moveTo>
                  <a:cubicBezTo>
                    <a:pt x="1336" y="35"/>
                    <a:pt x="1251" y="0"/>
                    <a:pt x="1221" y="5"/>
                  </a:cubicBezTo>
                  <a:cubicBezTo>
                    <a:pt x="1191" y="10"/>
                    <a:pt x="1208" y="68"/>
                    <a:pt x="1191" y="93"/>
                  </a:cubicBezTo>
                  <a:cubicBezTo>
                    <a:pt x="1174" y="118"/>
                    <a:pt x="1147" y="125"/>
                    <a:pt x="1117" y="153"/>
                  </a:cubicBezTo>
                  <a:cubicBezTo>
                    <a:pt x="1087" y="181"/>
                    <a:pt x="1036" y="221"/>
                    <a:pt x="1011" y="261"/>
                  </a:cubicBezTo>
                  <a:cubicBezTo>
                    <a:pt x="986" y="301"/>
                    <a:pt x="989" y="361"/>
                    <a:pt x="967" y="393"/>
                  </a:cubicBezTo>
                  <a:cubicBezTo>
                    <a:pt x="945" y="425"/>
                    <a:pt x="907" y="443"/>
                    <a:pt x="877" y="453"/>
                  </a:cubicBezTo>
                  <a:cubicBezTo>
                    <a:pt x="847" y="463"/>
                    <a:pt x="814" y="445"/>
                    <a:pt x="787" y="453"/>
                  </a:cubicBezTo>
                  <a:cubicBezTo>
                    <a:pt x="760" y="461"/>
                    <a:pt x="751" y="498"/>
                    <a:pt x="711" y="501"/>
                  </a:cubicBezTo>
                  <a:cubicBezTo>
                    <a:pt x="671" y="504"/>
                    <a:pt x="589" y="489"/>
                    <a:pt x="547" y="469"/>
                  </a:cubicBezTo>
                  <a:cubicBezTo>
                    <a:pt x="505" y="449"/>
                    <a:pt x="487" y="396"/>
                    <a:pt x="457" y="381"/>
                  </a:cubicBezTo>
                  <a:cubicBezTo>
                    <a:pt x="427" y="366"/>
                    <a:pt x="395" y="369"/>
                    <a:pt x="367" y="381"/>
                  </a:cubicBezTo>
                  <a:cubicBezTo>
                    <a:pt x="339" y="393"/>
                    <a:pt x="316" y="428"/>
                    <a:pt x="291" y="453"/>
                  </a:cubicBezTo>
                  <a:cubicBezTo>
                    <a:pt x="266" y="478"/>
                    <a:pt x="234" y="499"/>
                    <a:pt x="217" y="529"/>
                  </a:cubicBezTo>
                  <a:cubicBezTo>
                    <a:pt x="200" y="559"/>
                    <a:pt x="205" y="606"/>
                    <a:pt x="187" y="633"/>
                  </a:cubicBezTo>
                  <a:cubicBezTo>
                    <a:pt x="169" y="660"/>
                    <a:pt x="141" y="663"/>
                    <a:pt x="111" y="693"/>
                  </a:cubicBezTo>
                  <a:cubicBezTo>
                    <a:pt x="81" y="723"/>
                    <a:pt x="14" y="768"/>
                    <a:pt x="7" y="813"/>
                  </a:cubicBezTo>
                  <a:cubicBezTo>
                    <a:pt x="0" y="858"/>
                    <a:pt x="45" y="955"/>
                    <a:pt x="67" y="965"/>
                  </a:cubicBezTo>
                  <a:cubicBezTo>
                    <a:pt x="89" y="975"/>
                    <a:pt x="109" y="900"/>
                    <a:pt x="141" y="873"/>
                  </a:cubicBezTo>
                  <a:cubicBezTo>
                    <a:pt x="173" y="846"/>
                    <a:pt x="223" y="813"/>
                    <a:pt x="261" y="801"/>
                  </a:cubicBezTo>
                  <a:cubicBezTo>
                    <a:pt x="299" y="789"/>
                    <a:pt x="322" y="809"/>
                    <a:pt x="367" y="801"/>
                  </a:cubicBezTo>
                  <a:cubicBezTo>
                    <a:pt x="412" y="793"/>
                    <a:pt x="486" y="748"/>
                    <a:pt x="531" y="753"/>
                  </a:cubicBezTo>
                  <a:cubicBezTo>
                    <a:pt x="576" y="758"/>
                    <a:pt x="619" y="789"/>
                    <a:pt x="637" y="829"/>
                  </a:cubicBezTo>
                  <a:cubicBezTo>
                    <a:pt x="655" y="869"/>
                    <a:pt x="637" y="950"/>
                    <a:pt x="637" y="993"/>
                  </a:cubicBezTo>
                  <a:cubicBezTo>
                    <a:pt x="637" y="1036"/>
                    <a:pt x="610" y="1067"/>
                    <a:pt x="637" y="1085"/>
                  </a:cubicBezTo>
                  <a:cubicBezTo>
                    <a:pt x="664" y="1103"/>
                    <a:pt x="774" y="1076"/>
                    <a:pt x="801" y="1101"/>
                  </a:cubicBezTo>
                  <a:cubicBezTo>
                    <a:pt x="828" y="1126"/>
                    <a:pt x="796" y="1188"/>
                    <a:pt x="801" y="1233"/>
                  </a:cubicBezTo>
                  <a:cubicBezTo>
                    <a:pt x="806" y="1278"/>
                    <a:pt x="823" y="1329"/>
                    <a:pt x="831" y="1369"/>
                  </a:cubicBezTo>
                  <a:cubicBezTo>
                    <a:pt x="839" y="1409"/>
                    <a:pt x="852" y="1430"/>
                    <a:pt x="847" y="1473"/>
                  </a:cubicBezTo>
                  <a:cubicBezTo>
                    <a:pt x="842" y="1516"/>
                    <a:pt x="801" y="1582"/>
                    <a:pt x="801" y="1625"/>
                  </a:cubicBezTo>
                  <a:cubicBezTo>
                    <a:pt x="801" y="1668"/>
                    <a:pt x="852" y="1684"/>
                    <a:pt x="847" y="1729"/>
                  </a:cubicBezTo>
                  <a:cubicBezTo>
                    <a:pt x="842" y="1774"/>
                    <a:pt x="781" y="1838"/>
                    <a:pt x="771" y="1893"/>
                  </a:cubicBezTo>
                  <a:cubicBezTo>
                    <a:pt x="761" y="1948"/>
                    <a:pt x="779" y="2048"/>
                    <a:pt x="787" y="2061"/>
                  </a:cubicBezTo>
                  <a:cubicBezTo>
                    <a:pt x="795" y="2074"/>
                    <a:pt x="807" y="2019"/>
                    <a:pt x="817" y="1969"/>
                  </a:cubicBezTo>
                  <a:cubicBezTo>
                    <a:pt x="827" y="1919"/>
                    <a:pt x="830" y="1824"/>
                    <a:pt x="847" y="1761"/>
                  </a:cubicBezTo>
                  <a:cubicBezTo>
                    <a:pt x="864" y="1698"/>
                    <a:pt x="904" y="1661"/>
                    <a:pt x="921" y="1593"/>
                  </a:cubicBezTo>
                  <a:cubicBezTo>
                    <a:pt x="938" y="1525"/>
                    <a:pt x="946" y="1410"/>
                    <a:pt x="951" y="1353"/>
                  </a:cubicBezTo>
                  <a:cubicBezTo>
                    <a:pt x="956" y="1296"/>
                    <a:pt x="926" y="1231"/>
                    <a:pt x="951" y="1249"/>
                  </a:cubicBezTo>
                  <a:cubicBezTo>
                    <a:pt x="976" y="1267"/>
                    <a:pt x="1056" y="1416"/>
                    <a:pt x="1101" y="1461"/>
                  </a:cubicBezTo>
                  <a:cubicBezTo>
                    <a:pt x="1146" y="1506"/>
                    <a:pt x="1186" y="1494"/>
                    <a:pt x="1221" y="1521"/>
                  </a:cubicBezTo>
                  <a:cubicBezTo>
                    <a:pt x="1256" y="1548"/>
                    <a:pt x="1286" y="1593"/>
                    <a:pt x="1311" y="1625"/>
                  </a:cubicBezTo>
                  <a:cubicBezTo>
                    <a:pt x="1336" y="1657"/>
                    <a:pt x="1343" y="1688"/>
                    <a:pt x="1371" y="1713"/>
                  </a:cubicBezTo>
                  <a:cubicBezTo>
                    <a:pt x="1399" y="1738"/>
                    <a:pt x="1442" y="1758"/>
                    <a:pt x="1477" y="1773"/>
                  </a:cubicBezTo>
                  <a:cubicBezTo>
                    <a:pt x="1512" y="1788"/>
                    <a:pt x="1589" y="1827"/>
                    <a:pt x="1581" y="1805"/>
                  </a:cubicBezTo>
                  <a:cubicBezTo>
                    <a:pt x="1573" y="1783"/>
                    <a:pt x="1468" y="1688"/>
                    <a:pt x="1431" y="1641"/>
                  </a:cubicBezTo>
                  <a:cubicBezTo>
                    <a:pt x="1394" y="1594"/>
                    <a:pt x="1392" y="1564"/>
                    <a:pt x="1357" y="1521"/>
                  </a:cubicBezTo>
                  <a:cubicBezTo>
                    <a:pt x="1322" y="1478"/>
                    <a:pt x="1259" y="1430"/>
                    <a:pt x="1221" y="1385"/>
                  </a:cubicBezTo>
                  <a:cubicBezTo>
                    <a:pt x="1183" y="1340"/>
                    <a:pt x="1158" y="1294"/>
                    <a:pt x="1131" y="1249"/>
                  </a:cubicBezTo>
                  <a:cubicBezTo>
                    <a:pt x="1104" y="1204"/>
                    <a:pt x="1084" y="1163"/>
                    <a:pt x="1057" y="1113"/>
                  </a:cubicBezTo>
                  <a:cubicBezTo>
                    <a:pt x="1030" y="1063"/>
                    <a:pt x="990" y="991"/>
                    <a:pt x="967" y="949"/>
                  </a:cubicBezTo>
                  <a:cubicBezTo>
                    <a:pt x="944" y="907"/>
                    <a:pt x="936" y="894"/>
                    <a:pt x="921" y="861"/>
                  </a:cubicBezTo>
                  <a:cubicBezTo>
                    <a:pt x="906" y="828"/>
                    <a:pt x="867" y="803"/>
                    <a:pt x="877" y="753"/>
                  </a:cubicBezTo>
                  <a:cubicBezTo>
                    <a:pt x="887" y="703"/>
                    <a:pt x="944" y="593"/>
                    <a:pt x="981" y="561"/>
                  </a:cubicBezTo>
                  <a:cubicBezTo>
                    <a:pt x="1018" y="529"/>
                    <a:pt x="1076" y="584"/>
                    <a:pt x="1101" y="561"/>
                  </a:cubicBezTo>
                  <a:cubicBezTo>
                    <a:pt x="1126" y="538"/>
                    <a:pt x="1113" y="470"/>
                    <a:pt x="1131" y="425"/>
                  </a:cubicBezTo>
                  <a:cubicBezTo>
                    <a:pt x="1149" y="380"/>
                    <a:pt x="1172" y="322"/>
                    <a:pt x="1207" y="289"/>
                  </a:cubicBezTo>
                  <a:cubicBezTo>
                    <a:pt x="1242" y="256"/>
                    <a:pt x="1304" y="246"/>
                    <a:pt x="1341" y="229"/>
                  </a:cubicBezTo>
                  <a:cubicBezTo>
                    <a:pt x="1378" y="212"/>
                    <a:pt x="1421" y="215"/>
                    <a:pt x="1431" y="185"/>
                  </a:cubicBezTo>
                  <a:cubicBezTo>
                    <a:pt x="1441" y="155"/>
                    <a:pt x="1406" y="95"/>
                    <a:pt x="1371" y="65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885" name="Freeform 161"/>
            <xdr:cNvSpPr>
              <a:spLocks/>
            </xdr:cNvSpPr>
          </xdr:nvSpPr>
          <xdr:spPr bwMode="auto">
            <a:xfrm>
              <a:off x="132" y="741"/>
              <a:ext cx="57" cy="73"/>
            </a:xfrm>
            <a:custGeom>
              <a:avLst/>
              <a:gdLst>
                <a:gd name="T0" fmla="*/ 45 w 57"/>
                <a:gd name="T1" fmla="*/ 73 h 73"/>
                <a:gd name="T2" fmla="*/ 43 w 57"/>
                <a:gd name="T3" fmla="*/ 68 h 73"/>
                <a:gd name="T4" fmla="*/ 35 w 57"/>
                <a:gd name="T5" fmla="*/ 68 h 73"/>
                <a:gd name="T6" fmla="*/ 32 w 57"/>
                <a:gd name="T7" fmla="*/ 72 h 73"/>
                <a:gd name="T8" fmla="*/ 28 w 57"/>
                <a:gd name="T9" fmla="*/ 65 h 73"/>
                <a:gd name="T10" fmla="*/ 28 w 57"/>
                <a:gd name="T11" fmla="*/ 60 h 73"/>
                <a:gd name="T12" fmla="*/ 21 w 57"/>
                <a:gd name="T13" fmla="*/ 57 h 73"/>
                <a:gd name="T14" fmla="*/ 21 w 57"/>
                <a:gd name="T15" fmla="*/ 52 h 73"/>
                <a:gd name="T16" fmla="*/ 15 w 57"/>
                <a:gd name="T17" fmla="*/ 47 h 73"/>
                <a:gd name="T18" fmla="*/ 15 w 57"/>
                <a:gd name="T19" fmla="*/ 42 h 73"/>
                <a:gd name="T20" fmla="*/ 15 w 57"/>
                <a:gd name="T21" fmla="*/ 38 h 73"/>
                <a:gd name="T22" fmla="*/ 16 w 57"/>
                <a:gd name="T23" fmla="*/ 33 h 73"/>
                <a:gd name="T24" fmla="*/ 13 w 57"/>
                <a:gd name="T25" fmla="*/ 28 h 73"/>
                <a:gd name="T26" fmla="*/ 7 w 57"/>
                <a:gd name="T27" fmla="*/ 24 h 73"/>
                <a:gd name="T28" fmla="*/ 7 w 57"/>
                <a:gd name="T29" fmla="*/ 20 h 73"/>
                <a:gd name="T30" fmla="*/ 6 w 57"/>
                <a:gd name="T31" fmla="*/ 16 h 73"/>
                <a:gd name="T32" fmla="*/ 1 w 57"/>
                <a:gd name="T33" fmla="*/ 12 h 73"/>
                <a:gd name="T34" fmla="*/ 0 w 57"/>
                <a:gd name="T35" fmla="*/ 6 h 73"/>
                <a:gd name="T36" fmla="*/ 1 w 57"/>
                <a:gd name="T37" fmla="*/ 2 h 73"/>
                <a:gd name="T38" fmla="*/ 6 w 57"/>
                <a:gd name="T39" fmla="*/ 0 h 73"/>
                <a:gd name="T40" fmla="*/ 10 w 57"/>
                <a:gd name="T41" fmla="*/ 1 h 73"/>
                <a:gd name="T42" fmla="*/ 16 w 57"/>
                <a:gd name="T43" fmla="*/ 5 h 73"/>
                <a:gd name="T44" fmla="*/ 16 w 57"/>
                <a:gd name="T45" fmla="*/ 9 h 73"/>
                <a:gd name="T46" fmla="*/ 17 w 57"/>
                <a:gd name="T47" fmla="*/ 17 h 73"/>
                <a:gd name="T48" fmla="*/ 19 w 57"/>
                <a:gd name="T49" fmla="*/ 24 h 73"/>
                <a:gd name="T50" fmla="*/ 23 w 57"/>
                <a:gd name="T51" fmla="*/ 31 h 73"/>
                <a:gd name="T52" fmla="*/ 27 w 57"/>
                <a:gd name="T53" fmla="*/ 37 h 73"/>
                <a:gd name="T54" fmla="*/ 32 w 57"/>
                <a:gd name="T55" fmla="*/ 41 h 73"/>
                <a:gd name="T56" fmla="*/ 38 w 57"/>
                <a:gd name="T57" fmla="*/ 45 h 73"/>
                <a:gd name="T58" fmla="*/ 44 w 57"/>
                <a:gd name="T59" fmla="*/ 49 h 73"/>
                <a:gd name="T60" fmla="*/ 53 w 57"/>
                <a:gd name="T61" fmla="*/ 53 h 73"/>
                <a:gd name="T62" fmla="*/ 57 w 57"/>
                <a:gd name="T63" fmla="*/ 53 h 73"/>
                <a:gd name="T64" fmla="*/ 56 w 57"/>
                <a:gd name="T65" fmla="*/ 57 h 73"/>
                <a:gd name="T66" fmla="*/ 53 w 57"/>
                <a:gd name="T67" fmla="*/ 61 h 73"/>
                <a:gd name="T68" fmla="*/ 47 w 57"/>
                <a:gd name="T69" fmla="*/ 62 h 73"/>
                <a:gd name="T70" fmla="*/ 51 w 57"/>
                <a:gd name="T71" fmla="*/ 67 h 73"/>
                <a:gd name="T72" fmla="*/ 45 w 57"/>
                <a:gd name="T73" fmla="*/ 73 h 73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w 57"/>
                <a:gd name="T112" fmla="*/ 0 h 73"/>
                <a:gd name="T113" fmla="*/ 57 w 57"/>
                <a:gd name="T114" fmla="*/ 73 h 73"/>
              </a:gdLst>
              <a:ahLst/>
              <a:cxnLst>
                <a:cxn ang="T74">
                  <a:pos x="T0" y="T1"/>
                </a:cxn>
                <a:cxn ang="T75">
                  <a:pos x="T2" y="T3"/>
                </a:cxn>
                <a:cxn ang="T76">
                  <a:pos x="T4" y="T5"/>
                </a:cxn>
                <a:cxn ang="T77">
                  <a:pos x="T6" y="T7"/>
                </a:cxn>
                <a:cxn ang="T78">
                  <a:pos x="T8" y="T9"/>
                </a:cxn>
                <a:cxn ang="T79">
                  <a:pos x="T10" y="T11"/>
                </a:cxn>
                <a:cxn ang="T80">
                  <a:pos x="T12" y="T13"/>
                </a:cxn>
                <a:cxn ang="T81">
                  <a:pos x="T14" y="T15"/>
                </a:cxn>
                <a:cxn ang="T82">
                  <a:pos x="T16" y="T17"/>
                </a:cxn>
                <a:cxn ang="T83">
                  <a:pos x="T18" y="T19"/>
                </a:cxn>
                <a:cxn ang="T84">
                  <a:pos x="T20" y="T21"/>
                </a:cxn>
                <a:cxn ang="T85">
                  <a:pos x="T22" y="T23"/>
                </a:cxn>
                <a:cxn ang="T86">
                  <a:pos x="T24" y="T25"/>
                </a:cxn>
                <a:cxn ang="T87">
                  <a:pos x="T26" y="T27"/>
                </a:cxn>
                <a:cxn ang="T88">
                  <a:pos x="T28" y="T29"/>
                </a:cxn>
                <a:cxn ang="T89">
                  <a:pos x="T30" y="T31"/>
                </a:cxn>
                <a:cxn ang="T90">
                  <a:pos x="T32" y="T33"/>
                </a:cxn>
                <a:cxn ang="T91">
                  <a:pos x="T34" y="T35"/>
                </a:cxn>
                <a:cxn ang="T92">
                  <a:pos x="T36" y="T37"/>
                </a:cxn>
                <a:cxn ang="T93">
                  <a:pos x="T38" y="T39"/>
                </a:cxn>
                <a:cxn ang="T94">
                  <a:pos x="T40" y="T41"/>
                </a:cxn>
                <a:cxn ang="T95">
                  <a:pos x="T42" y="T43"/>
                </a:cxn>
                <a:cxn ang="T96">
                  <a:pos x="T44" y="T45"/>
                </a:cxn>
                <a:cxn ang="T97">
                  <a:pos x="T46" y="T47"/>
                </a:cxn>
                <a:cxn ang="T98">
                  <a:pos x="T48" y="T49"/>
                </a:cxn>
                <a:cxn ang="T99">
                  <a:pos x="T50" y="T51"/>
                </a:cxn>
                <a:cxn ang="T100">
                  <a:pos x="T52" y="T53"/>
                </a:cxn>
                <a:cxn ang="T101">
                  <a:pos x="T54" y="T55"/>
                </a:cxn>
                <a:cxn ang="T102">
                  <a:pos x="T56" y="T57"/>
                </a:cxn>
                <a:cxn ang="T103">
                  <a:pos x="T58" y="T59"/>
                </a:cxn>
                <a:cxn ang="T104">
                  <a:pos x="T60" y="T61"/>
                </a:cxn>
                <a:cxn ang="T105">
                  <a:pos x="T62" y="T63"/>
                </a:cxn>
                <a:cxn ang="T106">
                  <a:pos x="T64" y="T65"/>
                </a:cxn>
                <a:cxn ang="T107">
                  <a:pos x="T66" y="T67"/>
                </a:cxn>
                <a:cxn ang="T108">
                  <a:pos x="T68" y="T69"/>
                </a:cxn>
                <a:cxn ang="T109">
                  <a:pos x="T70" y="T71"/>
                </a:cxn>
                <a:cxn ang="T110">
                  <a:pos x="T72" y="T73"/>
                </a:cxn>
              </a:cxnLst>
              <a:rect l="T111" t="T112" r="T113" b="T114"/>
              <a:pathLst>
                <a:path w="57" h="73">
                  <a:moveTo>
                    <a:pt x="45" y="73"/>
                  </a:moveTo>
                  <a:cubicBezTo>
                    <a:pt x="44" y="73"/>
                    <a:pt x="45" y="69"/>
                    <a:pt x="43" y="68"/>
                  </a:cubicBezTo>
                  <a:cubicBezTo>
                    <a:pt x="41" y="67"/>
                    <a:pt x="37" y="67"/>
                    <a:pt x="35" y="68"/>
                  </a:cubicBezTo>
                  <a:cubicBezTo>
                    <a:pt x="33" y="69"/>
                    <a:pt x="33" y="72"/>
                    <a:pt x="32" y="72"/>
                  </a:cubicBezTo>
                  <a:cubicBezTo>
                    <a:pt x="31" y="72"/>
                    <a:pt x="29" y="67"/>
                    <a:pt x="28" y="65"/>
                  </a:cubicBezTo>
                  <a:cubicBezTo>
                    <a:pt x="27" y="63"/>
                    <a:pt x="29" y="61"/>
                    <a:pt x="28" y="60"/>
                  </a:cubicBezTo>
                  <a:cubicBezTo>
                    <a:pt x="27" y="59"/>
                    <a:pt x="22" y="58"/>
                    <a:pt x="21" y="57"/>
                  </a:cubicBezTo>
                  <a:cubicBezTo>
                    <a:pt x="20" y="56"/>
                    <a:pt x="22" y="54"/>
                    <a:pt x="21" y="52"/>
                  </a:cubicBezTo>
                  <a:cubicBezTo>
                    <a:pt x="20" y="50"/>
                    <a:pt x="16" y="49"/>
                    <a:pt x="15" y="47"/>
                  </a:cubicBezTo>
                  <a:cubicBezTo>
                    <a:pt x="14" y="45"/>
                    <a:pt x="15" y="43"/>
                    <a:pt x="15" y="42"/>
                  </a:cubicBezTo>
                  <a:cubicBezTo>
                    <a:pt x="15" y="41"/>
                    <a:pt x="15" y="39"/>
                    <a:pt x="15" y="38"/>
                  </a:cubicBezTo>
                  <a:cubicBezTo>
                    <a:pt x="15" y="37"/>
                    <a:pt x="16" y="35"/>
                    <a:pt x="16" y="33"/>
                  </a:cubicBezTo>
                  <a:cubicBezTo>
                    <a:pt x="16" y="31"/>
                    <a:pt x="14" y="29"/>
                    <a:pt x="13" y="28"/>
                  </a:cubicBezTo>
                  <a:cubicBezTo>
                    <a:pt x="12" y="27"/>
                    <a:pt x="8" y="25"/>
                    <a:pt x="7" y="24"/>
                  </a:cubicBezTo>
                  <a:cubicBezTo>
                    <a:pt x="6" y="23"/>
                    <a:pt x="7" y="21"/>
                    <a:pt x="7" y="20"/>
                  </a:cubicBezTo>
                  <a:cubicBezTo>
                    <a:pt x="7" y="19"/>
                    <a:pt x="7" y="17"/>
                    <a:pt x="6" y="16"/>
                  </a:cubicBezTo>
                  <a:cubicBezTo>
                    <a:pt x="5" y="15"/>
                    <a:pt x="2" y="14"/>
                    <a:pt x="1" y="12"/>
                  </a:cubicBezTo>
                  <a:cubicBezTo>
                    <a:pt x="0" y="10"/>
                    <a:pt x="0" y="8"/>
                    <a:pt x="0" y="6"/>
                  </a:cubicBezTo>
                  <a:cubicBezTo>
                    <a:pt x="0" y="4"/>
                    <a:pt x="0" y="3"/>
                    <a:pt x="1" y="2"/>
                  </a:cubicBezTo>
                  <a:cubicBezTo>
                    <a:pt x="2" y="1"/>
                    <a:pt x="5" y="0"/>
                    <a:pt x="6" y="0"/>
                  </a:cubicBezTo>
                  <a:cubicBezTo>
                    <a:pt x="7" y="0"/>
                    <a:pt x="8" y="0"/>
                    <a:pt x="10" y="1"/>
                  </a:cubicBezTo>
                  <a:cubicBezTo>
                    <a:pt x="12" y="2"/>
                    <a:pt x="15" y="4"/>
                    <a:pt x="16" y="5"/>
                  </a:cubicBezTo>
                  <a:cubicBezTo>
                    <a:pt x="17" y="6"/>
                    <a:pt x="16" y="7"/>
                    <a:pt x="16" y="9"/>
                  </a:cubicBezTo>
                  <a:cubicBezTo>
                    <a:pt x="16" y="11"/>
                    <a:pt x="17" y="15"/>
                    <a:pt x="17" y="17"/>
                  </a:cubicBezTo>
                  <a:cubicBezTo>
                    <a:pt x="17" y="19"/>
                    <a:pt x="18" y="22"/>
                    <a:pt x="19" y="24"/>
                  </a:cubicBezTo>
                  <a:cubicBezTo>
                    <a:pt x="20" y="26"/>
                    <a:pt x="22" y="29"/>
                    <a:pt x="23" y="31"/>
                  </a:cubicBezTo>
                  <a:cubicBezTo>
                    <a:pt x="24" y="33"/>
                    <a:pt x="26" y="35"/>
                    <a:pt x="27" y="37"/>
                  </a:cubicBezTo>
                  <a:cubicBezTo>
                    <a:pt x="28" y="39"/>
                    <a:pt x="30" y="40"/>
                    <a:pt x="32" y="41"/>
                  </a:cubicBezTo>
                  <a:cubicBezTo>
                    <a:pt x="34" y="42"/>
                    <a:pt x="36" y="44"/>
                    <a:pt x="38" y="45"/>
                  </a:cubicBezTo>
                  <a:cubicBezTo>
                    <a:pt x="40" y="46"/>
                    <a:pt x="42" y="48"/>
                    <a:pt x="44" y="49"/>
                  </a:cubicBezTo>
                  <a:cubicBezTo>
                    <a:pt x="46" y="50"/>
                    <a:pt x="51" y="52"/>
                    <a:pt x="53" y="53"/>
                  </a:cubicBezTo>
                  <a:cubicBezTo>
                    <a:pt x="55" y="54"/>
                    <a:pt x="57" y="52"/>
                    <a:pt x="57" y="53"/>
                  </a:cubicBezTo>
                  <a:cubicBezTo>
                    <a:pt x="57" y="54"/>
                    <a:pt x="57" y="56"/>
                    <a:pt x="56" y="57"/>
                  </a:cubicBezTo>
                  <a:cubicBezTo>
                    <a:pt x="55" y="58"/>
                    <a:pt x="54" y="60"/>
                    <a:pt x="53" y="61"/>
                  </a:cubicBezTo>
                  <a:cubicBezTo>
                    <a:pt x="52" y="62"/>
                    <a:pt x="47" y="61"/>
                    <a:pt x="47" y="62"/>
                  </a:cubicBezTo>
                  <a:cubicBezTo>
                    <a:pt x="47" y="63"/>
                    <a:pt x="51" y="66"/>
                    <a:pt x="51" y="67"/>
                  </a:cubicBezTo>
                  <a:cubicBezTo>
                    <a:pt x="51" y="68"/>
                    <a:pt x="46" y="73"/>
                    <a:pt x="45" y="73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</xdr:grpSp>
      <xdr:sp macro="" textlink="">
        <xdr:nvSpPr>
          <xdr:cNvPr id="149830" name="d14215"/>
          <xdr:cNvSpPr>
            <a:spLocks/>
          </xdr:cNvSpPr>
        </xdr:nvSpPr>
        <xdr:spPr bwMode="auto">
          <a:xfrm>
            <a:off x="5695950" y="4000500"/>
            <a:ext cx="771525" cy="1066800"/>
          </a:xfrm>
          <a:custGeom>
            <a:avLst/>
            <a:gdLst>
              <a:gd name="T0" fmla="*/ 2147483646 w 81"/>
              <a:gd name="T1" fmla="*/ 2147483646 h 112"/>
              <a:gd name="T2" fmla="*/ 2147483646 w 81"/>
              <a:gd name="T3" fmla="*/ 2147483646 h 112"/>
              <a:gd name="T4" fmla="*/ 2147483646 w 81"/>
              <a:gd name="T5" fmla="*/ 2147483646 h 112"/>
              <a:gd name="T6" fmla="*/ 2147483646 w 81"/>
              <a:gd name="T7" fmla="*/ 2147483646 h 112"/>
              <a:gd name="T8" fmla="*/ 2147483646 w 81"/>
              <a:gd name="T9" fmla="*/ 2147483646 h 112"/>
              <a:gd name="T10" fmla="*/ 2147483646 w 81"/>
              <a:gd name="T11" fmla="*/ 2147483646 h 112"/>
              <a:gd name="T12" fmla="*/ 2147483646 w 81"/>
              <a:gd name="T13" fmla="*/ 2147483646 h 112"/>
              <a:gd name="T14" fmla="*/ 2147483646 w 81"/>
              <a:gd name="T15" fmla="*/ 2147483646 h 112"/>
              <a:gd name="T16" fmla="*/ 2147483646 w 81"/>
              <a:gd name="T17" fmla="*/ 2147483646 h 112"/>
              <a:gd name="T18" fmla="*/ 2147483646 w 81"/>
              <a:gd name="T19" fmla="*/ 2147483646 h 112"/>
              <a:gd name="T20" fmla="*/ 2147483646 w 81"/>
              <a:gd name="T21" fmla="*/ 2147483646 h 112"/>
              <a:gd name="T22" fmla="*/ 2147483646 w 81"/>
              <a:gd name="T23" fmla="*/ 2147483646 h 112"/>
              <a:gd name="T24" fmla="*/ 2147483646 w 81"/>
              <a:gd name="T25" fmla="*/ 2147483646 h 112"/>
              <a:gd name="T26" fmla="*/ 0 w 81"/>
              <a:gd name="T27" fmla="*/ 2147483646 h 112"/>
              <a:gd name="T28" fmla="*/ 2147483646 w 81"/>
              <a:gd name="T29" fmla="*/ 2147483646 h 112"/>
              <a:gd name="T30" fmla="*/ 2147483646 w 81"/>
              <a:gd name="T31" fmla="*/ 2147483646 h 112"/>
              <a:gd name="T32" fmla="*/ 2147483646 w 81"/>
              <a:gd name="T33" fmla="*/ 2147483646 h 112"/>
              <a:gd name="T34" fmla="*/ 2147483646 w 81"/>
              <a:gd name="T35" fmla="*/ 2147483646 h 112"/>
              <a:gd name="T36" fmla="*/ 2147483646 w 81"/>
              <a:gd name="T37" fmla="*/ 2147483646 h 112"/>
              <a:gd name="T38" fmla="*/ 2147483646 w 81"/>
              <a:gd name="T39" fmla="*/ 2147483646 h 112"/>
              <a:gd name="T40" fmla="*/ 2147483646 w 81"/>
              <a:gd name="T41" fmla="*/ 2147483646 h 112"/>
              <a:gd name="T42" fmla="*/ 2147483646 w 81"/>
              <a:gd name="T43" fmla="*/ 2147483646 h 112"/>
              <a:gd name="T44" fmla="*/ 2147483646 w 81"/>
              <a:gd name="T45" fmla="*/ 2147483646 h 112"/>
              <a:gd name="T46" fmla="*/ 2147483646 w 81"/>
              <a:gd name="T47" fmla="*/ 2147483646 h 112"/>
              <a:gd name="T48" fmla="*/ 2147483646 w 81"/>
              <a:gd name="T49" fmla="*/ 2147483646 h 112"/>
              <a:gd name="T50" fmla="*/ 2147483646 w 81"/>
              <a:gd name="T51" fmla="*/ 2147483646 h 112"/>
              <a:gd name="T52" fmla="*/ 2147483646 w 81"/>
              <a:gd name="T53" fmla="*/ 2147483646 h 112"/>
              <a:gd name="T54" fmla="*/ 2147483646 w 81"/>
              <a:gd name="T55" fmla="*/ 2147483646 h 112"/>
              <a:gd name="T56" fmla="*/ 2147483646 w 81"/>
              <a:gd name="T57" fmla="*/ 2147483646 h 112"/>
              <a:gd name="T58" fmla="*/ 2147483646 w 81"/>
              <a:gd name="T59" fmla="*/ 2147483646 h 112"/>
              <a:gd name="T60" fmla="*/ 2147483646 w 81"/>
              <a:gd name="T61" fmla="*/ 2147483646 h 112"/>
              <a:gd name="T62" fmla="*/ 2147483646 w 81"/>
              <a:gd name="T63" fmla="*/ 2147483646 h 112"/>
              <a:gd name="T64" fmla="*/ 2147483646 w 81"/>
              <a:gd name="T65" fmla="*/ 2147483646 h 112"/>
              <a:gd name="T66" fmla="*/ 2147483646 w 81"/>
              <a:gd name="T67" fmla="*/ 2147483646 h 112"/>
              <a:gd name="T68" fmla="*/ 2147483646 w 81"/>
              <a:gd name="T69" fmla="*/ 2147483646 h 112"/>
              <a:gd name="T70" fmla="*/ 2147483646 w 81"/>
              <a:gd name="T71" fmla="*/ 2147483646 h 112"/>
              <a:gd name="T72" fmla="*/ 2147483646 w 81"/>
              <a:gd name="T73" fmla="*/ 2147483646 h 112"/>
              <a:gd name="T74" fmla="*/ 2147483646 w 81"/>
              <a:gd name="T75" fmla="*/ 2147483646 h 112"/>
              <a:gd name="T76" fmla="*/ 2147483646 w 81"/>
              <a:gd name="T77" fmla="*/ 2147483646 h 112"/>
              <a:gd name="T78" fmla="*/ 2147483646 w 81"/>
              <a:gd name="T79" fmla="*/ 2147483646 h 112"/>
              <a:gd name="T80" fmla="*/ 2147483646 w 81"/>
              <a:gd name="T81" fmla="*/ 0 h 112"/>
              <a:gd name="T82" fmla="*/ 2147483646 w 81"/>
              <a:gd name="T83" fmla="*/ 2147483646 h 112"/>
              <a:gd name="T84" fmla="*/ 2147483646 w 81"/>
              <a:gd name="T85" fmla="*/ 2147483646 h 112"/>
              <a:gd name="T86" fmla="*/ 2147483646 w 81"/>
              <a:gd name="T87" fmla="*/ 2147483646 h 112"/>
              <a:gd name="T88" fmla="*/ 2147483646 w 81"/>
              <a:gd name="T89" fmla="*/ 2147483646 h 112"/>
              <a:gd name="T90" fmla="*/ 2147483646 w 81"/>
              <a:gd name="T91" fmla="*/ 2147483646 h 112"/>
              <a:gd name="T92" fmla="*/ 2147483646 w 81"/>
              <a:gd name="T93" fmla="*/ 2147483646 h 112"/>
              <a:gd name="T94" fmla="*/ 2147483646 w 81"/>
              <a:gd name="T95" fmla="*/ 2147483646 h 112"/>
              <a:gd name="T96" fmla="*/ 2147483646 w 81"/>
              <a:gd name="T97" fmla="*/ 2147483646 h 112"/>
              <a:gd name="T98" fmla="*/ 2147483646 w 81"/>
              <a:gd name="T99" fmla="*/ 2147483646 h 112"/>
              <a:gd name="T100" fmla="*/ 2147483646 w 81"/>
              <a:gd name="T101" fmla="*/ 2147483646 h 112"/>
              <a:gd name="T102" fmla="*/ 2147483646 w 81"/>
              <a:gd name="T103" fmla="*/ 2147483646 h 112"/>
              <a:gd name="T104" fmla="*/ 2147483646 w 81"/>
              <a:gd name="T105" fmla="*/ 2147483646 h 112"/>
              <a:gd name="T106" fmla="*/ 2147483646 w 81"/>
              <a:gd name="T107" fmla="*/ 2147483646 h 112"/>
              <a:gd name="T108" fmla="*/ 2147483646 w 81"/>
              <a:gd name="T109" fmla="*/ 2147483646 h 112"/>
              <a:gd name="T110" fmla="*/ 2147483646 w 81"/>
              <a:gd name="T111" fmla="*/ 2147483646 h 112"/>
              <a:gd name="T112" fmla="*/ 2147483646 w 81"/>
              <a:gd name="T113" fmla="*/ 2147483646 h 112"/>
              <a:gd name="T114" fmla="*/ 2147483646 w 81"/>
              <a:gd name="T115" fmla="*/ 2147483646 h 112"/>
              <a:gd name="T116" fmla="*/ 2147483646 w 81"/>
              <a:gd name="T117" fmla="*/ 2147483646 h 112"/>
              <a:gd name="T118" fmla="*/ 2147483646 w 81"/>
              <a:gd name="T119" fmla="*/ 2147483646 h 112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81"/>
              <a:gd name="T181" fmla="*/ 0 h 112"/>
              <a:gd name="T182" fmla="*/ 81 w 81"/>
              <a:gd name="T183" fmla="*/ 112 h 112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81" h="112">
                <a:moveTo>
                  <a:pt x="45" y="101"/>
                </a:moveTo>
                <a:lnTo>
                  <a:pt x="43" y="108"/>
                </a:lnTo>
                <a:lnTo>
                  <a:pt x="40" y="109"/>
                </a:lnTo>
                <a:lnTo>
                  <a:pt x="37" y="111"/>
                </a:lnTo>
                <a:lnTo>
                  <a:pt x="34" y="110"/>
                </a:lnTo>
                <a:lnTo>
                  <a:pt x="31" y="110"/>
                </a:lnTo>
                <a:lnTo>
                  <a:pt x="25" y="111"/>
                </a:lnTo>
                <a:lnTo>
                  <a:pt x="20" y="112"/>
                </a:lnTo>
                <a:lnTo>
                  <a:pt x="16" y="110"/>
                </a:lnTo>
                <a:lnTo>
                  <a:pt x="7" y="111"/>
                </a:lnTo>
                <a:lnTo>
                  <a:pt x="4" y="111"/>
                </a:lnTo>
                <a:lnTo>
                  <a:pt x="2" y="111"/>
                </a:lnTo>
                <a:lnTo>
                  <a:pt x="1" y="106"/>
                </a:lnTo>
                <a:lnTo>
                  <a:pt x="0" y="100"/>
                </a:lnTo>
                <a:lnTo>
                  <a:pt x="1" y="92"/>
                </a:lnTo>
                <a:lnTo>
                  <a:pt x="2" y="87"/>
                </a:lnTo>
                <a:lnTo>
                  <a:pt x="3" y="81"/>
                </a:lnTo>
                <a:lnTo>
                  <a:pt x="5" y="73"/>
                </a:lnTo>
                <a:lnTo>
                  <a:pt x="7" y="65"/>
                </a:lnTo>
                <a:lnTo>
                  <a:pt x="6" y="57"/>
                </a:lnTo>
                <a:lnTo>
                  <a:pt x="4" y="53"/>
                </a:lnTo>
                <a:lnTo>
                  <a:pt x="3" y="49"/>
                </a:lnTo>
                <a:lnTo>
                  <a:pt x="2" y="43"/>
                </a:lnTo>
                <a:lnTo>
                  <a:pt x="4" y="38"/>
                </a:lnTo>
                <a:lnTo>
                  <a:pt x="8" y="32"/>
                </a:lnTo>
                <a:lnTo>
                  <a:pt x="13" y="24"/>
                </a:lnTo>
                <a:lnTo>
                  <a:pt x="14" y="16"/>
                </a:lnTo>
                <a:lnTo>
                  <a:pt x="14" y="11"/>
                </a:lnTo>
                <a:lnTo>
                  <a:pt x="22" y="10"/>
                </a:lnTo>
                <a:lnTo>
                  <a:pt x="27" y="9"/>
                </a:lnTo>
                <a:lnTo>
                  <a:pt x="30" y="9"/>
                </a:lnTo>
                <a:lnTo>
                  <a:pt x="34" y="5"/>
                </a:lnTo>
                <a:lnTo>
                  <a:pt x="41" y="6"/>
                </a:lnTo>
                <a:lnTo>
                  <a:pt x="46" y="7"/>
                </a:lnTo>
                <a:lnTo>
                  <a:pt x="51" y="8"/>
                </a:lnTo>
                <a:lnTo>
                  <a:pt x="53" y="11"/>
                </a:lnTo>
                <a:lnTo>
                  <a:pt x="57" y="12"/>
                </a:lnTo>
                <a:lnTo>
                  <a:pt x="60" y="11"/>
                </a:lnTo>
                <a:lnTo>
                  <a:pt x="62" y="12"/>
                </a:lnTo>
                <a:lnTo>
                  <a:pt x="71" y="4"/>
                </a:lnTo>
                <a:lnTo>
                  <a:pt x="77" y="0"/>
                </a:lnTo>
                <a:lnTo>
                  <a:pt x="80" y="5"/>
                </a:lnTo>
                <a:lnTo>
                  <a:pt x="81" y="10"/>
                </a:lnTo>
                <a:lnTo>
                  <a:pt x="81" y="15"/>
                </a:lnTo>
                <a:lnTo>
                  <a:pt x="63" y="16"/>
                </a:lnTo>
                <a:lnTo>
                  <a:pt x="61" y="15"/>
                </a:lnTo>
                <a:lnTo>
                  <a:pt x="59" y="15"/>
                </a:lnTo>
                <a:lnTo>
                  <a:pt x="59" y="16"/>
                </a:lnTo>
                <a:lnTo>
                  <a:pt x="50" y="29"/>
                </a:lnTo>
                <a:lnTo>
                  <a:pt x="48" y="30"/>
                </a:lnTo>
                <a:lnTo>
                  <a:pt x="44" y="39"/>
                </a:lnTo>
                <a:lnTo>
                  <a:pt x="40" y="41"/>
                </a:lnTo>
                <a:lnTo>
                  <a:pt x="40" y="43"/>
                </a:lnTo>
                <a:lnTo>
                  <a:pt x="44" y="46"/>
                </a:lnTo>
                <a:lnTo>
                  <a:pt x="45" y="52"/>
                </a:lnTo>
                <a:lnTo>
                  <a:pt x="48" y="63"/>
                </a:lnTo>
                <a:lnTo>
                  <a:pt x="48" y="69"/>
                </a:lnTo>
                <a:lnTo>
                  <a:pt x="46" y="79"/>
                </a:lnTo>
                <a:lnTo>
                  <a:pt x="45" y="87"/>
                </a:lnTo>
                <a:lnTo>
                  <a:pt x="45" y="101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831" name="d14216"/>
          <xdr:cNvSpPr>
            <a:spLocks/>
          </xdr:cNvSpPr>
        </xdr:nvSpPr>
        <xdr:spPr bwMode="auto">
          <a:xfrm>
            <a:off x="5753100" y="3486150"/>
            <a:ext cx="733425" cy="628650"/>
          </a:xfrm>
          <a:custGeom>
            <a:avLst/>
            <a:gdLst>
              <a:gd name="T0" fmla="*/ 2147483646 w 77"/>
              <a:gd name="T1" fmla="*/ 2147483646 h 66"/>
              <a:gd name="T2" fmla="*/ 2147483646 w 77"/>
              <a:gd name="T3" fmla="*/ 2147483646 h 66"/>
              <a:gd name="T4" fmla="*/ 2147483646 w 77"/>
              <a:gd name="T5" fmla="*/ 2147483646 h 66"/>
              <a:gd name="T6" fmla="*/ 2147483646 w 77"/>
              <a:gd name="T7" fmla="*/ 2147483646 h 66"/>
              <a:gd name="T8" fmla="*/ 2147483646 w 77"/>
              <a:gd name="T9" fmla="*/ 0 h 66"/>
              <a:gd name="T10" fmla="*/ 2147483646 w 77"/>
              <a:gd name="T11" fmla="*/ 2147483646 h 66"/>
              <a:gd name="T12" fmla="*/ 2147483646 w 77"/>
              <a:gd name="T13" fmla="*/ 2147483646 h 66"/>
              <a:gd name="T14" fmla="*/ 2147483646 w 77"/>
              <a:gd name="T15" fmla="*/ 2147483646 h 66"/>
              <a:gd name="T16" fmla="*/ 2147483646 w 77"/>
              <a:gd name="T17" fmla="*/ 2147483646 h 66"/>
              <a:gd name="T18" fmla="*/ 2147483646 w 77"/>
              <a:gd name="T19" fmla="*/ 2147483646 h 66"/>
              <a:gd name="T20" fmla="*/ 2147483646 w 77"/>
              <a:gd name="T21" fmla="*/ 2147483646 h 66"/>
              <a:gd name="T22" fmla="*/ 2147483646 w 77"/>
              <a:gd name="T23" fmla="*/ 2147483646 h 66"/>
              <a:gd name="T24" fmla="*/ 2147483646 w 77"/>
              <a:gd name="T25" fmla="*/ 2147483646 h 66"/>
              <a:gd name="T26" fmla="*/ 2147483646 w 77"/>
              <a:gd name="T27" fmla="*/ 2147483646 h 66"/>
              <a:gd name="T28" fmla="*/ 2147483646 w 77"/>
              <a:gd name="T29" fmla="*/ 2147483646 h 66"/>
              <a:gd name="T30" fmla="*/ 2147483646 w 77"/>
              <a:gd name="T31" fmla="*/ 2147483646 h 66"/>
              <a:gd name="T32" fmla="*/ 0 w 77"/>
              <a:gd name="T33" fmla="*/ 2147483646 h 66"/>
              <a:gd name="T34" fmla="*/ 2147483646 w 77"/>
              <a:gd name="T35" fmla="*/ 2147483646 h 66"/>
              <a:gd name="T36" fmla="*/ 2147483646 w 77"/>
              <a:gd name="T37" fmla="*/ 2147483646 h 66"/>
              <a:gd name="T38" fmla="*/ 2147483646 w 77"/>
              <a:gd name="T39" fmla="*/ 2147483646 h 66"/>
              <a:gd name="T40" fmla="*/ 2147483646 w 77"/>
              <a:gd name="T41" fmla="*/ 2147483646 h 66"/>
              <a:gd name="T42" fmla="*/ 2147483646 w 77"/>
              <a:gd name="T43" fmla="*/ 2147483646 h 66"/>
              <a:gd name="T44" fmla="*/ 2147483646 w 77"/>
              <a:gd name="T45" fmla="*/ 2147483646 h 66"/>
              <a:gd name="T46" fmla="*/ 2147483646 w 77"/>
              <a:gd name="T47" fmla="*/ 2147483646 h 66"/>
              <a:gd name="T48" fmla="*/ 2147483646 w 77"/>
              <a:gd name="T49" fmla="*/ 2147483646 h 66"/>
              <a:gd name="T50" fmla="*/ 2147483646 w 77"/>
              <a:gd name="T51" fmla="*/ 2147483646 h 66"/>
              <a:gd name="T52" fmla="*/ 2147483646 w 77"/>
              <a:gd name="T53" fmla="*/ 2147483646 h 66"/>
              <a:gd name="T54" fmla="*/ 2147483646 w 77"/>
              <a:gd name="T55" fmla="*/ 2147483646 h 66"/>
              <a:gd name="T56" fmla="*/ 2147483646 w 77"/>
              <a:gd name="T57" fmla="*/ 2147483646 h 66"/>
              <a:gd name="T58" fmla="*/ 2147483646 w 77"/>
              <a:gd name="T59" fmla="*/ 2147483646 h 66"/>
              <a:gd name="T60" fmla="*/ 2147483646 w 77"/>
              <a:gd name="T61" fmla="*/ 2147483646 h 66"/>
              <a:gd name="T62" fmla="*/ 2147483646 w 77"/>
              <a:gd name="T63" fmla="*/ 2147483646 h 66"/>
              <a:gd name="T64" fmla="*/ 2147483646 w 77"/>
              <a:gd name="T65" fmla="*/ 2147483646 h 66"/>
              <a:gd name="T66" fmla="*/ 2147483646 w 77"/>
              <a:gd name="T67" fmla="*/ 2147483646 h 66"/>
              <a:gd name="T68" fmla="*/ 2147483646 w 77"/>
              <a:gd name="T69" fmla="*/ 2147483646 h 66"/>
              <a:gd name="T70" fmla="*/ 2147483646 w 77"/>
              <a:gd name="T71" fmla="*/ 2147483646 h 66"/>
              <a:gd name="T72" fmla="*/ 2147483646 w 77"/>
              <a:gd name="T73" fmla="*/ 2147483646 h 66"/>
              <a:gd name="T74" fmla="*/ 2147483646 w 77"/>
              <a:gd name="T75" fmla="*/ 2147483646 h 66"/>
              <a:gd name="T76" fmla="*/ 2147483646 w 77"/>
              <a:gd name="T77" fmla="*/ 2147483646 h 66"/>
              <a:gd name="T78" fmla="*/ 2147483646 w 77"/>
              <a:gd name="T79" fmla="*/ 2147483646 h 66"/>
              <a:gd name="T80" fmla="*/ 2147483646 w 77"/>
              <a:gd name="T81" fmla="*/ 2147483646 h 66"/>
              <a:gd name="T82" fmla="*/ 2147483646 w 77"/>
              <a:gd name="T83" fmla="*/ 2147483646 h 6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w 77"/>
              <a:gd name="T127" fmla="*/ 0 h 66"/>
              <a:gd name="T128" fmla="*/ 77 w 77"/>
              <a:gd name="T129" fmla="*/ 66 h 66"/>
            </a:gdLst>
            <a:ahLst/>
            <a:cxnLst>
              <a:cxn ang="T84">
                <a:pos x="T0" y="T1"/>
              </a:cxn>
              <a:cxn ang="T85">
                <a:pos x="T2" y="T3"/>
              </a:cxn>
              <a:cxn ang="T86">
                <a:pos x="T4" y="T5"/>
              </a:cxn>
              <a:cxn ang="T87">
                <a:pos x="T6" y="T7"/>
              </a:cxn>
              <a:cxn ang="T88">
                <a:pos x="T8" y="T9"/>
              </a:cxn>
              <a:cxn ang="T89">
                <a:pos x="T10" y="T11"/>
              </a:cxn>
              <a:cxn ang="T90">
                <a:pos x="T12" y="T13"/>
              </a:cxn>
              <a:cxn ang="T91">
                <a:pos x="T14" y="T15"/>
              </a:cxn>
              <a:cxn ang="T92">
                <a:pos x="T16" y="T17"/>
              </a:cxn>
              <a:cxn ang="T93">
                <a:pos x="T18" y="T19"/>
              </a:cxn>
              <a:cxn ang="T94">
                <a:pos x="T20" y="T21"/>
              </a:cxn>
              <a:cxn ang="T95">
                <a:pos x="T22" y="T23"/>
              </a:cxn>
              <a:cxn ang="T96">
                <a:pos x="T24" y="T25"/>
              </a:cxn>
              <a:cxn ang="T97">
                <a:pos x="T26" y="T27"/>
              </a:cxn>
              <a:cxn ang="T98">
                <a:pos x="T28" y="T29"/>
              </a:cxn>
              <a:cxn ang="T99">
                <a:pos x="T30" y="T31"/>
              </a:cxn>
              <a:cxn ang="T100">
                <a:pos x="T32" y="T33"/>
              </a:cxn>
              <a:cxn ang="T101">
                <a:pos x="T34" y="T35"/>
              </a:cxn>
              <a:cxn ang="T102">
                <a:pos x="T36" y="T37"/>
              </a:cxn>
              <a:cxn ang="T103">
                <a:pos x="T38" y="T39"/>
              </a:cxn>
              <a:cxn ang="T104">
                <a:pos x="T40" y="T41"/>
              </a:cxn>
              <a:cxn ang="T105">
                <a:pos x="T42" y="T43"/>
              </a:cxn>
              <a:cxn ang="T106">
                <a:pos x="T44" y="T45"/>
              </a:cxn>
              <a:cxn ang="T107">
                <a:pos x="T46" y="T47"/>
              </a:cxn>
              <a:cxn ang="T108">
                <a:pos x="T48" y="T49"/>
              </a:cxn>
              <a:cxn ang="T109">
                <a:pos x="T50" y="T51"/>
              </a:cxn>
              <a:cxn ang="T110">
                <a:pos x="T52" y="T53"/>
              </a:cxn>
              <a:cxn ang="T111">
                <a:pos x="T54" y="T55"/>
              </a:cxn>
              <a:cxn ang="T112">
                <a:pos x="T56" y="T57"/>
              </a:cxn>
              <a:cxn ang="T113">
                <a:pos x="T58" y="T59"/>
              </a:cxn>
              <a:cxn ang="T114">
                <a:pos x="T60" y="T61"/>
              </a:cxn>
              <a:cxn ang="T115">
                <a:pos x="T62" y="T63"/>
              </a:cxn>
              <a:cxn ang="T116">
                <a:pos x="T64" y="T65"/>
              </a:cxn>
              <a:cxn ang="T117">
                <a:pos x="T66" y="T67"/>
              </a:cxn>
              <a:cxn ang="T118">
                <a:pos x="T68" y="T69"/>
              </a:cxn>
              <a:cxn ang="T119">
                <a:pos x="T70" y="T71"/>
              </a:cxn>
              <a:cxn ang="T120">
                <a:pos x="T72" y="T73"/>
              </a:cxn>
              <a:cxn ang="T121">
                <a:pos x="T74" y="T75"/>
              </a:cxn>
              <a:cxn ang="T122">
                <a:pos x="T76" y="T77"/>
              </a:cxn>
              <a:cxn ang="T123">
                <a:pos x="T78" y="T79"/>
              </a:cxn>
              <a:cxn ang="T124">
                <a:pos x="T80" y="T81"/>
              </a:cxn>
              <a:cxn ang="T125">
                <a:pos x="T82" y="T83"/>
              </a:cxn>
            </a:cxnLst>
            <a:rect l="T126" t="T127" r="T128" b="T129"/>
            <a:pathLst>
              <a:path w="77" h="66">
                <a:moveTo>
                  <a:pt x="66" y="11"/>
                </a:moveTo>
                <a:lnTo>
                  <a:pt x="65" y="9"/>
                </a:lnTo>
                <a:lnTo>
                  <a:pt x="65" y="5"/>
                </a:lnTo>
                <a:lnTo>
                  <a:pt x="61" y="2"/>
                </a:lnTo>
                <a:lnTo>
                  <a:pt x="56" y="0"/>
                </a:lnTo>
                <a:lnTo>
                  <a:pt x="52" y="4"/>
                </a:lnTo>
                <a:lnTo>
                  <a:pt x="46" y="10"/>
                </a:lnTo>
                <a:lnTo>
                  <a:pt x="41" y="17"/>
                </a:lnTo>
                <a:lnTo>
                  <a:pt x="37" y="23"/>
                </a:lnTo>
                <a:lnTo>
                  <a:pt x="30" y="24"/>
                </a:lnTo>
                <a:lnTo>
                  <a:pt x="24" y="25"/>
                </a:lnTo>
                <a:lnTo>
                  <a:pt x="21" y="30"/>
                </a:lnTo>
                <a:lnTo>
                  <a:pt x="16" y="34"/>
                </a:lnTo>
                <a:lnTo>
                  <a:pt x="9" y="33"/>
                </a:lnTo>
                <a:lnTo>
                  <a:pt x="3" y="32"/>
                </a:lnTo>
                <a:lnTo>
                  <a:pt x="1" y="32"/>
                </a:lnTo>
                <a:lnTo>
                  <a:pt x="0" y="38"/>
                </a:lnTo>
                <a:lnTo>
                  <a:pt x="1" y="42"/>
                </a:lnTo>
                <a:lnTo>
                  <a:pt x="1" y="46"/>
                </a:lnTo>
                <a:lnTo>
                  <a:pt x="3" y="50"/>
                </a:lnTo>
                <a:lnTo>
                  <a:pt x="6" y="55"/>
                </a:lnTo>
                <a:lnTo>
                  <a:pt x="7" y="62"/>
                </a:lnTo>
                <a:lnTo>
                  <a:pt x="8" y="65"/>
                </a:lnTo>
                <a:lnTo>
                  <a:pt x="16" y="64"/>
                </a:lnTo>
                <a:lnTo>
                  <a:pt x="21" y="63"/>
                </a:lnTo>
                <a:lnTo>
                  <a:pt x="24" y="63"/>
                </a:lnTo>
                <a:lnTo>
                  <a:pt x="28" y="59"/>
                </a:lnTo>
                <a:lnTo>
                  <a:pt x="35" y="60"/>
                </a:lnTo>
                <a:lnTo>
                  <a:pt x="40" y="61"/>
                </a:lnTo>
                <a:lnTo>
                  <a:pt x="45" y="62"/>
                </a:lnTo>
                <a:lnTo>
                  <a:pt x="47" y="65"/>
                </a:lnTo>
                <a:lnTo>
                  <a:pt x="51" y="66"/>
                </a:lnTo>
                <a:lnTo>
                  <a:pt x="54" y="65"/>
                </a:lnTo>
                <a:lnTo>
                  <a:pt x="56" y="66"/>
                </a:lnTo>
                <a:lnTo>
                  <a:pt x="65" y="58"/>
                </a:lnTo>
                <a:lnTo>
                  <a:pt x="71" y="54"/>
                </a:lnTo>
                <a:lnTo>
                  <a:pt x="73" y="53"/>
                </a:lnTo>
                <a:lnTo>
                  <a:pt x="77" y="49"/>
                </a:lnTo>
                <a:lnTo>
                  <a:pt x="75" y="42"/>
                </a:lnTo>
                <a:lnTo>
                  <a:pt x="69" y="24"/>
                </a:lnTo>
                <a:lnTo>
                  <a:pt x="67" y="16"/>
                </a:lnTo>
                <a:lnTo>
                  <a:pt x="66" y="1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32" name="d14215"/>
          <xdr:cNvSpPr>
            <a:spLocks/>
          </xdr:cNvSpPr>
        </xdr:nvSpPr>
        <xdr:spPr bwMode="auto">
          <a:xfrm>
            <a:off x="5695950" y="4000500"/>
            <a:ext cx="771525" cy="1066800"/>
          </a:xfrm>
          <a:custGeom>
            <a:avLst/>
            <a:gdLst>
              <a:gd name="T0" fmla="*/ 2147483646 w 81"/>
              <a:gd name="T1" fmla="*/ 2147483646 h 112"/>
              <a:gd name="T2" fmla="*/ 2147483646 w 81"/>
              <a:gd name="T3" fmla="*/ 2147483646 h 112"/>
              <a:gd name="T4" fmla="*/ 2147483646 w 81"/>
              <a:gd name="T5" fmla="*/ 2147483646 h 112"/>
              <a:gd name="T6" fmla="*/ 2147483646 w 81"/>
              <a:gd name="T7" fmla="*/ 2147483646 h 112"/>
              <a:gd name="T8" fmla="*/ 2147483646 w 81"/>
              <a:gd name="T9" fmla="*/ 2147483646 h 112"/>
              <a:gd name="T10" fmla="*/ 2147483646 w 81"/>
              <a:gd name="T11" fmla="*/ 2147483646 h 112"/>
              <a:gd name="T12" fmla="*/ 2147483646 w 81"/>
              <a:gd name="T13" fmla="*/ 2147483646 h 112"/>
              <a:gd name="T14" fmla="*/ 2147483646 w 81"/>
              <a:gd name="T15" fmla="*/ 2147483646 h 112"/>
              <a:gd name="T16" fmla="*/ 2147483646 w 81"/>
              <a:gd name="T17" fmla="*/ 2147483646 h 112"/>
              <a:gd name="T18" fmla="*/ 2147483646 w 81"/>
              <a:gd name="T19" fmla="*/ 2147483646 h 112"/>
              <a:gd name="T20" fmla="*/ 2147483646 w 81"/>
              <a:gd name="T21" fmla="*/ 2147483646 h 112"/>
              <a:gd name="T22" fmla="*/ 2147483646 w 81"/>
              <a:gd name="T23" fmla="*/ 2147483646 h 112"/>
              <a:gd name="T24" fmla="*/ 2147483646 w 81"/>
              <a:gd name="T25" fmla="*/ 2147483646 h 112"/>
              <a:gd name="T26" fmla="*/ 0 w 81"/>
              <a:gd name="T27" fmla="*/ 2147483646 h 112"/>
              <a:gd name="T28" fmla="*/ 2147483646 w 81"/>
              <a:gd name="T29" fmla="*/ 2147483646 h 112"/>
              <a:gd name="T30" fmla="*/ 2147483646 w 81"/>
              <a:gd name="T31" fmla="*/ 2147483646 h 112"/>
              <a:gd name="T32" fmla="*/ 2147483646 w 81"/>
              <a:gd name="T33" fmla="*/ 2147483646 h 112"/>
              <a:gd name="T34" fmla="*/ 2147483646 w 81"/>
              <a:gd name="T35" fmla="*/ 2147483646 h 112"/>
              <a:gd name="T36" fmla="*/ 2147483646 w 81"/>
              <a:gd name="T37" fmla="*/ 2147483646 h 112"/>
              <a:gd name="T38" fmla="*/ 2147483646 w 81"/>
              <a:gd name="T39" fmla="*/ 2147483646 h 112"/>
              <a:gd name="T40" fmla="*/ 2147483646 w 81"/>
              <a:gd name="T41" fmla="*/ 2147483646 h 112"/>
              <a:gd name="T42" fmla="*/ 2147483646 w 81"/>
              <a:gd name="T43" fmla="*/ 2147483646 h 112"/>
              <a:gd name="T44" fmla="*/ 2147483646 w 81"/>
              <a:gd name="T45" fmla="*/ 2147483646 h 112"/>
              <a:gd name="T46" fmla="*/ 2147483646 w 81"/>
              <a:gd name="T47" fmla="*/ 2147483646 h 112"/>
              <a:gd name="T48" fmla="*/ 2147483646 w 81"/>
              <a:gd name="T49" fmla="*/ 2147483646 h 112"/>
              <a:gd name="T50" fmla="*/ 2147483646 w 81"/>
              <a:gd name="T51" fmla="*/ 2147483646 h 112"/>
              <a:gd name="T52" fmla="*/ 2147483646 w 81"/>
              <a:gd name="T53" fmla="*/ 2147483646 h 112"/>
              <a:gd name="T54" fmla="*/ 2147483646 w 81"/>
              <a:gd name="T55" fmla="*/ 2147483646 h 112"/>
              <a:gd name="T56" fmla="*/ 2147483646 w 81"/>
              <a:gd name="T57" fmla="*/ 2147483646 h 112"/>
              <a:gd name="T58" fmla="*/ 2147483646 w 81"/>
              <a:gd name="T59" fmla="*/ 2147483646 h 112"/>
              <a:gd name="T60" fmla="*/ 2147483646 w 81"/>
              <a:gd name="T61" fmla="*/ 2147483646 h 112"/>
              <a:gd name="T62" fmla="*/ 2147483646 w 81"/>
              <a:gd name="T63" fmla="*/ 2147483646 h 112"/>
              <a:gd name="T64" fmla="*/ 2147483646 w 81"/>
              <a:gd name="T65" fmla="*/ 2147483646 h 112"/>
              <a:gd name="T66" fmla="*/ 2147483646 w 81"/>
              <a:gd name="T67" fmla="*/ 2147483646 h 112"/>
              <a:gd name="T68" fmla="*/ 2147483646 w 81"/>
              <a:gd name="T69" fmla="*/ 2147483646 h 112"/>
              <a:gd name="T70" fmla="*/ 2147483646 w 81"/>
              <a:gd name="T71" fmla="*/ 2147483646 h 112"/>
              <a:gd name="T72" fmla="*/ 2147483646 w 81"/>
              <a:gd name="T73" fmla="*/ 2147483646 h 112"/>
              <a:gd name="T74" fmla="*/ 2147483646 w 81"/>
              <a:gd name="T75" fmla="*/ 2147483646 h 112"/>
              <a:gd name="T76" fmla="*/ 2147483646 w 81"/>
              <a:gd name="T77" fmla="*/ 2147483646 h 112"/>
              <a:gd name="T78" fmla="*/ 2147483646 w 81"/>
              <a:gd name="T79" fmla="*/ 2147483646 h 112"/>
              <a:gd name="T80" fmla="*/ 2147483646 w 81"/>
              <a:gd name="T81" fmla="*/ 0 h 112"/>
              <a:gd name="T82" fmla="*/ 2147483646 w 81"/>
              <a:gd name="T83" fmla="*/ 2147483646 h 112"/>
              <a:gd name="T84" fmla="*/ 2147483646 w 81"/>
              <a:gd name="T85" fmla="*/ 2147483646 h 112"/>
              <a:gd name="T86" fmla="*/ 2147483646 w 81"/>
              <a:gd name="T87" fmla="*/ 2147483646 h 112"/>
              <a:gd name="T88" fmla="*/ 2147483646 w 81"/>
              <a:gd name="T89" fmla="*/ 2147483646 h 112"/>
              <a:gd name="T90" fmla="*/ 2147483646 w 81"/>
              <a:gd name="T91" fmla="*/ 2147483646 h 112"/>
              <a:gd name="T92" fmla="*/ 2147483646 w 81"/>
              <a:gd name="T93" fmla="*/ 2147483646 h 112"/>
              <a:gd name="T94" fmla="*/ 2147483646 w 81"/>
              <a:gd name="T95" fmla="*/ 2147483646 h 112"/>
              <a:gd name="T96" fmla="*/ 2147483646 w 81"/>
              <a:gd name="T97" fmla="*/ 2147483646 h 112"/>
              <a:gd name="T98" fmla="*/ 2147483646 w 81"/>
              <a:gd name="T99" fmla="*/ 2147483646 h 112"/>
              <a:gd name="T100" fmla="*/ 2147483646 w 81"/>
              <a:gd name="T101" fmla="*/ 2147483646 h 112"/>
              <a:gd name="T102" fmla="*/ 2147483646 w 81"/>
              <a:gd name="T103" fmla="*/ 2147483646 h 112"/>
              <a:gd name="T104" fmla="*/ 2147483646 w 81"/>
              <a:gd name="T105" fmla="*/ 2147483646 h 112"/>
              <a:gd name="T106" fmla="*/ 2147483646 w 81"/>
              <a:gd name="T107" fmla="*/ 2147483646 h 112"/>
              <a:gd name="T108" fmla="*/ 2147483646 w 81"/>
              <a:gd name="T109" fmla="*/ 2147483646 h 112"/>
              <a:gd name="T110" fmla="*/ 2147483646 w 81"/>
              <a:gd name="T111" fmla="*/ 2147483646 h 112"/>
              <a:gd name="T112" fmla="*/ 2147483646 w 81"/>
              <a:gd name="T113" fmla="*/ 2147483646 h 112"/>
              <a:gd name="T114" fmla="*/ 2147483646 w 81"/>
              <a:gd name="T115" fmla="*/ 2147483646 h 112"/>
              <a:gd name="T116" fmla="*/ 2147483646 w 81"/>
              <a:gd name="T117" fmla="*/ 2147483646 h 112"/>
              <a:gd name="T118" fmla="*/ 2147483646 w 81"/>
              <a:gd name="T119" fmla="*/ 2147483646 h 112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81"/>
              <a:gd name="T181" fmla="*/ 0 h 112"/>
              <a:gd name="T182" fmla="*/ 81 w 81"/>
              <a:gd name="T183" fmla="*/ 112 h 112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81" h="112">
                <a:moveTo>
                  <a:pt x="45" y="101"/>
                </a:moveTo>
                <a:lnTo>
                  <a:pt x="43" y="108"/>
                </a:lnTo>
                <a:lnTo>
                  <a:pt x="40" y="109"/>
                </a:lnTo>
                <a:lnTo>
                  <a:pt x="37" y="111"/>
                </a:lnTo>
                <a:lnTo>
                  <a:pt x="34" y="110"/>
                </a:lnTo>
                <a:lnTo>
                  <a:pt x="31" y="110"/>
                </a:lnTo>
                <a:lnTo>
                  <a:pt x="25" y="111"/>
                </a:lnTo>
                <a:lnTo>
                  <a:pt x="20" y="112"/>
                </a:lnTo>
                <a:lnTo>
                  <a:pt x="15" y="110"/>
                </a:lnTo>
                <a:lnTo>
                  <a:pt x="8" y="111"/>
                </a:lnTo>
                <a:lnTo>
                  <a:pt x="4" y="111"/>
                </a:lnTo>
                <a:lnTo>
                  <a:pt x="2" y="111"/>
                </a:lnTo>
                <a:lnTo>
                  <a:pt x="1" y="106"/>
                </a:lnTo>
                <a:lnTo>
                  <a:pt x="0" y="100"/>
                </a:lnTo>
                <a:lnTo>
                  <a:pt x="1" y="92"/>
                </a:lnTo>
                <a:lnTo>
                  <a:pt x="2" y="87"/>
                </a:lnTo>
                <a:lnTo>
                  <a:pt x="3" y="81"/>
                </a:lnTo>
                <a:lnTo>
                  <a:pt x="5" y="73"/>
                </a:lnTo>
                <a:lnTo>
                  <a:pt x="7" y="65"/>
                </a:lnTo>
                <a:lnTo>
                  <a:pt x="6" y="57"/>
                </a:lnTo>
                <a:lnTo>
                  <a:pt x="4" y="53"/>
                </a:lnTo>
                <a:lnTo>
                  <a:pt x="3" y="49"/>
                </a:lnTo>
                <a:lnTo>
                  <a:pt x="2" y="43"/>
                </a:lnTo>
                <a:lnTo>
                  <a:pt x="4" y="38"/>
                </a:lnTo>
                <a:lnTo>
                  <a:pt x="8" y="32"/>
                </a:lnTo>
                <a:lnTo>
                  <a:pt x="13" y="24"/>
                </a:lnTo>
                <a:lnTo>
                  <a:pt x="14" y="16"/>
                </a:lnTo>
                <a:lnTo>
                  <a:pt x="14" y="11"/>
                </a:lnTo>
                <a:lnTo>
                  <a:pt x="22" y="10"/>
                </a:lnTo>
                <a:lnTo>
                  <a:pt x="27" y="9"/>
                </a:lnTo>
                <a:lnTo>
                  <a:pt x="30" y="9"/>
                </a:lnTo>
                <a:lnTo>
                  <a:pt x="34" y="5"/>
                </a:lnTo>
                <a:lnTo>
                  <a:pt x="41" y="6"/>
                </a:lnTo>
                <a:lnTo>
                  <a:pt x="46" y="7"/>
                </a:lnTo>
                <a:lnTo>
                  <a:pt x="51" y="8"/>
                </a:lnTo>
                <a:lnTo>
                  <a:pt x="53" y="11"/>
                </a:lnTo>
                <a:lnTo>
                  <a:pt x="57" y="12"/>
                </a:lnTo>
                <a:lnTo>
                  <a:pt x="60" y="11"/>
                </a:lnTo>
                <a:lnTo>
                  <a:pt x="62" y="12"/>
                </a:lnTo>
                <a:lnTo>
                  <a:pt x="71" y="4"/>
                </a:lnTo>
                <a:lnTo>
                  <a:pt x="78" y="0"/>
                </a:lnTo>
                <a:lnTo>
                  <a:pt x="80" y="5"/>
                </a:lnTo>
                <a:lnTo>
                  <a:pt x="81" y="10"/>
                </a:lnTo>
                <a:lnTo>
                  <a:pt x="81" y="15"/>
                </a:lnTo>
                <a:lnTo>
                  <a:pt x="63" y="16"/>
                </a:lnTo>
                <a:lnTo>
                  <a:pt x="61" y="15"/>
                </a:lnTo>
                <a:lnTo>
                  <a:pt x="59" y="15"/>
                </a:lnTo>
                <a:lnTo>
                  <a:pt x="59" y="16"/>
                </a:lnTo>
                <a:lnTo>
                  <a:pt x="50" y="29"/>
                </a:lnTo>
                <a:lnTo>
                  <a:pt x="48" y="30"/>
                </a:lnTo>
                <a:lnTo>
                  <a:pt x="44" y="39"/>
                </a:lnTo>
                <a:lnTo>
                  <a:pt x="40" y="41"/>
                </a:lnTo>
                <a:lnTo>
                  <a:pt x="40" y="43"/>
                </a:lnTo>
                <a:lnTo>
                  <a:pt x="44" y="46"/>
                </a:lnTo>
                <a:lnTo>
                  <a:pt x="45" y="52"/>
                </a:lnTo>
                <a:lnTo>
                  <a:pt x="48" y="63"/>
                </a:lnTo>
                <a:lnTo>
                  <a:pt x="48" y="69"/>
                </a:lnTo>
                <a:lnTo>
                  <a:pt x="46" y="79"/>
                </a:lnTo>
                <a:lnTo>
                  <a:pt x="45" y="87"/>
                </a:lnTo>
                <a:lnTo>
                  <a:pt x="45" y="10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33" name="d14218"/>
          <xdr:cNvSpPr>
            <a:spLocks/>
          </xdr:cNvSpPr>
        </xdr:nvSpPr>
        <xdr:spPr bwMode="auto">
          <a:xfrm>
            <a:off x="6076950" y="4133850"/>
            <a:ext cx="619125" cy="838200"/>
          </a:xfrm>
          <a:custGeom>
            <a:avLst/>
            <a:gdLst>
              <a:gd name="T0" fmla="*/ 2147483646 w 65"/>
              <a:gd name="T1" fmla="*/ 2147483646 h 88"/>
              <a:gd name="T2" fmla="*/ 2147483646 w 65"/>
              <a:gd name="T3" fmla="*/ 2147483646 h 88"/>
              <a:gd name="T4" fmla="*/ 2147483646 w 65"/>
              <a:gd name="T5" fmla="*/ 2147483646 h 88"/>
              <a:gd name="T6" fmla="*/ 2147483646 w 65"/>
              <a:gd name="T7" fmla="*/ 2147483646 h 88"/>
              <a:gd name="T8" fmla="*/ 2147483646 w 65"/>
              <a:gd name="T9" fmla="*/ 2147483646 h 88"/>
              <a:gd name="T10" fmla="*/ 2147483646 w 65"/>
              <a:gd name="T11" fmla="*/ 2147483646 h 88"/>
              <a:gd name="T12" fmla="*/ 2147483646 w 65"/>
              <a:gd name="T13" fmla="*/ 2147483646 h 88"/>
              <a:gd name="T14" fmla="*/ 0 w 65"/>
              <a:gd name="T15" fmla="*/ 2147483646 h 88"/>
              <a:gd name="T16" fmla="*/ 0 w 65"/>
              <a:gd name="T17" fmla="*/ 2147483646 h 88"/>
              <a:gd name="T18" fmla="*/ 2147483646 w 65"/>
              <a:gd name="T19" fmla="*/ 2147483646 h 88"/>
              <a:gd name="T20" fmla="*/ 2147483646 w 65"/>
              <a:gd name="T21" fmla="*/ 2147483646 h 88"/>
              <a:gd name="T22" fmla="*/ 2147483646 w 65"/>
              <a:gd name="T23" fmla="*/ 2147483646 h 88"/>
              <a:gd name="T24" fmla="*/ 2147483646 w 65"/>
              <a:gd name="T25" fmla="*/ 2147483646 h 88"/>
              <a:gd name="T26" fmla="*/ 2147483646 w 65"/>
              <a:gd name="T27" fmla="*/ 2147483646 h 88"/>
              <a:gd name="T28" fmla="*/ 2147483646 w 65"/>
              <a:gd name="T29" fmla="*/ 2147483646 h 88"/>
              <a:gd name="T30" fmla="*/ 2147483646 w 65"/>
              <a:gd name="T31" fmla="*/ 0 h 88"/>
              <a:gd name="T32" fmla="*/ 2147483646 w 65"/>
              <a:gd name="T33" fmla="*/ 2147483646 h 88"/>
              <a:gd name="T34" fmla="*/ 2147483646 w 65"/>
              <a:gd name="T35" fmla="*/ 2147483646 h 88"/>
              <a:gd name="T36" fmla="*/ 2147483646 w 65"/>
              <a:gd name="T37" fmla="*/ 2147483646 h 88"/>
              <a:gd name="T38" fmla="*/ 2147483646 w 65"/>
              <a:gd name="T39" fmla="*/ 2147483646 h 88"/>
              <a:gd name="T40" fmla="*/ 2147483646 w 65"/>
              <a:gd name="T41" fmla="*/ 2147483646 h 88"/>
              <a:gd name="T42" fmla="*/ 2147483646 w 65"/>
              <a:gd name="T43" fmla="*/ 2147483646 h 88"/>
              <a:gd name="T44" fmla="*/ 2147483646 w 65"/>
              <a:gd name="T45" fmla="*/ 2147483646 h 88"/>
              <a:gd name="T46" fmla="*/ 2147483646 w 65"/>
              <a:gd name="T47" fmla="*/ 2147483646 h 88"/>
              <a:gd name="T48" fmla="*/ 2147483646 w 65"/>
              <a:gd name="T49" fmla="*/ 2147483646 h 88"/>
              <a:gd name="T50" fmla="*/ 2147483646 w 65"/>
              <a:gd name="T51" fmla="*/ 2147483646 h 88"/>
              <a:gd name="T52" fmla="*/ 2147483646 w 65"/>
              <a:gd name="T53" fmla="*/ 2147483646 h 88"/>
              <a:gd name="T54" fmla="*/ 2147483646 w 65"/>
              <a:gd name="T55" fmla="*/ 2147483646 h 88"/>
              <a:gd name="T56" fmla="*/ 2147483646 w 65"/>
              <a:gd name="T57" fmla="*/ 2147483646 h 88"/>
              <a:gd name="T58" fmla="*/ 2147483646 w 65"/>
              <a:gd name="T59" fmla="*/ 2147483646 h 88"/>
              <a:gd name="T60" fmla="*/ 2147483646 w 65"/>
              <a:gd name="T61" fmla="*/ 2147483646 h 88"/>
              <a:gd name="T62" fmla="*/ 2147483646 w 65"/>
              <a:gd name="T63" fmla="*/ 2147483646 h 88"/>
              <a:gd name="T64" fmla="*/ 2147483646 w 65"/>
              <a:gd name="T65" fmla="*/ 2147483646 h 88"/>
              <a:gd name="T66" fmla="*/ 2147483646 w 65"/>
              <a:gd name="T67" fmla="*/ 2147483646 h 88"/>
              <a:gd name="T68" fmla="*/ 2147483646 w 65"/>
              <a:gd name="T69" fmla="*/ 2147483646 h 88"/>
              <a:gd name="T70" fmla="*/ 2147483646 w 65"/>
              <a:gd name="T71" fmla="*/ 2147483646 h 88"/>
              <a:gd name="T72" fmla="*/ 2147483646 w 65"/>
              <a:gd name="T73" fmla="*/ 2147483646 h 88"/>
              <a:gd name="T74" fmla="*/ 2147483646 w 65"/>
              <a:gd name="T75" fmla="*/ 2147483646 h 88"/>
              <a:gd name="T76" fmla="*/ 2147483646 w 65"/>
              <a:gd name="T77" fmla="*/ 2147483646 h 88"/>
              <a:gd name="T78" fmla="*/ 2147483646 w 65"/>
              <a:gd name="T79" fmla="*/ 2147483646 h 88"/>
              <a:gd name="T80" fmla="*/ 2147483646 w 65"/>
              <a:gd name="T81" fmla="*/ 2147483646 h 88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w 65"/>
              <a:gd name="T124" fmla="*/ 0 h 88"/>
              <a:gd name="T125" fmla="*/ 65 w 65"/>
              <a:gd name="T126" fmla="*/ 88 h 88"/>
            </a:gdLst>
            <a:ahLst/>
            <a:cxnLst>
              <a:cxn ang="T82">
                <a:pos x="T0" y="T1"/>
              </a:cxn>
              <a:cxn ang="T83">
                <a:pos x="T2" y="T3"/>
              </a:cxn>
              <a:cxn ang="T84">
                <a:pos x="T4" y="T5"/>
              </a:cxn>
              <a:cxn ang="T85">
                <a:pos x="T6" y="T7"/>
              </a:cxn>
              <a:cxn ang="T86">
                <a:pos x="T8" y="T9"/>
              </a:cxn>
              <a:cxn ang="T87">
                <a:pos x="T10" y="T11"/>
              </a:cxn>
              <a:cxn ang="T88">
                <a:pos x="T12" y="T13"/>
              </a:cxn>
              <a:cxn ang="T89">
                <a:pos x="T14" y="T15"/>
              </a:cxn>
              <a:cxn ang="T90">
                <a:pos x="T16" y="T17"/>
              </a:cxn>
              <a:cxn ang="T91">
                <a:pos x="T18" y="T19"/>
              </a:cxn>
              <a:cxn ang="T92">
                <a:pos x="T20" y="T21"/>
              </a:cxn>
              <a:cxn ang="T93">
                <a:pos x="T22" y="T23"/>
              </a:cxn>
              <a:cxn ang="T94">
                <a:pos x="T24" y="T25"/>
              </a:cxn>
              <a:cxn ang="T95">
                <a:pos x="T26" y="T27"/>
              </a:cxn>
              <a:cxn ang="T96">
                <a:pos x="T28" y="T29"/>
              </a:cxn>
              <a:cxn ang="T97">
                <a:pos x="T30" y="T31"/>
              </a:cxn>
              <a:cxn ang="T98">
                <a:pos x="T32" y="T33"/>
              </a:cxn>
              <a:cxn ang="T99">
                <a:pos x="T34" y="T35"/>
              </a:cxn>
              <a:cxn ang="T100">
                <a:pos x="T36" y="T37"/>
              </a:cxn>
              <a:cxn ang="T101">
                <a:pos x="T38" y="T39"/>
              </a:cxn>
              <a:cxn ang="T102">
                <a:pos x="T40" y="T41"/>
              </a:cxn>
              <a:cxn ang="T103">
                <a:pos x="T42" y="T43"/>
              </a:cxn>
              <a:cxn ang="T104">
                <a:pos x="T44" y="T45"/>
              </a:cxn>
              <a:cxn ang="T105">
                <a:pos x="T46" y="T47"/>
              </a:cxn>
              <a:cxn ang="T106">
                <a:pos x="T48" y="T49"/>
              </a:cxn>
              <a:cxn ang="T107">
                <a:pos x="T50" y="T51"/>
              </a:cxn>
              <a:cxn ang="T108">
                <a:pos x="T52" y="T53"/>
              </a:cxn>
              <a:cxn ang="T109">
                <a:pos x="T54" y="T55"/>
              </a:cxn>
              <a:cxn ang="T110">
                <a:pos x="T56" y="T57"/>
              </a:cxn>
              <a:cxn ang="T111">
                <a:pos x="T58" y="T59"/>
              </a:cxn>
              <a:cxn ang="T112">
                <a:pos x="T60" y="T61"/>
              </a:cxn>
              <a:cxn ang="T113">
                <a:pos x="T62" y="T63"/>
              </a:cxn>
              <a:cxn ang="T114">
                <a:pos x="T64" y="T65"/>
              </a:cxn>
              <a:cxn ang="T115">
                <a:pos x="T66" y="T67"/>
              </a:cxn>
              <a:cxn ang="T116">
                <a:pos x="T68" y="T69"/>
              </a:cxn>
              <a:cxn ang="T117">
                <a:pos x="T70" y="T71"/>
              </a:cxn>
              <a:cxn ang="T118">
                <a:pos x="T72" y="T73"/>
              </a:cxn>
              <a:cxn ang="T119">
                <a:pos x="T74" y="T75"/>
              </a:cxn>
              <a:cxn ang="T120">
                <a:pos x="T76" y="T77"/>
              </a:cxn>
              <a:cxn ang="T121">
                <a:pos x="T78" y="T79"/>
              </a:cxn>
              <a:cxn ang="T122">
                <a:pos x="T80" y="T81"/>
              </a:cxn>
            </a:cxnLst>
            <a:rect l="T123" t="T124" r="T125" b="T126"/>
            <a:pathLst>
              <a:path w="65" h="88">
                <a:moveTo>
                  <a:pt x="5" y="87"/>
                </a:moveTo>
                <a:lnTo>
                  <a:pt x="5" y="73"/>
                </a:lnTo>
                <a:lnTo>
                  <a:pt x="6" y="65"/>
                </a:lnTo>
                <a:lnTo>
                  <a:pt x="8" y="55"/>
                </a:lnTo>
                <a:lnTo>
                  <a:pt x="8" y="49"/>
                </a:lnTo>
                <a:lnTo>
                  <a:pt x="5" y="38"/>
                </a:lnTo>
                <a:lnTo>
                  <a:pt x="4" y="32"/>
                </a:lnTo>
                <a:lnTo>
                  <a:pt x="0" y="29"/>
                </a:lnTo>
                <a:lnTo>
                  <a:pt x="0" y="27"/>
                </a:lnTo>
                <a:lnTo>
                  <a:pt x="4" y="25"/>
                </a:lnTo>
                <a:lnTo>
                  <a:pt x="8" y="16"/>
                </a:lnTo>
                <a:lnTo>
                  <a:pt x="10" y="15"/>
                </a:lnTo>
                <a:lnTo>
                  <a:pt x="20" y="1"/>
                </a:lnTo>
                <a:lnTo>
                  <a:pt x="23" y="2"/>
                </a:lnTo>
                <a:lnTo>
                  <a:pt x="41" y="1"/>
                </a:lnTo>
                <a:lnTo>
                  <a:pt x="59" y="0"/>
                </a:lnTo>
                <a:lnTo>
                  <a:pt x="59" y="11"/>
                </a:lnTo>
                <a:lnTo>
                  <a:pt x="62" y="14"/>
                </a:lnTo>
                <a:lnTo>
                  <a:pt x="64" y="19"/>
                </a:lnTo>
                <a:lnTo>
                  <a:pt x="63" y="24"/>
                </a:lnTo>
                <a:lnTo>
                  <a:pt x="60" y="27"/>
                </a:lnTo>
                <a:lnTo>
                  <a:pt x="57" y="33"/>
                </a:lnTo>
                <a:lnTo>
                  <a:pt x="56" y="34"/>
                </a:lnTo>
                <a:lnTo>
                  <a:pt x="57" y="42"/>
                </a:lnTo>
                <a:lnTo>
                  <a:pt x="58" y="48"/>
                </a:lnTo>
                <a:lnTo>
                  <a:pt x="55" y="56"/>
                </a:lnTo>
                <a:lnTo>
                  <a:pt x="50" y="59"/>
                </a:lnTo>
                <a:lnTo>
                  <a:pt x="61" y="68"/>
                </a:lnTo>
                <a:lnTo>
                  <a:pt x="65" y="73"/>
                </a:lnTo>
                <a:lnTo>
                  <a:pt x="61" y="84"/>
                </a:lnTo>
                <a:lnTo>
                  <a:pt x="53" y="84"/>
                </a:lnTo>
                <a:lnTo>
                  <a:pt x="54" y="88"/>
                </a:lnTo>
                <a:lnTo>
                  <a:pt x="49" y="85"/>
                </a:lnTo>
                <a:lnTo>
                  <a:pt x="48" y="79"/>
                </a:lnTo>
                <a:lnTo>
                  <a:pt x="45" y="76"/>
                </a:lnTo>
                <a:lnTo>
                  <a:pt x="35" y="70"/>
                </a:lnTo>
                <a:lnTo>
                  <a:pt x="27" y="70"/>
                </a:lnTo>
                <a:lnTo>
                  <a:pt x="27" y="74"/>
                </a:lnTo>
                <a:lnTo>
                  <a:pt x="14" y="71"/>
                </a:lnTo>
                <a:lnTo>
                  <a:pt x="10" y="80"/>
                </a:lnTo>
                <a:lnTo>
                  <a:pt x="5" y="87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834" name="d14130_3"/>
          <xdr:cNvSpPr>
            <a:spLocks/>
          </xdr:cNvSpPr>
        </xdr:nvSpPr>
        <xdr:spPr bwMode="auto">
          <a:xfrm>
            <a:off x="6886575" y="2533650"/>
            <a:ext cx="200025" cy="161925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0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0 w 16384"/>
              <a:gd name="T17" fmla="*/ 2147483646 h 16384"/>
              <a:gd name="T18" fmla="*/ 0 60000 65536"/>
              <a:gd name="T19" fmla="*/ 0 60000 65536"/>
              <a:gd name="T20" fmla="*/ 0 60000 65536"/>
              <a:gd name="T21" fmla="*/ 0 60000 65536"/>
              <a:gd name="T22" fmla="*/ 0 60000 65536"/>
              <a:gd name="T23" fmla="*/ 0 60000 65536"/>
              <a:gd name="T24" fmla="*/ 0 60000 65536"/>
              <a:gd name="T25" fmla="*/ 0 60000 65536"/>
              <a:gd name="T26" fmla="*/ 0 60000 65536"/>
              <a:gd name="T27" fmla="*/ 0 w 16384"/>
              <a:gd name="T28" fmla="*/ 0 h 16384"/>
              <a:gd name="T29" fmla="*/ 16384 w 16384"/>
              <a:gd name="T30" fmla="*/ 16384 h 16384"/>
            </a:gdLst>
            <a:ahLst/>
            <a:cxnLst>
              <a:cxn ang="T18">
                <a:pos x="T0" y="T1"/>
              </a:cxn>
              <a:cxn ang="T19">
                <a:pos x="T2" y="T3"/>
              </a:cxn>
              <a:cxn ang="T20">
                <a:pos x="T4" y="T5"/>
              </a:cxn>
              <a:cxn ang="T21">
                <a:pos x="T6" y="T7"/>
              </a:cxn>
              <a:cxn ang="T22">
                <a:pos x="T8" y="T9"/>
              </a:cxn>
              <a:cxn ang="T23">
                <a:pos x="T10" y="T11"/>
              </a:cxn>
              <a:cxn ang="T24">
                <a:pos x="T12" y="T13"/>
              </a:cxn>
              <a:cxn ang="T25">
                <a:pos x="T14" y="T15"/>
              </a:cxn>
              <a:cxn ang="T26">
                <a:pos x="T16" y="T17"/>
              </a:cxn>
            </a:cxnLst>
            <a:rect l="T27" t="T28" r="T29" b="T30"/>
            <a:pathLst>
              <a:path w="16384" h="16384">
                <a:moveTo>
                  <a:pt x="0" y="16384"/>
                </a:moveTo>
                <a:lnTo>
                  <a:pt x="3121" y="6746"/>
                </a:lnTo>
                <a:lnTo>
                  <a:pt x="3121" y="3855"/>
                </a:lnTo>
                <a:lnTo>
                  <a:pt x="5461" y="3855"/>
                </a:lnTo>
                <a:lnTo>
                  <a:pt x="13263" y="0"/>
                </a:lnTo>
                <a:lnTo>
                  <a:pt x="16384" y="2891"/>
                </a:lnTo>
                <a:lnTo>
                  <a:pt x="12483" y="9638"/>
                </a:lnTo>
                <a:lnTo>
                  <a:pt x="5461" y="15420"/>
                </a:lnTo>
                <a:lnTo>
                  <a:pt x="0" y="16384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37031" name="Text Box 167"/>
          <xdr:cNvSpPr txBox="1">
            <a:spLocks noChangeArrowheads="1"/>
          </xdr:cNvSpPr>
        </xdr:nvSpPr>
        <xdr:spPr bwMode="auto">
          <a:xfrm>
            <a:off x="1590675" y="4410075"/>
            <a:ext cx="895350" cy="33337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山北町</a:t>
            </a:r>
            <a:endParaRPr lang="ja-JP" altLang="en-US"/>
          </a:p>
        </xdr:txBody>
      </xdr:sp>
      <xdr:sp macro="" textlink="">
        <xdr:nvSpPr>
          <xdr:cNvPr id="37032" name="Text Box 168"/>
          <xdr:cNvSpPr txBox="1">
            <a:spLocks noChangeArrowheads="1"/>
          </xdr:cNvSpPr>
        </xdr:nvSpPr>
        <xdr:spPr bwMode="auto">
          <a:xfrm>
            <a:off x="3362325" y="4781550"/>
            <a:ext cx="752475" cy="4572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秦野市</a:t>
            </a:r>
            <a:endParaRPr lang="ja-JP" altLang="en-US"/>
          </a:p>
        </xdr:txBody>
      </xdr:sp>
      <xdr:sp macro="" textlink="">
        <xdr:nvSpPr>
          <xdr:cNvPr id="149837" name="Text Box 169"/>
          <xdr:cNvSpPr txBox="1">
            <a:spLocks noChangeArrowheads="1"/>
          </xdr:cNvSpPr>
        </xdr:nvSpPr>
        <xdr:spPr bwMode="auto">
          <a:xfrm>
            <a:off x="2847975" y="4743450"/>
            <a:ext cx="200025" cy="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sp>
      <xdr:sp macro="" textlink="">
        <xdr:nvSpPr>
          <xdr:cNvPr id="37034" name="Text Box 170"/>
          <xdr:cNvSpPr txBox="1">
            <a:spLocks noChangeArrowheads="1"/>
          </xdr:cNvSpPr>
        </xdr:nvSpPr>
        <xdr:spPr bwMode="auto">
          <a:xfrm>
            <a:off x="2838450" y="4524375"/>
            <a:ext cx="304800" cy="88582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松田町</a:t>
            </a:r>
            <a:endParaRPr lang="ja-JP" altLang="en-US"/>
          </a:p>
        </xdr:txBody>
      </xdr:sp>
      <xdr:sp macro="" textlink="">
        <xdr:nvSpPr>
          <xdr:cNvPr id="37035" name="Text Box 171"/>
          <xdr:cNvSpPr txBox="1">
            <a:spLocks noChangeArrowheads="1"/>
          </xdr:cNvSpPr>
        </xdr:nvSpPr>
        <xdr:spPr bwMode="auto">
          <a:xfrm>
            <a:off x="1724025" y="6105525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南足柄市</a:t>
            </a:r>
            <a:endParaRPr lang="ja-JP" altLang="en-US"/>
          </a:p>
        </xdr:txBody>
      </xdr:sp>
      <xdr:sp macro="" textlink="">
        <xdr:nvSpPr>
          <xdr:cNvPr id="37036" name="Text Box 172"/>
          <xdr:cNvSpPr txBox="1">
            <a:spLocks noChangeArrowheads="1"/>
          </xdr:cNvSpPr>
        </xdr:nvSpPr>
        <xdr:spPr bwMode="auto">
          <a:xfrm>
            <a:off x="1371600" y="7105650"/>
            <a:ext cx="809625" cy="36195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箱根町</a:t>
            </a:r>
            <a:endParaRPr lang="ja-JP" altLang="en-US"/>
          </a:p>
        </xdr:txBody>
      </xdr:sp>
      <xdr:sp macro="" textlink="">
        <xdr:nvSpPr>
          <xdr:cNvPr id="37037" name="Text Box 173"/>
          <xdr:cNvSpPr txBox="1">
            <a:spLocks noChangeArrowheads="1"/>
          </xdr:cNvSpPr>
        </xdr:nvSpPr>
        <xdr:spPr bwMode="auto">
          <a:xfrm>
            <a:off x="1733550" y="8105775"/>
            <a:ext cx="1228725" cy="36195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湯河原町</a:t>
            </a:r>
            <a:endParaRPr lang="ja-JP" altLang="en-US"/>
          </a:p>
        </xdr:txBody>
      </xdr:sp>
      <xdr:sp macro="" textlink="">
        <xdr:nvSpPr>
          <xdr:cNvPr id="149842" name="Line 174"/>
          <xdr:cNvSpPr>
            <a:spLocks noChangeShapeType="1"/>
          </xdr:cNvSpPr>
        </xdr:nvSpPr>
        <xdr:spPr bwMode="auto">
          <a:xfrm flipV="1">
            <a:off x="3000375" y="8201025"/>
            <a:ext cx="552450" cy="95250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37039" name="Text Box 175"/>
          <xdr:cNvSpPr txBox="1">
            <a:spLocks noChangeArrowheads="1"/>
          </xdr:cNvSpPr>
        </xdr:nvSpPr>
        <xdr:spPr bwMode="auto">
          <a:xfrm>
            <a:off x="2447925" y="6724650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小田原市</a:t>
            </a:r>
            <a:endParaRPr lang="ja-JP" altLang="en-US"/>
          </a:p>
        </xdr:txBody>
      </xdr:sp>
      <xdr:sp macro="" textlink="">
        <xdr:nvSpPr>
          <xdr:cNvPr id="149844" name="Line 176"/>
          <xdr:cNvSpPr>
            <a:spLocks noChangeShapeType="1"/>
          </xdr:cNvSpPr>
        </xdr:nvSpPr>
        <xdr:spPr bwMode="auto">
          <a:xfrm>
            <a:off x="2895600" y="5981700"/>
            <a:ext cx="904875" cy="1343025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37041" name="Text Box 177"/>
          <xdr:cNvSpPr txBox="1">
            <a:spLocks noChangeArrowheads="1"/>
          </xdr:cNvSpPr>
        </xdr:nvSpPr>
        <xdr:spPr bwMode="auto">
          <a:xfrm>
            <a:off x="3495675" y="5705475"/>
            <a:ext cx="895350" cy="33337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中井町</a:t>
            </a:r>
            <a:endParaRPr lang="ja-JP" altLang="en-US"/>
          </a:p>
        </xdr:txBody>
      </xdr:sp>
      <xdr:sp macro="" textlink="">
        <xdr:nvSpPr>
          <xdr:cNvPr id="37042" name="Text Box 178"/>
          <xdr:cNvSpPr txBox="1">
            <a:spLocks noChangeArrowheads="1"/>
          </xdr:cNvSpPr>
        </xdr:nvSpPr>
        <xdr:spPr bwMode="auto">
          <a:xfrm>
            <a:off x="4143375" y="6086475"/>
            <a:ext cx="285750" cy="73342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二宮町</a:t>
            </a:r>
            <a:endParaRPr lang="ja-JP" altLang="en-US"/>
          </a:p>
        </xdr:txBody>
      </xdr:sp>
      <xdr:sp macro="" textlink="">
        <xdr:nvSpPr>
          <xdr:cNvPr id="37043" name="Text Box 179"/>
          <xdr:cNvSpPr txBox="1">
            <a:spLocks noChangeArrowheads="1"/>
          </xdr:cNvSpPr>
        </xdr:nvSpPr>
        <xdr:spPr bwMode="auto">
          <a:xfrm>
            <a:off x="4333875" y="6143625"/>
            <a:ext cx="895350" cy="24765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磯町</a:t>
            </a:r>
            <a:endParaRPr lang="ja-JP" altLang="en-US"/>
          </a:p>
        </xdr:txBody>
      </xdr:sp>
      <xdr:sp macro="" textlink="">
        <xdr:nvSpPr>
          <xdr:cNvPr id="37044" name="Text Box 180"/>
          <xdr:cNvSpPr txBox="1">
            <a:spLocks noChangeArrowheads="1"/>
          </xdr:cNvSpPr>
        </xdr:nvSpPr>
        <xdr:spPr bwMode="auto">
          <a:xfrm>
            <a:off x="4591050" y="5562600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平塚市</a:t>
            </a:r>
            <a:endParaRPr lang="ja-JP" altLang="en-US"/>
          </a:p>
        </xdr:txBody>
      </xdr:sp>
      <xdr:sp macro="" textlink="">
        <xdr:nvSpPr>
          <xdr:cNvPr id="37045" name="Text Box 181"/>
          <xdr:cNvSpPr txBox="1">
            <a:spLocks noChangeArrowheads="1"/>
          </xdr:cNvSpPr>
        </xdr:nvSpPr>
        <xdr:spPr bwMode="auto">
          <a:xfrm>
            <a:off x="4333875" y="4762500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伊勢原市</a:t>
            </a:r>
            <a:endParaRPr lang="ja-JP" altLang="en-US"/>
          </a:p>
        </xdr:txBody>
      </xdr:sp>
      <xdr:sp macro="" textlink="">
        <xdr:nvSpPr>
          <xdr:cNvPr id="37046" name="Text Box 182"/>
          <xdr:cNvSpPr txBox="1">
            <a:spLocks noChangeArrowheads="1"/>
          </xdr:cNvSpPr>
        </xdr:nvSpPr>
        <xdr:spPr bwMode="auto">
          <a:xfrm>
            <a:off x="4867275" y="4048125"/>
            <a:ext cx="752475" cy="4572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厚木市</a:t>
            </a:r>
            <a:endParaRPr lang="ja-JP" altLang="en-US"/>
          </a:p>
        </xdr:txBody>
      </xdr:sp>
      <xdr:sp macro="" textlink="">
        <xdr:nvSpPr>
          <xdr:cNvPr id="37047" name="Text Box 183"/>
          <xdr:cNvSpPr txBox="1">
            <a:spLocks noChangeArrowheads="1"/>
          </xdr:cNvSpPr>
        </xdr:nvSpPr>
        <xdr:spPr bwMode="auto">
          <a:xfrm>
            <a:off x="5800725" y="3943350"/>
            <a:ext cx="304800" cy="128587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海老名市</a:t>
            </a:r>
            <a:endParaRPr lang="ja-JP" altLang="en-US"/>
          </a:p>
        </xdr:txBody>
      </xdr:sp>
      <xdr:sp macro="" textlink="">
        <xdr:nvSpPr>
          <xdr:cNvPr id="37048" name="Text Box 184"/>
          <xdr:cNvSpPr txBox="1">
            <a:spLocks noChangeArrowheads="1"/>
          </xdr:cNvSpPr>
        </xdr:nvSpPr>
        <xdr:spPr bwMode="auto">
          <a:xfrm>
            <a:off x="5743575" y="4972050"/>
            <a:ext cx="304800" cy="88582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寒川町</a:t>
            </a:r>
            <a:endParaRPr lang="ja-JP" altLang="en-US"/>
          </a:p>
        </xdr:txBody>
      </xdr:sp>
      <xdr:sp macro="" textlink="">
        <xdr:nvSpPr>
          <xdr:cNvPr id="37049" name="Text Box 185"/>
          <xdr:cNvSpPr txBox="1">
            <a:spLocks noChangeArrowheads="1"/>
          </xdr:cNvSpPr>
        </xdr:nvSpPr>
        <xdr:spPr bwMode="auto">
          <a:xfrm>
            <a:off x="5629275" y="5800725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茅ヶ崎市</a:t>
            </a:r>
            <a:endParaRPr lang="ja-JP" altLang="en-US"/>
          </a:p>
        </xdr:txBody>
      </xdr:sp>
      <xdr:sp macro="" textlink="">
        <xdr:nvSpPr>
          <xdr:cNvPr id="37050" name="Text Box 186"/>
          <xdr:cNvSpPr txBox="1">
            <a:spLocks noChangeArrowheads="1"/>
          </xdr:cNvSpPr>
        </xdr:nvSpPr>
        <xdr:spPr bwMode="auto">
          <a:xfrm>
            <a:off x="6572250" y="4943475"/>
            <a:ext cx="295275" cy="103822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藤沢市</a:t>
            </a:r>
            <a:endParaRPr lang="ja-JP" altLang="en-US"/>
          </a:p>
        </xdr:txBody>
      </xdr:sp>
      <xdr:sp macro="" textlink="">
        <xdr:nvSpPr>
          <xdr:cNvPr id="37051" name="Text Box 187"/>
          <xdr:cNvSpPr txBox="1">
            <a:spLocks noChangeArrowheads="1"/>
          </xdr:cNvSpPr>
        </xdr:nvSpPr>
        <xdr:spPr bwMode="auto">
          <a:xfrm>
            <a:off x="7134225" y="5943600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鎌倉市</a:t>
            </a:r>
            <a:endParaRPr lang="ja-JP" altLang="en-US"/>
          </a:p>
        </xdr:txBody>
      </xdr:sp>
      <xdr:sp macro="" textlink="">
        <xdr:nvSpPr>
          <xdr:cNvPr id="37052" name="Text Box 188"/>
          <xdr:cNvSpPr txBox="1">
            <a:spLocks noChangeArrowheads="1"/>
          </xdr:cNvSpPr>
        </xdr:nvSpPr>
        <xdr:spPr bwMode="auto">
          <a:xfrm>
            <a:off x="7667625" y="6276975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逗子市</a:t>
            </a:r>
            <a:endParaRPr lang="ja-JP" altLang="en-US"/>
          </a:p>
        </xdr:txBody>
      </xdr:sp>
      <xdr:sp macro="" textlink="">
        <xdr:nvSpPr>
          <xdr:cNvPr id="37053" name="Text Box 189"/>
          <xdr:cNvSpPr txBox="1">
            <a:spLocks noChangeArrowheads="1"/>
          </xdr:cNvSpPr>
        </xdr:nvSpPr>
        <xdr:spPr bwMode="auto">
          <a:xfrm>
            <a:off x="7848600" y="6715125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葉山町</a:t>
            </a:r>
            <a:endParaRPr lang="ja-JP" altLang="en-US"/>
          </a:p>
        </xdr:txBody>
      </xdr:sp>
      <xdr:sp macro="" textlink="">
        <xdr:nvSpPr>
          <xdr:cNvPr id="37054" name="Text Box 190"/>
          <xdr:cNvSpPr txBox="1">
            <a:spLocks noChangeArrowheads="1"/>
          </xdr:cNvSpPr>
        </xdr:nvSpPr>
        <xdr:spPr bwMode="auto">
          <a:xfrm>
            <a:off x="8543925" y="7115175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横須賀市</a:t>
            </a:r>
            <a:endParaRPr lang="ja-JP" altLang="en-US"/>
          </a:p>
        </xdr:txBody>
      </xdr:sp>
      <xdr:sp macro="" textlink="">
        <xdr:nvSpPr>
          <xdr:cNvPr id="37055" name="Text Box 191"/>
          <xdr:cNvSpPr txBox="1">
            <a:spLocks noChangeArrowheads="1"/>
          </xdr:cNvSpPr>
        </xdr:nvSpPr>
        <xdr:spPr bwMode="auto">
          <a:xfrm>
            <a:off x="8639175" y="7686675"/>
            <a:ext cx="304800" cy="100012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三浦市</a:t>
            </a:r>
            <a:endParaRPr lang="ja-JP" altLang="en-US"/>
          </a:p>
        </xdr:txBody>
      </xdr:sp>
      <xdr:sp macro="" textlink="">
        <xdr:nvSpPr>
          <xdr:cNvPr id="37056" name="Text Box 192"/>
          <xdr:cNvSpPr txBox="1">
            <a:spLocks noChangeArrowheads="1"/>
          </xdr:cNvSpPr>
        </xdr:nvSpPr>
        <xdr:spPr bwMode="auto">
          <a:xfrm>
            <a:off x="7648575" y="4057650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横浜市</a:t>
            </a:r>
            <a:endParaRPr lang="ja-JP" altLang="en-US"/>
          </a:p>
        </xdr:txBody>
      </xdr:sp>
      <xdr:sp macro="" textlink="">
        <xdr:nvSpPr>
          <xdr:cNvPr id="37057" name="Text Box 193"/>
          <xdr:cNvSpPr txBox="1">
            <a:spLocks noChangeArrowheads="1"/>
          </xdr:cNvSpPr>
        </xdr:nvSpPr>
        <xdr:spPr bwMode="auto">
          <a:xfrm>
            <a:off x="7867650" y="2333625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川崎市</a:t>
            </a:r>
            <a:endParaRPr lang="ja-JP" altLang="en-US"/>
          </a:p>
        </xdr:txBody>
      </xdr:sp>
      <xdr:sp macro="" textlink="">
        <xdr:nvSpPr>
          <xdr:cNvPr id="37058" name="Text Box 194"/>
          <xdr:cNvSpPr txBox="1">
            <a:spLocks noChangeArrowheads="1"/>
          </xdr:cNvSpPr>
        </xdr:nvSpPr>
        <xdr:spPr bwMode="auto">
          <a:xfrm>
            <a:off x="3705225" y="2581275"/>
            <a:ext cx="1028700" cy="3429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相模原市</a:t>
            </a:r>
            <a:endParaRPr lang="ja-JP" altLang="en-US"/>
          </a:p>
        </xdr:txBody>
      </xdr:sp>
      <xdr:sp macro="" textlink="">
        <xdr:nvSpPr>
          <xdr:cNvPr id="37059" name="Text Box 195"/>
          <xdr:cNvSpPr txBox="1">
            <a:spLocks noChangeArrowheads="1"/>
          </xdr:cNvSpPr>
        </xdr:nvSpPr>
        <xdr:spPr bwMode="auto">
          <a:xfrm>
            <a:off x="3552825" y="3771900"/>
            <a:ext cx="895350" cy="33337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清川村</a:t>
            </a:r>
            <a:endParaRPr lang="ja-JP" altLang="en-US"/>
          </a:p>
        </xdr:txBody>
      </xdr:sp>
      <xdr:sp macro="" textlink="">
        <xdr:nvSpPr>
          <xdr:cNvPr id="37060" name="Text Box 196"/>
          <xdr:cNvSpPr txBox="1">
            <a:spLocks noChangeArrowheads="1"/>
          </xdr:cNvSpPr>
        </xdr:nvSpPr>
        <xdr:spPr bwMode="auto">
          <a:xfrm>
            <a:off x="4352925" y="3067050"/>
            <a:ext cx="895350" cy="33337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愛川町</a:t>
            </a:r>
            <a:endParaRPr lang="ja-JP" altLang="en-US"/>
          </a:p>
        </xdr:txBody>
      </xdr:sp>
      <xdr:sp macro="" textlink="">
        <xdr:nvSpPr>
          <xdr:cNvPr id="37061" name="Text Box 197"/>
          <xdr:cNvSpPr txBox="1">
            <a:spLocks noChangeArrowheads="1"/>
          </xdr:cNvSpPr>
        </xdr:nvSpPr>
        <xdr:spPr bwMode="auto">
          <a:xfrm>
            <a:off x="5676900" y="3771900"/>
            <a:ext cx="895350" cy="33337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座間市</a:t>
            </a:r>
            <a:endParaRPr lang="ja-JP" altLang="en-US"/>
          </a:p>
        </xdr:txBody>
      </xdr:sp>
      <xdr:sp macro="" textlink="">
        <xdr:nvSpPr>
          <xdr:cNvPr id="37062" name="Text Box 198"/>
          <xdr:cNvSpPr txBox="1">
            <a:spLocks noChangeArrowheads="1"/>
          </xdr:cNvSpPr>
        </xdr:nvSpPr>
        <xdr:spPr bwMode="auto">
          <a:xfrm>
            <a:off x="6229350" y="4095750"/>
            <a:ext cx="304800" cy="74295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綾瀬市</a:t>
            </a:r>
            <a:endParaRPr lang="ja-JP" altLang="en-US"/>
          </a:p>
        </xdr:txBody>
      </xdr:sp>
      <xdr:sp macro="" textlink="">
        <xdr:nvSpPr>
          <xdr:cNvPr id="37063" name="Text Box 199"/>
          <xdr:cNvSpPr txBox="1">
            <a:spLocks noChangeArrowheads="1"/>
          </xdr:cNvSpPr>
        </xdr:nvSpPr>
        <xdr:spPr bwMode="auto">
          <a:xfrm>
            <a:off x="6515100" y="3419475"/>
            <a:ext cx="323850" cy="78105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和市</a:t>
            </a:r>
            <a:endParaRPr lang="ja-JP" altLang="en-US"/>
          </a:p>
        </xdr:txBody>
      </xdr:sp>
      <xdr:sp macro="" textlink="">
        <xdr:nvSpPr>
          <xdr:cNvPr id="37064" name="Text Box 200"/>
          <xdr:cNvSpPr txBox="1">
            <a:spLocks noChangeArrowheads="1"/>
          </xdr:cNvSpPr>
        </xdr:nvSpPr>
        <xdr:spPr bwMode="auto">
          <a:xfrm>
            <a:off x="3009900" y="5810250"/>
            <a:ext cx="685800" cy="31432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井町</a:t>
            </a:r>
            <a:endParaRPr lang="ja-JP" altLang="en-US"/>
          </a:p>
        </xdr:txBody>
      </xdr:sp>
      <xdr:sp macro="" textlink="">
        <xdr:nvSpPr>
          <xdr:cNvPr id="149869" name="Freeform 201"/>
          <xdr:cNvSpPr>
            <a:spLocks/>
          </xdr:cNvSpPr>
        </xdr:nvSpPr>
        <xdr:spPr bwMode="auto">
          <a:xfrm>
            <a:off x="4543425" y="2124075"/>
            <a:ext cx="2152650" cy="1676400"/>
          </a:xfrm>
          <a:custGeom>
            <a:avLst/>
            <a:gdLst>
              <a:gd name="T0" fmla="*/ 2147483646 w 226"/>
              <a:gd name="T1" fmla="*/ 2147483646 h 176"/>
              <a:gd name="T2" fmla="*/ 2147483646 w 226"/>
              <a:gd name="T3" fmla="*/ 2147483646 h 176"/>
              <a:gd name="T4" fmla="*/ 2147483646 w 226"/>
              <a:gd name="T5" fmla="*/ 2147483646 h 176"/>
              <a:gd name="T6" fmla="*/ 2147483646 w 226"/>
              <a:gd name="T7" fmla="*/ 2147483646 h 176"/>
              <a:gd name="T8" fmla="*/ 2147483646 w 226"/>
              <a:gd name="T9" fmla="*/ 2147483646 h 176"/>
              <a:gd name="T10" fmla="*/ 2147483646 w 226"/>
              <a:gd name="T11" fmla="*/ 2147483646 h 176"/>
              <a:gd name="T12" fmla="*/ 2147483646 w 226"/>
              <a:gd name="T13" fmla="*/ 2147483646 h 176"/>
              <a:gd name="T14" fmla="*/ 2147483646 w 226"/>
              <a:gd name="T15" fmla="*/ 2147483646 h 176"/>
              <a:gd name="T16" fmla="*/ 2147483646 w 226"/>
              <a:gd name="T17" fmla="*/ 2147483646 h 176"/>
              <a:gd name="T18" fmla="*/ 2147483646 w 226"/>
              <a:gd name="T19" fmla="*/ 2147483646 h 176"/>
              <a:gd name="T20" fmla="*/ 2147483646 w 226"/>
              <a:gd name="T21" fmla="*/ 2147483646 h 176"/>
              <a:gd name="T22" fmla="*/ 2147483646 w 226"/>
              <a:gd name="T23" fmla="*/ 2147483646 h 176"/>
              <a:gd name="T24" fmla="*/ 2147483646 w 226"/>
              <a:gd name="T25" fmla="*/ 2147483646 h 176"/>
              <a:gd name="T26" fmla="*/ 2147483646 w 226"/>
              <a:gd name="T27" fmla="*/ 2147483646 h 176"/>
              <a:gd name="T28" fmla="*/ 2147483646 w 226"/>
              <a:gd name="T29" fmla="*/ 2147483646 h 176"/>
              <a:gd name="T30" fmla="*/ 2147483646 w 226"/>
              <a:gd name="T31" fmla="*/ 2147483646 h 176"/>
              <a:gd name="T32" fmla="*/ 2147483646 w 226"/>
              <a:gd name="T33" fmla="*/ 2147483646 h 176"/>
              <a:gd name="T34" fmla="*/ 2147483646 w 226"/>
              <a:gd name="T35" fmla="*/ 2147483646 h 176"/>
              <a:gd name="T36" fmla="*/ 2147483646 w 226"/>
              <a:gd name="T37" fmla="*/ 2147483646 h 176"/>
              <a:gd name="T38" fmla="*/ 2147483646 w 226"/>
              <a:gd name="T39" fmla="*/ 2147483646 h 176"/>
              <a:gd name="T40" fmla="*/ 2147483646 w 226"/>
              <a:gd name="T41" fmla="*/ 2147483646 h 176"/>
              <a:gd name="T42" fmla="*/ 2147483646 w 226"/>
              <a:gd name="T43" fmla="*/ 2147483646 h 176"/>
              <a:gd name="T44" fmla="*/ 2147483646 w 226"/>
              <a:gd name="T45" fmla="*/ 2147483646 h 176"/>
              <a:gd name="T46" fmla="*/ 2147483646 w 226"/>
              <a:gd name="T47" fmla="*/ 2147483646 h 176"/>
              <a:gd name="T48" fmla="*/ 2147483646 w 226"/>
              <a:gd name="T49" fmla="*/ 2147483646 h 176"/>
              <a:gd name="T50" fmla="*/ 2147483646 w 226"/>
              <a:gd name="T51" fmla="*/ 2147483646 h 176"/>
              <a:gd name="T52" fmla="*/ 2147483646 w 226"/>
              <a:gd name="T53" fmla="*/ 2147483646 h 176"/>
              <a:gd name="T54" fmla="*/ 2147483646 w 226"/>
              <a:gd name="T55" fmla="*/ 2147483646 h 176"/>
              <a:gd name="T56" fmla="*/ 2147483646 w 226"/>
              <a:gd name="T57" fmla="*/ 2147483646 h 176"/>
              <a:gd name="T58" fmla="*/ 2147483646 w 226"/>
              <a:gd name="T59" fmla="*/ 2147483646 h 176"/>
              <a:gd name="T60" fmla="*/ 2147483646 w 226"/>
              <a:gd name="T61" fmla="*/ 2147483646 h 176"/>
              <a:gd name="T62" fmla="*/ 2147483646 w 226"/>
              <a:gd name="T63" fmla="*/ 2147483646 h 176"/>
              <a:gd name="T64" fmla="*/ 2147483646 w 226"/>
              <a:gd name="T65" fmla="*/ 2147483646 h 176"/>
              <a:gd name="T66" fmla="*/ 2147483646 w 226"/>
              <a:gd name="T67" fmla="*/ 2147483646 h 176"/>
              <a:gd name="T68" fmla="*/ 2147483646 w 226"/>
              <a:gd name="T69" fmla="*/ 2147483646 h 176"/>
              <a:gd name="T70" fmla="*/ 2147483646 w 226"/>
              <a:gd name="T71" fmla="*/ 2147483646 h 176"/>
              <a:gd name="T72" fmla="*/ 2147483646 w 226"/>
              <a:gd name="T73" fmla="*/ 2147483646 h 176"/>
              <a:gd name="T74" fmla="*/ 2147483646 w 226"/>
              <a:gd name="T75" fmla="*/ 2147483646 h 176"/>
              <a:gd name="T76" fmla="*/ 2147483646 w 226"/>
              <a:gd name="T77" fmla="*/ 2147483646 h 176"/>
              <a:gd name="T78" fmla="*/ 2147483646 w 226"/>
              <a:gd name="T79" fmla="*/ 2147483646 h 176"/>
              <a:gd name="T80" fmla="*/ 2147483646 w 226"/>
              <a:gd name="T81" fmla="*/ 0 h 176"/>
              <a:gd name="T82" fmla="*/ 2147483646 w 226"/>
              <a:gd name="T83" fmla="*/ 0 h 176"/>
              <a:gd name="T84" fmla="*/ 2147483646 w 226"/>
              <a:gd name="T85" fmla="*/ 2147483646 h 176"/>
              <a:gd name="T86" fmla="*/ 0 w 226"/>
              <a:gd name="T87" fmla="*/ 2147483646 h 176"/>
              <a:gd name="T88" fmla="*/ 2147483646 w 226"/>
              <a:gd name="T89" fmla="*/ 2147483646 h 17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226"/>
              <a:gd name="T136" fmla="*/ 0 h 176"/>
              <a:gd name="T137" fmla="*/ 226 w 226"/>
              <a:gd name="T138" fmla="*/ 176 h 176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226" h="176">
                <a:moveTo>
                  <a:pt x="2" y="29"/>
                </a:moveTo>
                <a:lnTo>
                  <a:pt x="13" y="33"/>
                </a:lnTo>
                <a:lnTo>
                  <a:pt x="14" y="37"/>
                </a:lnTo>
                <a:lnTo>
                  <a:pt x="28" y="80"/>
                </a:lnTo>
                <a:lnTo>
                  <a:pt x="31" y="82"/>
                </a:lnTo>
                <a:lnTo>
                  <a:pt x="34" y="82"/>
                </a:lnTo>
                <a:lnTo>
                  <a:pt x="39" y="85"/>
                </a:lnTo>
                <a:lnTo>
                  <a:pt x="43" y="89"/>
                </a:lnTo>
                <a:lnTo>
                  <a:pt x="46" y="94"/>
                </a:lnTo>
                <a:lnTo>
                  <a:pt x="50" y="98"/>
                </a:lnTo>
                <a:lnTo>
                  <a:pt x="52" y="100"/>
                </a:lnTo>
                <a:lnTo>
                  <a:pt x="56" y="104"/>
                </a:lnTo>
                <a:lnTo>
                  <a:pt x="59" y="107"/>
                </a:lnTo>
                <a:lnTo>
                  <a:pt x="66" y="105"/>
                </a:lnTo>
                <a:lnTo>
                  <a:pt x="69" y="105"/>
                </a:lnTo>
                <a:lnTo>
                  <a:pt x="71" y="103"/>
                </a:lnTo>
                <a:lnTo>
                  <a:pt x="80" y="106"/>
                </a:lnTo>
                <a:lnTo>
                  <a:pt x="88" y="112"/>
                </a:lnTo>
                <a:lnTo>
                  <a:pt x="97" y="118"/>
                </a:lnTo>
                <a:lnTo>
                  <a:pt x="105" y="124"/>
                </a:lnTo>
                <a:lnTo>
                  <a:pt x="109" y="127"/>
                </a:lnTo>
                <a:lnTo>
                  <a:pt x="113" y="132"/>
                </a:lnTo>
                <a:lnTo>
                  <a:pt x="118" y="133"/>
                </a:lnTo>
                <a:lnTo>
                  <a:pt x="121" y="133"/>
                </a:lnTo>
                <a:lnTo>
                  <a:pt x="123" y="135"/>
                </a:lnTo>
                <a:cubicBezTo>
                  <a:pt x="123" y="135"/>
                  <a:pt x="129" y="139"/>
                  <a:pt x="130" y="140"/>
                </a:cubicBezTo>
                <a:cubicBezTo>
                  <a:pt x="131" y="141"/>
                  <a:pt x="131" y="139"/>
                  <a:pt x="131" y="141"/>
                </a:cubicBezTo>
                <a:cubicBezTo>
                  <a:pt x="131" y="143"/>
                  <a:pt x="132" y="146"/>
                  <a:pt x="132" y="150"/>
                </a:cubicBezTo>
                <a:cubicBezTo>
                  <a:pt x="132" y="154"/>
                  <a:pt x="131" y="160"/>
                  <a:pt x="131" y="163"/>
                </a:cubicBezTo>
                <a:cubicBezTo>
                  <a:pt x="131" y="166"/>
                  <a:pt x="130" y="169"/>
                  <a:pt x="130" y="171"/>
                </a:cubicBezTo>
                <a:cubicBezTo>
                  <a:pt x="130" y="173"/>
                  <a:pt x="128" y="173"/>
                  <a:pt x="130" y="174"/>
                </a:cubicBezTo>
                <a:lnTo>
                  <a:pt x="143" y="176"/>
                </a:lnTo>
                <a:lnTo>
                  <a:pt x="151" y="167"/>
                </a:lnTo>
                <a:lnTo>
                  <a:pt x="164" y="165"/>
                </a:lnTo>
                <a:lnTo>
                  <a:pt x="168" y="158"/>
                </a:lnTo>
                <a:lnTo>
                  <a:pt x="173" y="152"/>
                </a:lnTo>
                <a:lnTo>
                  <a:pt x="182" y="142"/>
                </a:lnTo>
                <a:lnTo>
                  <a:pt x="188" y="144"/>
                </a:lnTo>
                <a:lnTo>
                  <a:pt x="193" y="147"/>
                </a:lnTo>
                <a:lnTo>
                  <a:pt x="193" y="152"/>
                </a:lnTo>
                <a:lnTo>
                  <a:pt x="196" y="150"/>
                </a:lnTo>
                <a:lnTo>
                  <a:pt x="200" y="150"/>
                </a:lnTo>
                <a:lnTo>
                  <a:pt x="205" y="150"/>
                </a:lnTo>
                <a:lnTo>
                  <a:pt x="210" y="147"/>
                </a:lnTo>
                <a:lnTo>
                  <a:pt x="214" y="141"/>
                </a:lnTo>
                <a:lnTo>
                  <a:pt x="223" y="135"/>
                </a:lnTo>
                <a:lnTo>
                  <a:pt x="223" y="130"/>
                </a:lnTo>
                <a:lnTo>
                  <a:pt x="226" y="128"/>
                </a:lnTo>
                <a:lnTo>
                  <a:pt x="226" y="123"/>
                </a:lnTo>
                <a:lnTo>
                  <a:pt x="216" y="115"/>
                </a:lnTo>
                <a:lnTo>
                  <a:pt x="212" y="108"/>
                </a:lnTo>
                <a:lnTo>
                  <a:pt x="205" y="103"/>
                </a:lnTo>
                <a:lnTo>
                  <a:pt x="195" y="96"/>
                </a:lnTo>
                <a:lnTo>
                  <a:pt x="192" y="90"/>
                </a:lnTo>
                <a:lnTo>
                  <a:pt x="187" y="87"/>
                </a:lnTo>
                <a:lnTo>
                  <a:pt x="185" y="81"/>
                </a:lnTo>
                <a:lnTo>
                  <a:pt x="177" y="76"/>
                </a:lnTo>
                <a:lnTo>
                  <a:pt x="175" y="70"/>
                </a:lnTo>
                <a:lnTo>
                  <a:pt x="173" y="68"/>
                </a:lnTo>
                <a:lnTo>
                  <a:pt x="169" y="61"/>
                </a:lnTo>
                <a:lnTo>
                  <a:pt x="167" y="58"/>
                </a:lnTo>
                <a:lnTo>
                  <a:pt x="162" y="56"/>
                </a:lnTo>
                <a:lnTo>
                  <a:pt x="159" y="50"/>
                </a:lnTo>
                <a:lnTo>
                  <a:pt x="157" y="46"/>
                </a:lnTo>
                <a:lnTo>
                  <a:pt x="147" y="43"/>
                </a:lnTo>
                <a:lnTo>
                  <a:pt x="144" y="38"/>
                </a:lnTo>
                <a:lnTo>
                  <a:pt x="131" y="34"/>
                </a:lnTo>
                <a:lnTo>
                  <a:pt x="130" y="29"/>
                </a:lnTo>
                <a:lnTo>
                  <a:pt x="124" y="29"/>
                </a:lnTo>
                <a:lnTo>
                  <a:pt x="120" y="25"/>
                </a:lnTo>
                <a:lnTo>
                  <a:pt x="113" y="22"/>
                </a:lnTo>
                <a:lnTo>
                  <a:pt x="104" y="19"/>
                </a:lnTo>
                <a:lnTo>
                  <a:pt x="92" y="17"/>
                </a:lnTo>
                <a:lnTo>
                  <a:pt x="84" y="13"/>
                </a:lnTo>
                <a:lnTo>
                  <a:pt x="74" y="13"/>
                </a:lnTo>
                <a:lnTo>
                  <a:pt x="63" y="11"/>
                </a:lnTo>
                <a:lnTo>
                  <a:pt x="56" y="14"/>
                </a:lnTo>
                <a:lnTo>
                  <a:pt x="49" y="12"/>
                </a:lnTo>
                <a:lnTo>
                  <a:pt x="44" y="13"/>
                </a:lnTo>
                <a:lnTo>
                  <a:pt x="36" y="6"/>
                </a:lnTo>
                <a:lnTo>
                  <a:pt x="29" y="3"/>
                </a:lnTo>
                <a:lnTo>
                  <a:pt x="23" y="0"/>
                </a:lnTo>
                <a:lnTo>
                  <a:pt x="14" y="0"/>
                </a:lnTo>
                <a:lnTo>
                  <a:pt x="9" y="0"/>
                </a:lnTo>
                <a:lnTo>
                  <a:pt x="7" y="0"/>
                </a:lnTo>
                <a:lnTo>
                  <a:pt x="4" y="1"/>
                </a:lnTo>
                <a:lnTo>
                  <a:pt x="2" y="7"/>
                </a:lnTo>
                <a:lnTo>
                  <a:pt x="0" y="9"/>
                </a:lnTo>
                <a:lnTo>
                  <a:pt x="0" y="12"/>
                </a:lnTo>
                <a:lnTo>
                  <a:pt x="7" y="25"/>
                </a:lnTo>
                <a:lnTo>
                  <a:pt x="2" y="29"/>
                </a:lnTo>
                <a:close/>
              </a:path>
            </a:pathLst>
          </a:custGeom>
          <a:solidFill>
            <a:srgbClr val="DDDDDD"/>
          </a:solidFill>
          <a:ln>
            <a:noFill/>
          </a:ln>
          <a:extLst>
            <a:ext uri="{91240B29-F687-4F45-9708-019B960494DF}">
              <a14:hiddenLine xmlns:a14="http://schemas.microsoft.com/office/drawing/2010/main" w="9525" cap="flat" cmpd="sng">
                <a:solidFill>
                  <a:srgbClr val="000000"/>
                </a:solidFill>
                <a:prstDash val="solid"/>
                <a:round/>
                <a:headEnd/>
                <a:tailEnd/>
              </a14:hiddenLine>
            </a:ext>
          </a:extLst>
        </xdr:spPr>
      </xdr:sp>
      <xdr:sp macro="" textlink="">
        <xdr:nvSpPr>
          <xdr:cNvPr id="149870" name="Rectangle 204" descr="5%"/>
          <xdr:cNvSpPr>
            <a:spLocks noChangeArrowheads="1"/>
          </xdr:cNvSpPr>
        </xdr:nvSpPr>
        <xdr:spPr bwMode="auto">
          <a:xfrm>
            <a:off x="4876800" y="7829550"/>
            <a:ext cx="609600" cy="304800"/>
          </a:xfrm>
          <a:prstGeom prst="rect">
            <a:avLst/>
          </a:prstGeom>
          <a:pattFill prst="pct5">
            <a:fgClr>
              <a:srgbClr val="000000"/>
            </a:fgClr>
            <a:bgClr>
              <a:srgbClr val="FFFFFF"/>
            </a:bgClr>
          </a:pattFill>
          <a:ln w="9525" algn="ctr">
            <a:solidFill>
              <a:srgbClr val="000000"/>
            </a:solidFill>
            <a:miter lim="800000"/>
            <a:headEnd/>
            <a:tailEnd/>
          </a:ln>
        </xdr:spPr>
      </xdr:sp>
      <xdr:sp macro="" textlink="">
        <xdr:nvSpPr>
          <xdr:cNvPr id="149871" name="Rectangle 205"/>
          <xdr:cNvSpPr>
            <a:spLocks noChangeArrowheads="1"/>
          </xdr:cNvSpPr>
        </xdr:nvSpPr>
        <xdr:spPr bwMode="auto">
          <a:xfrm>
            <a:off x="4876800" y="7372350"/>
            <a:ext cx="609600" cy="295275"/>
          </a:xfrm>
          <a:prstGeom prst="rect">
            <a:avLst/>
          </a:prstGeom>
          <a:solidFill>
            <a:srgbClr val="DDDDDD"/>
          </a:solidFill>
          <a:ln w="9525" algn="ctr">
            <a:solidFill>
              <a:srgbClr val="000000"/>
            </a:solidFill>
            <a:miter lim="800000"/>
            <a:headEnd/>
            <a:tailEnd/>
          </a:ln>
        </xdr:spPr>
      </xdr:sp>
      <xdr:sp macro="" textlink="">
        <xdr:nvSpPr>
          <xdr:cNvPr id="149872" name="Freeform 202"/>
          <xdr:cNvSpPr>
            <a:spLocks/>
          </xdr:cNvSpPr>
        </xdr:nvSpPr>
        <xdr:spPr bwMode="auto">
          <a:xfrm>
            <a:off x="2286000" y="2343150"/>
            <a:ext cx="1695450" cy="1657350"/>
          </a:xfrm>
          <a:custGeom>
            <a:avLst/>
            <a:gdLst>
              <a:gd name="T0" fmla="*/ 2147483646 w 178"/>
              <a:gd name="T1" fmla="*/ 2147483646 h 174"/>
              <a:gd name="T2" fmla="*/ 2147483646 w 178"/>
              <a:gd name="T3" fmla="*/ 0 h 174"/>
              <a:gd name="T4" fmla="*/ 2147483646 w 178"/>
              <a:gd name="T5" fmla="*/ 2147483646 h 174"/>
              <a:gd name="T6" fmla="*/ 2147483646 w 178"/>
              <a:gd name="T7" fmla="*/ 2147483646 h 174"/>
              <a:gd name="T8" fmla="*/ 2147483646 w 178"/>
              <a:gd name="T9" fmla="*/ 2147483646 h 174"/>
              <a:gd name="T10" fmla="*/ 2147483646 w 178"/>
              <a:gd name="T11" fmla="*/ 2147483646 h 174"/>
              <a:gd name="T12" fmla="*/ 2147483646 w 178"/>
              <a:gd name="T13" fmla="*/ 2147483646 h 174"/>
              <a:gd name="T14" fmla="*/ 2147483646 w 178"/>
              <a:gd name="T15" fmla="*/ 2147483646 h 174"/>
              <a:gd name="T16" fmla="*/ 2147483646 w 178"/>
              <a:gd name="T17" fmla="*/ 2147483646 h 174"/>
              <a:gd name="T18" fmla="*/ 2147483646 w 178"/>
              <a:gd name="T19" fmla="*/ 2147483646 h 174"/>
              <a:gd name="T20" fmla="*/ 2147483646 w 178"/>
              <a:gd name="T21" fmla="*/ 2147483646 h 174"/>
              <a:gd name="T22" fmla="*/ 2147483646 w 178"/>
              <a:gd name="T23" fmla="*/ 2147483646 h 174"/>
              <a:gd name="T24" fmla="*/ 2147483646 w 178"/>
              <a:gd name="T25" fmla="*/ 2147483646 h 174"/>
              <a:gd name="T26" fmla="*/ 2147483646 w 178"/>
              <a:gd name="T27" fmla="*/ 2147483646 h 174"/>
              <a:gd name="T28" fmla="*/ 2147483646 w 178"/>
              <a:gd name="T29" fmla="*/ 2147483646 h 174"/>
              <a:gd name="T30" fmla="*/ 2147483646 w 178"/>
              <a:gd name="T31" fmla="*/ 2147483646 h 174"/>
              <a:gd name="T32" fmla="*/ 2147483646 w 178"/>
              <a:gd name="T33" fmla="*/ 2147483646 h 174"/>
              <a:gd name="T34" fmla="*/ 2147483646 w 178"/>
              <a:gd name="T35" fmla="*/ 2147483646 h 174"/>
              <a:gd name="T36" fmla="*/ 2147483646 w 178"/>
              <a:gd name="T37" fmla="*/ 2147483646 h 174"/>
              <a:gd name="T38" fmla="*/ 2147483646 w 178"/>
              <a:gd name="T39" fmla="*/ 2147483646 h 174"/>
              <a:gd name="T40" fmla="*/ 2147483646 w 178"/>
              <a:gd name="T41" fmla="*/ 2147483646 h 174"/>
              <a:gd name="T42" fmla="*/ 2147483646 w 178"/>
              <a:gd name="T43" fmla="*/ 2147483646 h 174"/>
              <a:gd name="T44" fmla="*/ 2147483646 w 178"/>
              <a:gd name="T45" fmla="*/ 2147483646 h 174"/>
              <a:gd name="T46" fmla="*/ 2147483646 w 178"/>
              <a:gd name="T47" fmla="*/ 2147483646 h 174"/>
              <a:gd name="T48" fmla="*/ 2147483646 w 178"/>
              <a:gd name="T49" fmla="*/ 2147483646 h 174"/>
              <a:gd name="T50" fmla="*/ 2147483646 w 178"/>
              <a:gd name="T51" fmla="*/ 2147483646 h 174"/>
              <a:gd name="T52" fmla="*/ 2147483646 w 178"/>
              <a:gd name="T53" fmla="*/ 2147483646 h 174"/>
              <a:gd name="T54" fmla="*/ 2147483646 w 178"/>
              <a:gd name="T55" fmla="*/ 2147483646 h 174"/>
              <a:gd name="T56" fmla="*/ 2147483646 w 178"/>
              <a:gd name="T57" fmla="*/ 2147483646 h 174"/>
              <a:gd name="T58" fmla="*/ 2147483646 w 178"/>
              <a:gd name="T59" fmla="*/ 2147483646 h 174"/>
              <a:gd name="T60" fmla="*/ 2147483646 w 178"/>
              <a:gd name="T61" fmla="*/ 2147483646 h 174"/>
              <a:gd name="T62" fmla="*/ 2147483646 w 178"/>
              <a:gd name="T63" fmla="*/ 2147483646 h 174"/>
              <a:gd name="T64" fmla="*/ 2147483646 w 178"/>
              <a:gd name="T65" fmla="*/ 2147483646 h 174"/>
              <a:gd name="T66" fmla="*/ 2147483646 w 178"/>
              <a:gd name="T67" fmla="*/ 2147483646 h 174"/>
              <a:gd name="T68" fmla="*/ 2147483646 w 178"/>
              <a:gd name="T69" fmla="*/ 2147483646 h 174"/>
              <a:gd name="T70" fmla="*/ 2147483646 w 178"/>
              <a:gd name="T71" fmla="*/ 2147483646 h 174"/>
              <a:gd name="T72" fmla="*/ 2147483646 w 178"/>
              <a:gd name="T73" fmla="*/ 2147483646 h 174"/>
              <a:gd name="T74" fmla="*/ 2147483646 w 178"/>
              <a:gd name="T75" fmla="*/ 2147483646 h 174"/>
              <a:gd name="T76" fmla="*/ 2147483646 w 178"/>
              <a:gd name="T77" fmla="*/ 2147483646 h 174"/>
              <a:gd name="T78" fmla="*/ 2147483646 w 178"/>
              <a:gd name="T79" fmla="*/ 2147483646 h 174"/>
              <a:gd name="T80" fmla="*/ 2147483646 w 178"/>
              <a:gd name="T81" fmla="*/ 2147483646 h 174"/>
              <a:gd name="T82" fmla="*/ 2147483646 w 178"/>
              <a:gd name="T83" fmla="*/ 2147483646 h 174"/>
              <a:gd name="T84" fmla="*/ 2147483646 w 178"/>
              <a:gd name="T85" fmla="*/ 2147483646 h 174"/>
              <a:gd name="T86" fmla="*/ 2147483646 w 178"/>
              <a:gd name="T87" fmla="*/ 2147483646 h 174"/>
              <a:gd name="T88" fmla="*/ 2147483646 w 178"/>
              <a:gd name="T89" fmla="*/ 2147483646 h 174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178"/>
              <a:gd name="T136" fmla="*/ 0 h 174"/>
              <a:gd name="T137" fmla="*/ 178 w 178"/>
              <a:gd name="T138" fmla="*/ 174 h 174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178" h="174">
                <a:moveTo>
                  <a:pt x="72" y="4"/>
                </a:moveTo>
                <a:lnTo>
                  <a:pt x="82" y="5"/>
                </a:lnTo>
                <a:lnTo>
                  <a:pt x="92" y="7"/>
                </a:lnTo>
                <a:lnTo>
                  <a:pt x="107" y="0"/>
                </a:lnTo>
                <a:lnTo>
                  <a:pt x="112" y="0"/>
                </a:lnTo>
                <a:lnTo>
                  <a:pt x="116" y="5"/>
                </a:lnTo>
                <a:lnTo>
                  <a:pt x="119" y="2"/>
                </a:lnTo>
                <a:lnTo>
                  <a:pt x="122" y="4"/>
                </a:lnTo>
                <a:lnTo>
                  <a:pt x="125" y="8"/>
                </a:lnTo>
                <a:lnTo>
                  <a:pt x="130" y="10"/>
                </a:lnTo>
                <a:lnTo>
                  <a:pt x="133" y="16"/>
                </a:lnTo>
                <a:lnTo>
                  <a:pt x="143" y="35"/>
                </a:lnTo>
                <a:lnTo>
                  <a:pt x="142" y="38"/>
                </a:lnTo>
                <a:lnTo>
                  <a:pt x="132" y="41"/>
                </a:lnTo>
                <a:lnTo>
                  <a:pt x="130" y="42"/>
                </a:lnTo>
                <a:lnTo>
                  <a:pt x="127" y="43"/>
                </a:lnTo>
                <a:lnTo>
                  <a:pt x="122" y="45"/>
                </a:lnTo>
                <a:lnTo>
                  <a:pt x="120" y="52"/>
                </a:lnTo>
                <a:lnTo>
                  <a:pt x="124" y="60"/>
                </a:lnTo>
                <a:lnTo>
                  <a:pt x="127" y="66"/>
                </a:lnTo>
                <a:lnTo>
                  <a:pt x="148" y="100"/>
                </a:lnTo>
                <a:lnTo>
                  <a:pt x="159" y="99"/>
                </a:lnTo>
                <a:lnTo>
                  <a:pt x="160" y="104"/>
                </a:lnTo>
                <a:lnTo>
                  <a:pt x="163" y="108"/>
                </a:lnTo>
                <a:lnTo>
                  <a:pt x="166" y="104"/>
                </a:lnTo>
                <a:lnTo>
                  <a:pt x="169" y="102"/>
                </a:lnTo>
                <a:lnTo>
                  <a:pt x="173" y="100"/>
                </a:lnTo>
                <a:lnTo>
                  <a:pt x="178" y="100"/>
                </a:lnTo>
                <a:lnTo>
                  <a:pt x="176" y="107"/>
                </a:lnTo>
                <a:lnTo>
                  <a:pt x="171" y="111"/>
                </a:lnTo>
                <a:lnTo>
                  <a:pt x="166" y="116"/>
                </a:lnTo>
                <a:lnTo>
                  <a:pt x="159" y="121"/>
                </a:lnTo>
                <a:lnTo>
                  <a:pt x="156" y="127"/>
                </a:lnTo>
                <a:lnTo>
                  <a:pt x="151" y="130"/>
                </a:lnTo>
                <a:lnTo>
                  <a:pt x="146" y="130"/>
                </a:lnTo>
                <a:lnTo>
                  <a:pt x="142" y="133"/>
                </a:lnTo>
                <a:lnTo>
                  <a:pt x="138" y="139"/>
                </a:lnTo>
                <a:lnTo>
                  <a:pt x="126" y="151"/>
                </a:lnTo>
                <a:lnTo>
                  <a:pt x="123" y="155"/>
                </a:lnTo>
                <a:lnTo>
                  <a:pt x="119" y="160"/>
                </a:lnTo>
                <a:lnTo>
                  <a:pt x="115" y="163"/>
                </a:lnTo>
                <a:lnTo>
                  <a:pt x="113" y="168"/>
                </a:lnTo>
                <a:lnTo>
                  <a:pt x="111" y="172"/>
                </a:lnTo>
                <a:lnTo>
                  <a:pt x="111" y="174"/>
                </a:lnTo>
                <a:lnTo>
                  <a:pt x="109" y="172"/>
                </a:lnTo>
                <a:lnTo>
                  <a:pt x="103" y="171"/>
                </a:lnTo>
                <a:lnTo>
                  <a:pt x="99" y="173"/>
                </a:lnTo>
                <a:lnTo>
                  <a:pt x="94" y="171"/>
                </a:lnTo>
                <a:lnTo>
                  <a:pt x="93" y="164"/>
                </a:lnTo>
                <a:lnTo>
                  <a:pt x="87" y="160"/>
                </a:lnTo>
                <a:lnTo>
                  <a:pt x="79" y="159"/>
                </a:lnTo>
                <a:lnTo>
                  <a:pt x="63" y="173"/>
                </a:lnTo>
                <a:lnTo>
                  <a:pt x="60" y="173"/>
                </a:lnTo>
                <a:lnTo>
                  <a:pt x="48" y="170"/>
                </a:lnTo>
                <a:lnTo>
                  <a:pt x="40" y="169"/>
                </a:lnTo>
                <a:lnTo>
                  <a:pt x="38" y="163"/>
                </a:lnTo>
                <a:lnTo>
                  <a:pt x="32" y="158"/>
                </a:lnTo>
                <a:lnTo>
                  <a:pt x="28" y="156"/>
                </a:lnTo>
                <a:lnTo>
                  <a:pt x="23" y="149"/>
                </a:lnTo>
                <a:lnTo>
                  <a:pt x="9" y="146"/>
                </a:lnTo>
                <a:lnTo>
                  <a:pt x="7" y="143"/>
                </a:lnTo>
                <a:lnTo>
                  <a:pt x="5" y="137"/>
                </a:lnTo>
                <a:lnTo>
                  <a:pt x="3" y="134"/>
                </a:lnTo>
                <a:lnTo>
                  <a:pt x="2" y="133"/>
                </a:lnTo>
                <a:lnTo>
                  <a:pt x="2" y="132"/>
                </a:lnTo>
                <a:lnTo>
                  <a:pt x="2" y="127"/>
                </a:lnTo>
                <a:lnTo>
                  <a:pt x="0" y="125"/>
                </a:lnTo>
                <a:lnTo>
                  <a:pt x="8" y="125"/>
                </a:lnTo>
                <a:lnTo>
                  <a:pt x="12" y="123"/>
                </a:lnTo>
                <a:lnTo>
                  <a:pt x="16" y="124"/>
                </a:lnTo>
                <a:lnTo>
                  <a:pt x="24" y="115"/>
                </a:lnTo>
                <a:lnTo>
                  <a:pt x="29" y="108"/>
                </a:lnTo>
                <a:lnTo>
                  <a:pt x="35" y="104"/>
                </a:lnTo>
                <a:lnTo>
                  <a:pt x="41" y="100"/>
                </a:lnTo>
                <a:lnTo>
                  <a:pt x="43" y="93"/>
                </a:lnTo>
                <a:lnTo>
                  <a:pt x="47" y="93"/>
                </a:lnTo>
                <a:lnTo>
                  <a:pt x="50" y="90"/>
                </a:lnTo>
                <a:lnTo>
                  <a:pt x="51" y="87"/>
                </a:lnTo>
                <a:lnTo>
                  <a:pt x="53" y="75"/>
                </a:lnTo>
                <a:lnTo>
                  <a:pt x="56" y="63"/>
                </a:lnTo>
                <a:lnTo>
                  <a:pt x="62" y="59"/>
                </a:lnTo>
                <a:lnTo>
                  <a:pt x="70" y="50"/>
                </a:lnTo>
                <a:lnTo>
                  <a:pt x="73" y="45"/>
                </a:lnTo>
                <a:lnTo>
                  <a:pt x="71" y="32"/>
                </a:lnTo>
                <a:lnTo>
                  <a:pt x="71" y="25"/>
                </a:lnTo>
                <a:lnTo>
                  <a:pt x="70" y="22"/>
                </a:lnTo>
                <a:lnTo>
                  <a:pt x="67" y="18"/>
                </a:lnTo>
                <a:lnTo>
                  <a:pt x="63" y="18"/>
                </a:lnTo>
                <a:lnTo>
                  <a:pt x="64" y="15"/>
                </a:lnTo>
                <a:lnTo>
                  <a:pt x="67" y="6"/>
                </a:lnTo>
                <a:lnTo>
                  <a:pt x="72" y="4"/>
                </a:lnTo>
                <a:close/>
              </a:path>
            </a:pathLst>
          </a:custGeom>
          <a:solidFill>
            <a:srgbClr val="FFFFFF"/>
          </a:solidFill>
          <a:ln>
            <a:noFill/>
          </a:ln>
          <a:extLst>
            <a:ext uri="{91240B29-F687-4F45-9708-019B960494DF}">
              <a14:hiddenLine xmlns:a14="http://schemas.microsoft.com/office/drawing/2010/main" w="9525" cap="flat" cmpd="sng">
                <a:solidFill>
                  <a:srgbClr val="000000"/>
                </a:solidFill>
                <a:prstDash val="solid"/>
                <a:round/>
                <a:headEnd/>
                <a:tailEnd/>
              </a14:hiddenLine>
            </a:ext>
          </a:extLst>
        </xdr:spPr>
      </xdr:sp>
      <xdr:sp macro="" textlink="">
        <xdr:nvSpPr>
          <xdr:cNvPr id="149873" name="Rectangle 206"/>
          <xdr:cNvSpPr>
            <a:spLocks noChangeArrowheads="1"/>
          </xdr:cNvSpPr>
        </xdr:nvSpPr>
        <xdr:spPr bwMode="auto">
          <a:xfrm>
            <a:off x="4876800" y="8286750"/>
            <a:ext cx="609600" cy="304800"/>
          </a:xfrm>
          <a:prstGeom prst="rect">
            <a:avLst/>
          </a:prstGeom>
          <a:solidFill>
            <a:srgbClr val="FFFFFF"/>
          </a:solidFill>
          <a:ln w="9525" algn="ctr">
            <a:solidFill>
              <a:srgbClr val="000000"/>
            </a:solidFill>
            <a:miter lim="800000"/>
            <a:headEnd/>
            <a:tailEnd/>
          </a:ln>
        </xdr:spPr>
      </xdr:sp>
      <xdr:sp macro="" textlink="">
        <xdr:nvSpPr>
          <xdr:cNvPr id="149874" name="Freeform 203" descr="5%"/>
          <xdr:cNvSpPr>
            <a:spLocks/>
          </xdr:cNvSpPr>
        </xdr:nvSpPr>
        <xdr:spPr bwMode="auto">
          <a:xfrm>
            <a:off x="1933575" y="5238750"/>
            <a:ext cx="981075" cy="533400"/>
          </a:xfrm>
          <a:custGeom>
            <a:avLst/>
            <a:gdLst>
              <a:gd name="T0" fmla="*/ 0 w 103"/>
              <a:gd name="T1" fmla="*/ 2147483646 h 56"/>
              <a:gd name="T2" fmla="*/ 2147483646 w 103"/>
              <a:gd name="T3" fmla="*/ 2147483646 h 56"/>
              <a:gd name="T4" fmla="*/ 2147483646 w 103"/>
              <a:gd name="T5" fmla="*/ 2147483646 h 56"/>
              <a:gd name="T6" fmla="*/ 2147483646 w 103"/>
              <a:gd name="T7" fmla="*/ 2147483646 h 56"/>
              <a:gd name="T8" fmla="*/ 2147483646 w 103"/>
              <a:gd name="T9" fmla="*/ 2147483646 h 56"/>
              <a:gd name="T10" fmla="*/ 2147483646 w 103"/>
              <a:gd name="T11" fmla="*/ 2147483646 h 56"/>
              <a:gd name="T12" fmla="*/ 2147483646 w 103"/>
              <a:gd name="T13" fmla="*/ 2147483646 h 56"/>
              <a:gd name="T14" fmla="*/ 2147483646 w 103"/>
              <a:gd name="T15" fmla="*/ 2147483646 h 56"/>
              <a:gd name="T16" fmla="*/ 2147483646 w 103"/>
              <a:gd name="T17" fmla="*/ 2147483646 h 56"/>
              <a:gd name="T18" fmla="*/ 2147483646 w 103"/>
              <a:gd name="T19" fmla="*/ 2147483646 h 56"/>
              <a:gd name="T20" fmla="*/ 2147483646 w 103"/>
              <a:gd name="T21" fmla="*/ 2147483646 h 56"/>
              <a:gd name="T22" fmla="*/ 2147483646 w 103"/>
              <a:gd name="T23" fmla="*/ 2147483646 h 56"/>
              <a:gd name="T24" fmla="*/ 2147483646 w 103"/>
              <a:gd name="T25" fmla="*/ 0 h 56"/>
              <a:gd name="T26" fmla="*/ 2147483646 w 103"/>
              <a:gd name="T27" fmla="*/ 2147483646 h 56"/>
              <a:gd name="T28" fmla="*/ 2147483646 w 103"/>
              <a:gd name="T29" fmla="*/ 2147483646 h 56"/>
              <a:gd name="T30" fmla="*/ 2147483646 w 103"/>
              <a:gd name="T31" fmla="*/ 2147483646 h 56"/>
              <a:gd name="T32" fmla="*/ 2147483646 w 103"/>
              <a:gd name="T33" fmla="*/ 2147483646 h 56"/>
              <a:gd name="T34" fmla="*/ 2147483646 w 103"/>
              <a:gd name="T35" fmla="*/ 2147483646 h 56"/>
              <a:gd name="T36" fmla="*/ 2147483646 w 103"/>
              <a:gd name="T37" fmla="*/ 2147483646 h 56"/>
              <a:gd name="T38" fmla="*/ 2147483646 w 103"/>
              <a:gd name="T39" fmla="*/ 2147483646 h 56"/>
              <a:gd name="T40" fmla="*/ 2147483646 w 103"/>
              <a:gd name="T41" fmla="*/ 2147483646 h 56"/>
              <a:gd name="T42" fmla="*/ 2147483646 w 103"/>
              <a:gd name="T43" fmla="*/ 2147483646 h 56"/>
              <a:gd name="T44" fmla="*/ 2147483646 w 103"/>
              <a:gd name="T45" fmla="*/ 2147483646 h 56"/>
              <a:gd name="T46" fmla="*/ 2147483646 w 103"/>
              <a:gd name="T47" fmla="*/ 2147483646 h 56"/>
              <a:gd name="T48" fmla="*/ 2147483646 w 103"/>
              <a:gd name="T49" fmla="*/ 2147483646 h 56"/>
              <a:gd name="T50" fmla="*/ 2147483646 w 103"/>
              <a:gd name="T51" fmla="*/ 2147483646 h 56"/>
              <a:gd name="T52" fmla="*/ 2147483646 w 103"/>
              <a:gd name="T53" fmla="*/ 2147483646 h 56"/>
              <a:gd name="T54" fmla="*/ 2147483646 w 103"/>
              <a:gd name="T55" fmla="*/ 2147483646 h 56"/>
              <a:gd name="T56" fmla="*/ 2147483646 w 103"/>
              <a:gd name="T57" fmla="*/ 2147483646 h 56"/>
              <a:gd name="T58" fmla="*/ 2147483646 w 103"/>
              <a:gd name="T59" fmla="*/ 2147483646 h 56"/>
              <a:gd name="T60" fmla="*/ 2147483646 w 103"/>
              <a:gd name="T61" fmla="*/ 2147483646 h 56"/>
              <a:gd name="T62" fmla="*/ 2147483646 w 103"/>
              <a:gd name="T63" fmla="*/ 2147483646 h 56"/>
              <a:gd name="T64" fmla="*/ 2147483646 w 103"/>
              <a:gd name="T65" fmla="*/ 2147483646 h 56"/>
              <a:gd name="T66" fmla="*/ 2147483646 w 103"/>
              <a:gd name="T67" fmla="*/ 2147483646 h 56"/>
              <a:gd name="T68" fmla="*/ 2147483646 w 103"/>
              <a:gd name="T69" fmla="*/ 2147483646 h 56"/>
              <a:gd name="T70" fmla="*/ 2147483646 w 103"/>
              <a:gd name="T71" fmla="*/ 2147483646 h 56"/>
              <a:gd name="T72" fmla="*/ 2147483646 w 103"/>
              <a:gd name="T73" fmla="*/ 2147483646 h 56"/>
              <a:gd name="T74" fmla="*/ 2147483646 w 103"/>
              <a:gd name="T75" fmla="*/ 2147483646 h 56"/>
              <a:gd name="T76" fmla="*/ 2147483646 w 103"/>
              <a:gd name="T77" fmla="*/ 2147483646 h 56"/>
              <a:gd name="T78" fmla="*/ 2147483646 w 103"/>
              <a:gd name="T79" fmla="*/ 2147483646 h 56"/>
              <a:gd name="T80" fmla="*/ 2147483646 w 103"/>
              <a:gd name="T81" fmla="*/ 2147483646 h 56"/>
              <a:gd name="T82" fmla="*/ 2147483646 w 103"/>
              <a:gd name="T83" fmla="*/ 2147483646 h 56"/>
              <a:gd name="T84" fmla="*/ 2147483646 w 103"/>
              <a:gd name="T85" fmla="*/ 2147483646 h 56"/>
              <a:gd name="T86" fmla="*/ 2147483646 w 103"/>
              <a:gd name="T87" fmla="*/ 2147483646 h 56"/>
              <a:gd name="T88" fmla="*/ 2147483646 w 103"/>
              <a:gd name="T89" fmla="*/ 2147483646 h 56"/>
              <a:gd name="T90" fmla="*/ 2147483646 w 103"/>
              <a:gd name="T91" fmla="*/ 2147483646 h 56"/>
              <a:gd name="T92" fmla="*/ 2147483646 w 103"/>
              <a:gd name="T93" fmla="*/ 2147483646 h 56"/>
              <a:gd name="T94" fmla="*/ 0 w 103"/>
              <a:gd name="T95" fmla="*/ 2147483646 h 5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w 103"/>
              <a:gd name="T145" fmla="*/ 0 h 56"/>
              <a:gd name="T146" fmla="*/ 103 w 103"/>
              <a:gd name="T147" fmla="*/ 56 h 56"/>
            </a:gdLst>
            <a:ahLst/>
            <a:cxnLst>
              <a:cxn ang="T96">
                <a:pos x="T0" y="T1"/>
              </a:cxn>
              <a:cxn ang="T97">
                <a:pos x="T2" y="T3"/>
              </a:cxn>
              <a:cxn ang="T98">
                <a:pos x="T4" y="T5"/>
              </a:cxn>
              <a:cxn ang="T99">
                <a:pos x="T6" y="T7"/>
              </a:cxn>
              <a:cxn ang="T100">
                <a:pos x="T8" y="T9"/>
              </a:cxn>
              <a:cxn ang="T101">
                <a:pos x="T10" y="T11"/>
              </a:cxn>
              <a:cxn ang="T102">
                <a:pos x="T12" y="T13"/>
              </a:cxn>
              <a:cxn ang="T103">
                <a:pos x="T14" y="T15"/>
              </a:cxn>
              <a:cxn ang="T104">
                <a:pos x="T16" y="T17"/>
              </a:cxn>
              <a:cxn ang="T105">
                <a:pos x="T18" y="T19"/>
              </a:cxn>
              <a:cxn ang="T106">
                <a:pos x="T20" y="T21"/>
              </a:cxn>
              <a:cxn ang="T107">
                <a:pos x="T22" y="T23"/>
              </a:cxn>
              <a:cxn ang="T108">
                <a:pos x="T24" y="T25"/>
              </a:cxn>
              <a:cxn ang="T109">
                <a:pos x="T26" y="T27"/>
              </a:cxn>
              <a:cxn ang="T110">
                <a:pos x="T28" y="T29"/>
              </a:cxn>
              <a:cxn ang="T111">
                <a:pos x="T30" y="T31"/>
              </a:cxn>
              <a:cxn ang="T112">
                <a:pos x="T32" y="T33"/>
              </a:cxn>
              <a:cxn ang="T113">
                <a:pos x="T34" y="T35"/>
              </a:cxn>
              <a:cxn ang="T114">
                <a:pos x="T36" y="T37"/>
              </a:cxn>
              <a:cxn ang="T115">
                <a:pos x="T38" y="T39"/>
              </a:cxn>
              <a:cxn ang="T116">
                <a:pos x="T40" y="T41"/>
              </a:cxn>
              <a:cxn ang="T117">
                <a:pos x="T42" y="T43"/>
              </a:cxn>
              <a:cxn ang="T118">
                <a:pos x="T44" y="T45"/>
              </a:cxn>
              <a:cxn ang="T119">
                <a:pos x="T46" y="T47"/>
              </a:cxn>
              <a:cxn ang="T120">
                <a:pos x="T48" y="T49"/>
              </a:cxn>
              <a:cxn ang="T121">
                <a:pos x="T50" y="T51"/>
              </a:cxn>
              <a:cxn ang="T122">
                <a:pos x="T52" y="T53"/>
              </a:cxn>
              <a:cxn ang="T123">
                <a:pos x="T54" y="T55"/>
              </a:cxn>
              <a:cxn ang="T124">
                <a:pos x="T56" y="T57"/>
              </a:cxn>
              <a:cxn ang="T125">
                <a:pos x="T58" y="T59"/>
              </a:cxn>
              <a:cxn ang="T126">
                <a:pos x="T60" y="T61"/>
              </a:cxn>
              <a:cxn ang="T127">
                <a:pos x="T62" y="T63"/>
              </a:cxn>
              <a:cxn ang="T128">
                <a:pos x="T64" y="T65"/>
              </a:cxn>
              <a:cxn ang="T129">
                <a:pos x="T66" y="T67"/>
              </a:cxn>
              <a:cxn ang="T130">
                <a:pos x="T68" y="T69"/>
              </a:cxn>
              <a:cxn ang="T131">
                <a:pos x="T70" y="T71"/>
              </a:cxn>
              <a:cxn ang="T132">
                <a:pos x="T72" y="T73"/>
              </a:cxn>
              <a:cxn ang="T133">
                <a:pos x="T74" y="T75"/>
              </a:cxn>
              <a:cxn ang="T134">
                <a:pos x="T76" y="T77"/>
              </a:cxn>
              <a:cxn ang="T135">
                <a:pos x="T78" y="T79"/>
              </a:cxn>
              <a:cxn ang="T136">
                <a:pos x="T80" y="T81"/>
              </a:cxn>
              <a:cxn ang="T137">
                <a:pos x="T82" y="T83"/>
              </a:cxn>
              <a:cxn ang="T138">
                <a:pos x="T84" y="T85"/>
              </a:cxn>
              <a:cxn ang="T139">
                <a:pos x="T86" y="T87"/>
              </a:cxn>
              <a:cxn ang="T140">
                <a:pos x="T88" y="T89"/>
              </a:cxn>
              <a:cxn ang="T141">
                <a:pos x="T90" y="T91"/>
              </a:cxn>
              <a:cxn ang="T142">
                <a:pos x="T92" y="T93"/>
              </a:cxn>
              <a:cxn ang="T143">
                <a:pos x="T94" y="T95"/>
              </a:cxn>
            </a:cxnLst>
            <a:rect l="T144" t="T145" r="T146" b="T147"/>
            <a:pathLst>
              <a:path w="103" h="56">
                <a:moveTo>
                  <a:pt x="0" y="54"/>
                </a:moveTo>
                <a:lnTo>
                  <a:pt x="1" y="47"/>
                </a:lnTo>
                <a:lnTo>
                  <a:pt x="2" y="38"/>
                </a:lnTo>
                <a:lnTo>
                  <a:pt x="6" y="33"/>
                </a:lnTo>
                <a:lnTo>
                  <a:pt x="10" y="28"/>
                </a:lnTo>
                <a:lnTo>
                  <a:pt x="16" y="27"/>
                </a:lnTo>
                <a:lnTo>
                  <a:pt x="22" y="25"/>
                </a:lnTo>
                <a:lnTo>
                  <a:pt x="29" y="24"/>
                </a:lnTo>
                <a:lnTo>
                  <a:pt x="37" y="18"/>
                </a:lnTo>
                <a:lnTo>
                  <a:pt x="38" y="12"/>
                </a:lnTo>
                <a:lnTo>
                  <a:pt x="47" y="4"/>
                </a:lnTo>
                <a:lnTo>
                  <a:pt x="54" y="1"/>
                </a:lnTo>
                <a:lnTo>
                  <a:pt x="62" y="0"/>
                </a:lnTo>
                <a:lnTo>
                  <a:pt x="71" y="6"/>
                </a:lnTo>
                <a:lnTo>
                  <a:pt x="83" y="13"/>
                </a:lnTo>
                <a:lnTo>
                  <a:pt x="93" y="15"/>
                </a:lnTo>
                <a:lnTo>
                  <a:pt x="96" y="12"/>
                </a:lnTo>
                <a:lnTo>
                  <a:pt x="103" y="15"/>
                </a:lnTo>
                <a:lnTo>
                  <a:pt x="103" y="16"/>
                </a:lnTo>
                <a:lnTo>
                  <a:pt x="99" y="15"/>
                </a:lnTo>
                <a:lnTo>
                  <a:pt x="97" y="19"/>
                </a:lnTo>
                <a:lnTo>
                  <a:pt x="98" y="26"/>
                </a:lnTo>
                <a:lnTo>
                  <a:pt x="99" y="29"/>
                </a:lnTo>
                <a:lnTo>
                  <a:pt x="96" y="35"/>
                </a:lnTo>
                <a:lnTo>
                  <a:pt x="92" y="38"/>
                </a:lnTo>
                <a:lnTo>
                  <a:pt x="88" y="41"/>
                </a:lnTo>
                <a:lnTo>
                  <a:pt x="84" y="44"/>
                </a:lnTo>
                <a:lnTo>
                  <a:pt x="82" y="48"/>
                </a:lnTo>
                <a:lnTo>
                  <a:pt x="79" y="48"/>
                </a:lnTo>
                <a:lnTo>
                  <a:pt x="74" y="50"/>
                </a:lnTo>
                <a:lnTo>
                  <a:pt x="71" y="52"/>
                </a:lnTo>
                <a:lnTo>
                  <a:pt x="67" y="55"/>
                </a:lnTo>
                <a:lnTo>
                  <a:pt x="61" y="51"/>
                </a:lnTo>
                <a:lnTo>
                  <a:pt x="54" y="52"/>
                </a:lnTo>
                <a:lnTo>
                  <a:pt x="48" y="50"/>
                </a:lnTo>
                <a:lnTo>
                  <a:pt x="44" y="53"/>
                </a:lnTo>
                <a:lnTo>
                  <a:pt x="40" y="55"/>
                </a:lnTo>
                <a:lnTo>
                  <a:pt x="37" y="55"/>
                </a:lnTo>
                <a:lnTo>
                  <a:pt x="32" y="54"/>
                </a:lnTo>
                <a:lnTo>
                  <a:pt x="31" y="55"/>
                </a:lnTo>
                <a:lnTo>
                  <a:pt x="28" y="53"/>
                </a:lnTo>
                <a:lnTo>
                  <a:pt x="25" y="50"/>
                </a:lnTo>
                <a:lnTo>
                  <a:pt x="22" y="49"/>
                </a:lnTo>
                <a:lnTo>
                  <a:pt x="17" y="49"/>
                </a:lnTo>
                <a:lnTo>
                  <a:pt x="13" y="50"/>
                </a:lnTo>
                <a:lnTo>
                  <a:pt x="9" y="54"/>
                </a:lnTo>
                <a:lnTo>
                  <a:pt x="7" y="56"/>
                </a:lnTo>
                <a:lnTo>
                  <a:pt x="0" y="54"/>
                </a:lnTo>
                <a:close/>
              </a:path>
            </a:pathLst>
          </a:custGeom>
          <a:pattFill prst="pct5">
            <a:fgClr>
              <a:srgbClr val="000000"/>
            </a:fgClr>
            <a:bgClr>
              <a:srgbClr val="FFFFFF"/>
            </a:bgClr>
          </a:pattFill>
          <a:ln>
            <a:noFill/>
          </a:ln>
          <a:extLst>
            <a:ext uri="{91240B29-F687-4F45-9708-019B960494DF}">
              <a14:hiddenLine xmlns:a14="http://schemas.microsoft.com/office/drawing/2010/main" w="9525" cap="flat" cmpd="sng">
                <a:solidFill>
                  <a:srgbClr val="000000"/>
                </a:solidFill>
                <a:prstDash val="solid"/>
                <a:round/>
                <a:headEnd type="none" w="med" len="med"/>
                <a:tailEnd type="none" w="med" len="med"/>
              </a14:hiddenLine>
            </a:ext>
          </a:extLst>
        </xdr:spPr>
      </xdr:sp>
      <xdr:sp macro="" textlink="">
        <xdr:nvSpPr>
          <xdr:cNvPr id="149875" name="Freeform 207"/>
          <xdr:cNvSpPr>
            <a:spLocks/>
          </xdr:cNvSpPr>
        </xdr:nvSpPr>
        <xdr:spPr bwMode="auto">
          <a:xfrm>
            <a:off x="2847975" y="1323975"/>
            <a:ext cx="542925" cy="495300"/>
          </a:xfrm>
          <a:custGeom>
            <a:avLst/>
            <a:gdLst>
              <a:gd name="T0" fmla="*/ 2147483646 w 57"/>
              <a:gd name="T1" fmla="*/ 0 h 52"/>
              <a:gd name="T2" fmla="*/ 2147483646 w 57"/>
              <a:gd name="T3" fmla="*/ 2147483646 h 52"/>
              <a:gd name="T4" fmla="*/ 2147483646 w 57"/>
              <a:gd name="T5" fmla="*/ 2147483646 h 52"/>
              <a:gd name="T6" fmla="*/ 2147483646 w 57"/>
              <a:gd name="T7" fmla="*/ 2147483646 h 52"/>
              <a:gd name="T8" fmla="*/ 2147483646 w 57"/>
              <a:gd name="T9" fmla="*/ 2147483646 h 52"/>
              <a:gd name="T10" fmla="*/ 2147483646 w 57"/>
              <a:gd name="T11" fmla="*/ 2147483646 h 52"/>
              <a:gd name="T12" fmla="*/ 0 w 57"/>
              <a:gd name="T13" fmla="*/ 2147483646 h 52"/>
              <a:gd name="T14" fmla="*/ 2147483646 w 57"/>
              <a:gd name="T15" fmla="*/ 2147483646 h 52"/>
              <a:gd name="T16" fmla="*/ 2147483646 w 57"/>
              <a:gd name="T17" fmla="*/ 2147483646 h 52"/>
              <a:gd name="T18" fmla="*/ 2147483646 w 57"/>
              <a:gd name="T19" fmla="*/ 2147483646 h 52"/>
              <a:gd name="T20" fmla="*/ 2147483646 w 57"/>
              <a:gd name="T21" fmla="*/ 2147483646 h 52"/>
              <a:gd name="T22" fmla="*/ 2147483646 w 57"/>
              <a:gd name="T23" fmla="*/ 2147483646 h 52"/>
              <a:gd name="T24" fmla="*/ 2147483646 w 57"/>
              <a:gd name="T25" fmla="*/ 2147483646 h 52"/>
              <a:gd name="T26" fmla="*/ 2147483646 w 57"/>
              <a:gd name="T27" fmla="*/ 2147483646 h 52"/>
              <a:gd name="T28" fmla="*/ 2147483646 w 57"/>
              <a:gd name="T29" fmla="*/ 2147483646 h 52"/>
              <a:gd name="T30" fmla="*/ 2147483646 w 57"/>
              <a:gd name="T31" fmla="*/ 2147483646 h 52"/>
              <a:gd name="T32" fmla="*/ 2147483646 w 57"/>
              <a:gd name="T33" fmla="*/ 2147483646 h 52"/>
              <a:gd name="T34" fmla="*/ 2147483646 w 57"/>
              <a:gd name="T35" fmla="*/ 2147483646 h 52"/>
              <a:gd name="T36" fmla="*/ 2147483646 w 57"/>
              <a:gd name="T37" fmla="*/ 2147483646 h 52"/>
              <a:gd name="T38" fmla="*/ 2147483646 w 57"/>
              <a:gd name="T39" fmla="*/ 2147483646 h 52"/>
              <a:gd name="T40" fmla="*/ 2147483646 w 57"/>
              <a:gd name="T41" fmla="*/ 2147483646 h 52"/>
              <a:gd name="T42" fmla="*/ 2147483646 w 57"/>
              <a:gd name="T43" fmla="*/ 2147483646 h 52"/>
              <a:gd name="T44" fmla="*/ 2147483646 w 57"/>
              <a:gd name="T45" fmla="*/ 0 h 52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  <a:gd name="T51" fmla="*/ 0 60000 65536"/>
              <a:gd name="T52" fmla="*/ 0 60000 65536"/>
              <a:gd name="T53" fmla="*/ 0 60000 65536"/>
              <a:gd name="T54" fmla="*/ 0 60000 65536"/>
              <a:gd name="T55" fmla="*/ 0 60000 65536"/>
              <a:gd name="T56" fmla="*/ 0 60000 65536"/>
              <a:gd name="T57" fmla="*/ 0 60000 65536"/>
              <a:gd name="T58" fmla="*/ 0 60000 65536"/>
              <a:gd name="T59" fmla="*/ 0 60000 65536"/>
              <a:gd name="T60" fmla="*/ 0 60000 65536"/>
              <a:gd name="T61" fmla="*/ 0 60000 65536"/>
              <a:gd name="T62" fmla="*/ 0 60000 65536"/>
              <a:gd name="T63" fmla="*/ 0 60000 65536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w 57"/>
              <a:gd name="T70" fmla="*/ 0 h 52"/>
              <a:gd name="T71" fmla="*/ 57 w 57"/>
              <a:gd name="T72" fmla="*/ 52 h 52"/>
            </a:gdLst>
            <a:ahLst/>
            <a:cxnLst>
              <a:cxn ang="T46">
                <a:pos x="T0" y="T1"/>
              </a:cxn>
              <a:cxn ang="T47">
                <a:pos x="T2" y="T3"/>
              </a:cxn>
              <a:cxn ang="T48">
                <a:pos x="T4" y="T5"/>
              </a:cxn>
              <a:cxn ang="T49">
                <a:pos x="T6" y="T7"/>
              </a:cxn>
              <a:cxn ang="T50">
                <a:pos x="T8" y="T9"/>
              </a:cxn>
              <a:cxn ang="T51">
                <a:pos x="T10" y="T11"/>
              </a:cxn>
              <a:cxn ang="T52">
                <a:pos x="T12" y="T13"/>
              </a:cxn>
              <a:cxn ang="T53">
                <a:pos x="T14" y="T15"/>
              </a:cxn>
              <a:cxn ang="T54">
                <a:pos x="T16" y="T17"/>
              </a:cxn>
              <a:cxn ang="T55">
                <a:pos x="T18" y="T19"/>
              </a:cxn>
              <a:cxn ang="T56">
                <a:pos x="T20" y="T21"/>
              </a:cxn>
              <a:cxn ang="T57">
                <a:pos x="T22" y="T23"/>
              </a:cxn>
              <a:cxn ang="T58">
                <a:pos x="T24" y="T25"/>
              </a:cxn>
              <a:cxn ang="T59">
                <a:pos x="T26" y="T27"/>
              </a:cxn>
              <a:cxn ang="T60">
                <a:pos x="T28" y="T29"/>
              </a:cxn>
              <a:cxn ang="T61">
                <a:pos x="T30" y="T31"/>
              </a:cxn>
              <a:cxn ang="T62">
                <a:pos x="T32" y="T33"/>
              </a:cxn>
              <a:cxn ang="T63">
                <a:pos x="T34" y="T35"/>
              </a:cxn>
              <a:cxn ang="T64">
                <a:pos x="T36" y="T37"/>
              </a:cxn>
              <a:cxn ang="T65">
                <a:pos x="T38" y="T39"/>
              </a:cxn>
              <a:cxn ang="T66">
                <a:pos x="T40" y="T41"/>
              </a:cxn>
              <a:cxn ang="T67">
                <a:pos x="T42" y="T43"/>
              </a:cxn>
              <a:cxn ang="T68">
                <a:pos x="T44" y="T45"/>
              </a:cxn>
            </a:cxnLst>
            <a:rect l="T69" t="T70" r="T71" b="T72"/>
            <a:pathLst>
              <a:path w="57" h="52">
                <a:moveTo>
                  <a:pt x="17" y="0"/>
                </a:moveTo>
                <a:lnTo>
                  <a:pt x="14" y="7"/>
                </a:lnTo>
                <a:lnTo>
                  <a:pt x="10" y="7"/>
                </a:lnTo>
                <a:lnTo>
                  <a:pt x="7" y="12"/>
                </a:lnTo>
                <a:lnTo>
                  <a:pt x="4" y="14"/>
                </a:lnTo>
                <a:lnTo>
                  <a:pt x="2" y="19"/>
                </a:lnTo>
                <a:lnTo>
                  <a:pt x="0" y="21"/>
                </a:lnTo>
                <a:lnTo>
                  <a:pt x="6" y="33"/>
                </a:lnTo>
                <a:lnTo>
                  <a:pt x="10" y="36"/>
                </a:lnTo>
                <a:lnTo>
                  <a:pt x="11" y="43"/>
                </a:lnTo>
                <a:lnTo>
                  <a:pt x="9" y="49"/>
                </a:lnTo>
                <a:lnTo>
                  <a:pt x="8" y="52"/>
                </a:lnTo>
                <a:lnTo>
                  <a:pt x="34" y="30"/>
                </a:lnTo>
                <a:lnTo>
                  <a:pt x="56" y="28"/>
                </a:lnTo>
                <a:lnTo>
                  <a:pt x="57" y="21"/>
                </a:lnTo>
                <a:lnTo>
                  <a:pt x="56" y="15"/>
                </a:lnTo>
                <a:lnTo>
                  <a:pt x="52" y="8"/>
                </a:lnTo>
                <a:lnTo>
                  <a:pt x="49" y="6"/>
                </a:lnTo>
                <a:lnTo>
                  <a:pt x="48" y="7"/>
                </a:lnTo>
                <a:lnTo>
                  <a:pt x="35" y="7"/>
                </a:lnTo>
                <a:lnTo>
                  <a:pt x="32" y="6"/>
                </a:lnTo>
                <a:lnTo>
                  <a:pt x="28" y="2"/>
                </a:lnTo>
                <a:lnTo>
                  <a:pt x="17" y="0"/>
                </a:lnTo>
                <a:close/>
              </a:path>
            </a:pathLst>
          </a:custGeom>
          <a:solidFill>
            <a:srgbClr val="FFFFFF"/>
          </a:solidFill>
          <a:ln>
            <a:noFill/>
          </a:ln>
          <a:extLst>
            <a:ext uri="{91240B29-F687-4F45-9708-019B960494DF}">
              <a14:hiddenLine xmlns:a14="http://schemas.microsoft.com/office/drawing/2010/main" w="9525" cap="flat" cmpd="sng">
                <a:solidFill>
                  <a:srgbClr val="000000"/>
                </a:solidFill>
                <a:prstDash val="solid"/>
                <a:round/>
                <a:headEnd/>
                <a:tailEnd/>
              </a14:hiddenLine>
            </a:ext>
          </a:extLst>
        </xdr:spPr>
      </xdr:sp>
      <xdr:sp macro="" textlink="">
        <xdr:nvSpPr>
          <xdr:cNvPr id="149876" name="Freeform 208"/>
          <xdr:cNvSpPr>
            <a:spLocks/>
          </xdr:cNvSpPr>
        </xdr:nvSpPr>
        <xdr:spPr bwMode="auto">
          <a:xfrm>
            <a:off x="2762250" y="5648325"/>
            <a:ext cx="533400" cy="247650"/>
          </a:xfrm>
          <a:custGeom>
            <a:avLst/>
            <a:gdLst>
              <a:gd name="T0" fmla="*/ 0 w 56"/>
              <a:gd name="T1" fmla="*/ 2147483646 h 26"/>
              <a:gd name="T2" fmla="*/ 2147483646 w 56"/>
              <a:gd name="T3" fmla="*/ 2147483646 h 26"/>
              <a:gd name="T4" fmla="*/ 2147483646 w 56"/>
              <a:gd name="T5" fmla="*/ 2147483646 h 26"/>
              <a:gd name="T6" fmla="*/ 2147483646 w 56"/>
              <a:gd name="T7" fmla="*/ 2147483646 h 26"/>
              <a:gd name="T8" fmla="*/ 2147483646 w 56"/>
              <a:gd name="T9" fmla="*/ 2147483646 h 26"/>
              <a:gd name="T10" fmla="*/ 2147483646 w 56"/>
              <a:gd name="T11" fmla="*/ 2147483646 h 26"/>
              <a:gd name="T12" fmla="*/ 2147483646 w 56"/>
              <a:gd name="T13" fmla="*/ 2147483646 h 26"/>
              <a:gd name="T14" fmla="*/ 2147483646 w 56"/>
              <a:gd name="T15" fmla="*/ 2147483646 h 26"/>
              <a:gd name="T16" fmla="*/ 2147483646 w 56"/>
              <a:gd name="T17" fmla="*/ 2147483646 h 26"/>
              <a:gd name="T18" fmla="*/ 2147483646 w 56"/>
              <a:gd name="T19" fmla="*/ 2147483646 h 26"/>
              <a:gd name="T20" fmla="*/ 2147483646 w 56"/>
              <a:gd name="T21" fmla="*/ 2147483646 h 26"/>
              <a:gd name="T22" fmla="*/ 2147483646 w 56"/>
              <a:gd name="T23" fmla="*/ 2147483646 h 26"/>
              <a:gd name="T24" fmla="*/ 2147483646 w 56"/>
              <a:gd name="T25" fmla="*/ 2147483646 h 26"/>
              <a:gd name="T26" fmla="*/ 2147483646 w 56"/>
              <a:gd name="T27" fmla="*/ 2147483646 h 26"/>
              <a:gd name="T28" fmla="*/ 2147483646 w 56"/>
              <a:gd name="T29" fmla="*/ 2147483646 h 26"/>
              <a:gd name="T30" fmla="*/ 2147483646 w 56"/>
              <a:gd name="T31" fmla="*/ 0 h 26"/>
              <a:gd name="T32" fmla="*/ 2147483646 w 56"/>
              <a:gd name="T33" fmla="*/ 0 h 26"/>
              <a:gd name="T34" fmla="*/ 2147483646 w 56"/>
              <a:gd name="T35" fmla="*/ 0 h 26"/>
              <a:gd name="T36" fmla="*/ 2147483646 w 56"/>
              <a:gd name="T37" fmla="*/ 2147483646 h 26"/>
              <a:gd name="T38" fmla="*/ 0 w 56"/>
              <a:gd name="T39" fmla="*/ 2147483646 h 2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  <a:gd name="T51" fmla="*/ 0 60000 65536"/>
              <a:gd name="T52" fmla="*/ 0 60000 65536"/>
              <a:gd name="T53" fmla="*/ 0 60000 65536"/>
              <a:gd name="T54" fmla="*/ 0 60000 65536"/>
              <a:gd name="T55" fmla="*/ 0 60000 65536"/>
              <a:gd name="T56" fmla="*/ 0 60000 65536"/>
              <a:gd name="T57" fmla="*/ 0 60000 65536"/>
              <a:gd name="T58" fmla="*/ 0 60000 65536"/>
              <a:gd name="T59" fmla="*/ 0 60000 65536"/>
              <a:gd name="T60" fmla="*/ 0 w 56"/>
              <a:gd name="T61" fmla="*/ 0 h 26"/>
              <a:gd name="T62" fmla="*/ 56 w 56"/>
              <a:gd name="T63" fmla="*/ 26 h 26"/>
            </a:gdLst>
            <a:ahLst/>
            <a:cxnLst>
              <a:cxn ang="T40">
                <a:pos x="T0" y="T1"/>
              </a:cxn>
              <a:cxn ang="T41">
                <a:pos x="T2" y="T3"/>
              </a:cxn>
              <a:cxn ang="T42">
                <a:pos x="T4" y="T5"/>
              </a:cxn>
              <a:cxn ang="T43">
                <a:pos x="T6" y="T7"/>
              </a:cxn>
              <a:cxn ang="T44">
                <a:pos x="T8" y="T9"/>
              </a:cxn>
              <a:cxn ang="T45">
                <a:pos x="T10" y="T11"/>
              </a:cxn>
              <a:cxn ang="T46">
                <a:pos x="T12" y="T13"/>
              </a:cxn>
              <a:cxn ang="T47">
                <a:pos x="T14" y="T15"/>
              </a:cxn>
              <a:cxn ang="T48">
                <a:pos x="T16" y="T17"/>
              </a:cxn>
              <a:cxn ang="T49">
                <a:pos x="T18" y="T19"/>
              </a:cxn>
              <a:cxn ang="T50">
                <a:pos x="T20" y="T21"/>
              </a:cxn>
              <a:cxn ang="T51">
                <a:pos x="T22" y="T23"/>
              </a:cxn>
              <a:cxn ang="T52">
                <a:pos x="T24" y="T25"/>
              </a:cxn>
              <a:cxn ang="T53">
                <a:pos x="T26" y="T27"/>
              </a:cxn>
              <a:cxn ang="T54">
                <a:pos x="T28" y="T29"/>
              </a:cxn>
              <a:cxn ang="T55">
                <a:pos x="T30" y="T31"/>
              </a:cxn>
              <a:cxn ang="T56">
                <a:pos x="T32" y="T33"/>
              </a:cxn>
              <a:cxn ang="T57">
                <a:pos x="T34" y="T35"/>
              </a:cxn>
              <a:cxn ang="T58">
                <a:pos x="T36" y="T37"/>
              </a:cxn>
              <a:cxn ang="T59">
                <a:pos x="T38" y="T39"/>
              </a:cxn>
            </a:cxnLst>
            <a:rect l="T60" t="T61" r="T62" b="T63"/>
            <a:pathLst>
              <a:path w="56" h="26">
                <a:moveTo>
                  <a:pt x="0" y="5"/>
                </a:moveTo>
                <a:lnTo>
                  <a:pt x="6" y="7"/>
                </a:lnTo>
                <a:lnTo>
                  <a:pt x="9" y="10"/>
                </a:lnTo>
                <a:lnTo>
                  <a:pt x="21" y="16"/>
                </a:lnTo>
                <a:lnTo>
                  <a:pt x="25" y="19"/>
                </a:lnTo>
                <a:lnTo>
                  <a:pt x="27" y="24"/>
                </a:lnTo>
                <a:lnTo>
                  <a:pt x="32" y="26"/>
                </a:lnTo>
                <a:lnTo>
                  <a:pt x="34" y="26"/>
                </a:lnTo>
                <a:lnTo>
                  <a:pt x="36" y="21"/>
                </a:lnTo>
                <a:lnTo>
                  <a:pt x="45" y="17"/>
                </a:lnTo>
                <a:lnTo>
                  <a:pt x="48" y="14"/>
                </a:lnTo>
                <a:lnTo>
                  <a:pt x="52" y="15"/>
                </a:lnTo>
                <a:lnTo>
                  <a:pt x="55" y="13"/>
                </a:lnTo>
                <a:lnTo>
                  <a:pt x="56" y="4"/>
                </a:lnTo>
                <a:lnTo>
                  <a:pt x="51" y="1"/>
                </a:lnTo>
                <a:lnTo>
                  <a:pt x="43" y="0"/>
                </a:lnTo>
                <a:lnTo>
                  <a:pt x="26" y="0"/>
                </a:lnTo>
                <a:lnTo>
                  <a:pt x="11" y="0"/>
                </a:lnTo>
                <a:lnTo>
                  <a:pt x="2" y="1"/>
                </a:lnTo>
                <a:lnTo>
                  <a:pt x="0" y="5"/>
                </a:lnTo>
                <a:close/>
              </a:path>
            </a:pathLst>
          </a:custGeom>
          <a:solidFill>
            <a:srgbClr val="DDDDDD"/>
          </a:solidFill>
          <a:ln>
            <a:noFill/>
          </a:ln>
          <a:extLst>
            <a:ext uri="{91240B29-F687-4F45-9708-019B960494DF}">
              <a14:hiddenLine xmlns:a14="http://schemas.microsoft.com/office/drawing/2010/main" w="9525" cap="flat" cmpd="sng">
                <a:solidFill>
                  <a:srgbClr val="000000"/>
                </a:solidFill>
                <a:prstDash val="solid"/>
                <a:round/>
                <a:headEnd/>
                <a:tailEnd/>
              </a14:hiddenLine>
            </a:ext>
          </a:extLst>
        </xdr:spPr>
      </xdr:sp>
      <xdr:sp macro="" textlink="">
        <xdr:nvSpPr>
          <xdr:cNvPr id="149877" name="Freeform 210"/>
          <xdr:cNvSpPr>
            <a:spLocks/>
          </xdr:cNvSpPr>
        </xdr:nvSpPr>
        <xdr:spPr bwMode="auto">
          <a:xfrm>
            <a:off x="9182100" y="4905375"/>
            <a:ext cx="161925" cy="219075"/>
          </a:xfrm>
          <a:custGeom>
            <a:avLst/>
            <a:gdLst>
              <a:gd name="T0" fmla="*/ 2147483646 w 217"/>
              <a:gd name="T1" fmla="*/ 2147483646 h 216"/>
              <a:gd name="T2" fmla="*/ 0 w 217"/>
              <a:gd name="T3" fmla="*/ 2147483646 h 216"/>
              <a:gd name="T4" fmla="*/ 2147483646 w 217"/>
              <a:gd name="T5" fmla="*/ 2147483646 h 216"/>
              <a:gd name="T6" fmla="*/ 2147483646 w 217"/>
              <a:gd name="T7" fmla="*/ 2147483646 h 216"/>
              <a:gd name="T8" fmla="*/ 2147483646 w 217"/>
              <a:gd name="T9" fmla="*/ 2147483646 h 216"/>
              <a:gd name="T10" fmla="*/ 2147483646 w 217"/>
              <a:gd name="T11" fmla="*/ 2147483646 h 216"/>
              <a:gd name="T12" fmla="*/ 2147483646 w 217"/>
              <a:gd name="T13" fmla="*/ 2147483646 h 216"/>
              <a:gd name="T14" fmla="*/ 2147483646 w 217"/>
              <a:gd name="T15" fmla="*/ 2147483646 h 216"/>
              <a:gd name="T16" fmla="*/ 2147483646 w 217"/>
              <a:gd name="T17" fmla="*/ 2147483646 h 216"/>
              <a:gd name="T18" fmla="*/ 2147483646 w 217"/>
              <a:gd name="T19" fmla="*/ 2147483646 h 216"/>
              <a:gd name="T20" fmla="*/ 2147483646 w 217"/>
              <a:gd name="T21" fmla="*/ 2147483646 h 216"/>
              <a:gd name="T22" fmla="*/ 2147483646 w 217"/>
              <a:gd name="T23" fmla="*/ 2147483646 h 216"/>
              <a:gd name="T24" fmla="*/ 2147483646 w 217"/>
              <a:gd name="T25" fmla="*/ 0 h 216"/>
              <a:gd name="T26" fmla="*/ 2147483646 w 217"/>
              <a:gd name="T27" fmla="*/ 2147483646 h 216"/>
              <a:gd name="T28" fmla="*/ 2147483646 w 217"/>
              <a:gd name="T29" fmla="*/ 2147483646 h 21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w 217"/>
              <a:gd name="T46" fmla="*/ 0 h 216"/>
              <a:gd name="T47" fmla="*/ 217 w 217"/>
              <a:gd name="T48" fmla="*/ 216 h 216"/>
            </a:gdLst>
            <a:ahLst/>
            <a:cxnLst>
              <a:cxn ang="T30">
                <a:pos x="T0" y="T1"/>
              </a:cxn>
              <a:cxn ang="T31">
                <a:pos x="T2" y="T3"/>
              </a:cxn>
              <a:cxn ang="T32">
                <a:pos x="T4" y="T5"/>
              </a:cxn>
              <a:cxn ang="T33">
                <a:pos x="T6" y="T7"/>
              </a:cxn>
              <a:cxn ang="T34">
                <a:pos x="T8" y="T9"/>
              </a:cxn>
              <a:cxn ang="T35">
                <a:pos x="T10" y="T11"/>
              </a:cxn>
              <a:cxn ang="T36">
                <a:pos x="T12" y="T13"/>
              </a:cxn>
              <a:cxn ang="T37">
                <a:pos x="T14" y="T15"/>
              </a:cxn>
              <a:cxn ang="T38">
                <a:pos x="T16" y="T17"/>
              </a:cxn>
              <a:cxn ang="T39">
                <a:pos x="T18" y="T19"/>
              </a:cxn>
              <a:cxn ang="T40">
                <a:pos x="T20" y="T21"/>
              </a:cxn>
              <a:cxn ang="T41">
                <a:pos x="T22" y="T23"/>
              </a:cxn>
              <a:cxn ang="T42">
                <a:pos x="T24" y="T25"/>
              </a:cxn>
              <a:cxn ang="T43">
                <a:pos x="T26" y="T27"/>
              </a:cxn>
              <a:cxn ang="T44">
                <a:pos x="T28" y="T29"/>
              </a:cxn>
            </a:cxnLst>
            <a:rect l="T45" t="T46" r="T47" b="T48"/>
            <a:pathLst>
              <a:path w="217" h="216">
                <a:moveTo>
                  <a:pt x="61" y="35"/>
                </a:moveTo>
                <a:lnTo>
                  <a:pt x="0" y="108"/>
                </a:lnTo>
                <a:lnTo>
                  <a:pt x="57" y="164"/>
                </a:lnTo>
                <a:lnTo>
                  <a:pt x="121" y="95"/>
                </a:lnTo>
                <a:lnTo>
                  <a:pt x="161" y="141"/>
                </a:lnTo>
                <a:lnTo>
                  <a:pt x="132" y="178"/>
                </a:lnTo>
                <a:lnTo>
                  <a:pt x="174" y="216"/>
                </a:lnTo>
                <a:lnTo>
                  <a:pt x="217" y="166"/>
                </a:lnTo>
                <a:lnTo>
                  <a:pt x="158" y="103"/>
                </a:lnTo>
                <a:lnTo>
                  <a:pt x="201" y="53"/>
                </a:lnTo>
                <a:lnTo>
                  <a:pt x="158" y="13"/>
                </a:lnTo>
                <a:lnTo>
                  <a:pt x="133" y="25"/>
                </a:lnTo>
                <a:lnTo>
                  <a:pt x="95" y="0"/>
                </a:lnTo>
                <a:lnTo>
                  <a:pt x="61" y="31"/>
                </a:lnTo>
                <a:lnTo>
                  <a:pt x="61" y="35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</xdr:spPr>
      </xdr:sp>
      <xdr:grpSp>
        <xdr:nvGrpSpPr>
          <xdr:cNvPr id="149878" name="Group 214"/>
          <xdr:cNvGrpSpPr>
            <a:grpSpLocks/>
          </xdr:cNvGrpSpPr>
        </xdr:nvGrpSpPr>
        <xdr:grpSpPr bwMode="auto">
          <a:xfrm>
            <a:off x="9172575" y="4124325"/>
            <a:ext cx="200025" cy="180975"/>
            <a:chOff x="963" y="381"/>
            <a:chExt cx="21" cy="19"/>
          </a:xfrm>
        </xdr:grpSpPr>
        <xdr:sp macro="" textlink="">
          <xdr:nvSpPr>
            <xdr:cNvPr id="149879" name="d14100_1"/>
            <xdr:cNvSpPr>
              <a:spLocks/>
            </xdr:cNvSpPr>
          </xdr:nvSpPr>
          <xdr:spPr bwMode="auto">
            <a:xfrm>
              <a:off x="963" y="381"/>
              <a:ext cx="21" cy="15"/>
            </a:xfrm>
            <a:custGeom>
              <a:avLst/>
              <a:gdLst>
                <a:gd name="T0" fmla="*/ 0 w 16384"/>
                <a:gd name="T1" fmla="*/ 0 h 16384"/>
                <a:gd name="T2" fmla="*/ 0 w 16384"/>
                <a:gd name="T3" fmla="*/ 0 h 16384"/>
                <a:gd name="T4" fmla="*/ 0 w 16384"/>
                <a:gd name="T5" fmla="*/ 0 h 16384"/>
                <a:gd name="T6" fmla="*/ 0 w 16384"/>
                <a:gd name="T7" fmla="*/ 0 h 16384"/>
                <a:gd name="T8" fmla="*/ 0 w 16384"/>
                <a:gd name="T9" fmla="*/ 0 h 16384"/>
                <a:gd name="T10" fmla="*/ 0 w 16384"/>
                <a:gd name="T11" fmla="*/ 0 h 16384"/>
                <a:gd name="T12" fmla="*/ 0 w 16384"/>
                <a:gd name="T13" fmla="*/ 0 h 16384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16384"/>
                <a:gd name="T22" fmla="*/ 0 h 16384"/>
                <a:gd name="T23" fmla="*/ 16384 w 16384"/>
                <a:gd name="T24" fmla="*/ 16384 h 16384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16384" h="16384">
                  <a:moveTo>
                    <a:pt x="0" y="6554"/>
                  </a:moveTo>
                  <a:lnTo>
                    <a:pt x="13263" y="0"/>
                  </a:lnTo>
                  <a:lnTo>
                    <a:pt x="16384" y="6554"/>
                  </a:lnTo>
                  <a:lnTo>
                    <a:pt x="7802" y="10923"/>
                  </a:lnTo>
                  <a:lnTo>
                    <a:pt x="7802" y="14199"/>
                  </a:lnTo>
                  <a:lnTo>
                    <a:pt x="1560" y="16384"/>
                  </a:lnTo>
                  <a:lnTo>
                    <a:pt x="0" y="6554"/>
                  </a:lnTo>
                  <a:close/>
                </a:path>
              </a:pathLst>
            </a:custGeom>
            <a:solidFill>
              <a:srgbClr val="DDDDDD"/>
            </a:solidFill>
            <a:ln w="9525" cap="flat" cmpd="sng">
              <a:solidFill>
                <a:srgbClr val="000000"/>
              </a:solidFill>
              <a:prstDash val="solid"/>
              <a:round/>
              <a:headEnd/>
              <a:tailEnd/>
            </a:ln>
          </xdr:spPr>
        </xdr:sp>
        <xdr:sp macro="" textlink="">
          <xdr:nvSpPr>
            <xdr:cNvPr id="149880" name="Rectangle 211"/>
            <xdr:cNvSpPr>
              <a:spLocks noChangeArrowheads="1"/>
            </xdr:cNvSpPr>
          </xdr:nvSpPr>
          <xdr:spPr bwMode="auto">
            <a:xfrm rot="-1365251">
              <a:off x="967" y="393"/>
              <a:ext cx="16" cy="7"/>
            </a:xfrm>
            <a:prstGeom prst="rect">
              <a:avLst/>
            </a:prstGeom>
            <a:solidFill>
              <a:srgbClr val="DDDDDD"/>
            </a:solidFill>
            <a:ln w="9525" algn="ctr">
              <a:solidFill>
                <a:srgbClr val="000000"/>
              </a:solidFill>
              <a:miter lim="800000"/>
              <a:headEnd/>
              <a:tailEnd/>
            </a:ln>
          </xdr:spPr>
        </xdr:sp>
      </xdr:grpSp>
    </xdr:grpSp>
    <xdr:clientData/>
  </xdr:twoCellAnchor>
  <xdr:twoCellAnchor>
    <xdr:from>
      <xdr:col>0</xdr:col>
      <xdr:colOff>495300</xdr:colOff>
      <xdr:row>56</xdr:row>
      <xdr:rowOff>57150</xdr:rowOff>
    </xdr:from>
    <xdr:to>
      <xdr:col>17</xdr:col>
      <xdr:colOff>342900</xdr:colOff>
      <xdr:row>106</xdr:row>
      <xdr:rowOff>95250</xdr:rowOff>
    </xdr:to>
    <xdr:grpSp>
      <xdr:nvGrpSpPr>
        <xdr:cNvPr id="149526" name="グループ化 2"/>
        <xdr:cNvGrpSpPr>
          <a:grpSpLocks noChangeAspect="1"/>
        </xdr:cNvGrpSpPr>
      </xdr:nvGrpSpPr>
      <xdr:grpSpPr bwMode="auto">
        <a:xfrm>
          <a:off x="495300" y="9436677"/>
          <a:ext cx="9268691" cy="7658100"/>
          <a:chOff x="495300" y="9467850"/>
          <a:chExt cx="10010775" cy="7505700"/>
        </a:xfrm>
      </xdr:grpSpPr>
      <xdr:sp macro="" textlink="">
        <xdr:nvSpPr>
          <xdr:cNvPr id="149704" name="d14100"/>
          <xdr:cNvSpPr>
            <a:spLocks/>
          </xdr:cNvSpPr>
        </xdr:nvSpPr>
        <xdr:spPr bwMode="auto">
          <a:xfrm>
            <a:off x="6781800" y="10591800"/>
            <a:ext cx="2828925" cy="38576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0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w 16384"/>
              <a:gd name="T175" fmla="*/ 0 h 16384"/>
              <a:gd name="T176" fmla="*/ 16384 w 16384"/>
              <a:gd name="T177" fmla="*/ 16384 h 16384"/>
            </a:gdLst>
            <a:ahLst/>
            <a:cxnLst>
              <a:cxn ang="T116">
                <a:pos x="T0" y="T1"/>
              </a:cxn>
              <a:cxn ang="T117">
                <a:pos x="T2" y="T3"/>
              </a:cxn>
              <a:cxn ang="T118">
                <a:pos x="T4" y="T5"/>
              </a:cxn>
              <a:cxn ang="T119">
                <a:pos x="T6" y="T7"/>
              </a:cxn>
              <a:cxn ang="T120">
                <a:pos x="T8" y="T9"/>
              </a:cxn>
              <a:cxn ang="T121">
                <a:pos x="T10" y="T11"/>
              </a:cxn>
              <a:cxn ang="T122">
                <a:pos x="T12" y="T13"/>
              </a:cxn>
              <a:cxn ang="T123">
                <a:pos x="T14" y="T15"/>
              </a:cxn>
              <a:cxn ang="T124">
                <a:pos x="T16" y="T17"/>
              </a:cxn>
              <a:cxn ang="T125">
                <a:pos x="T18" y="T19"/>
              </a:cxn>
              <a:cxn ang="T126">
                <a:pos x="T20" y="T21"/>
              </a:cxn>
              <a:cxn ang="T127">
                <a:pos x="T22" y="T23"/>
              </a:cxn>
              <a:cxn ang="T128">
                <a:pos x="T24" y="T25"/>
              </a:cxn>
              <a:cxn ang="T129">
                <a:pos x="T26" y="T27"/>
              </a:cxn>
              <a:cxn ang="T130">
                <a:pos x="T28" y="T29"/>
              </a:cxn>
              <a:cxn ang="T131">
                <a:pos x="T30" y="T31"/>
              </a:cxn>
              <a:cxn ang="T132">
                <a:pos x="T32" y="T33"/>
              </a:cxn>
              <a:cxn ang="T133">
                <a:pos x="T34" y="T35"/>
              </a:cxn>
              <a:cxn ang="T134">
                <a:pos x="T36" y="T37"/>
              </a:cxn>
              <a:cxn ang="T135">
                <a:pos x="T38" y="T39"/>
              </a:cxn>
              <a:cxn ang="T136">
                <a:pos x="T40" y="T41"/>
              </a:cxn>
              <a:cxn ang="T137">
                <a:pos x="T42" y="T43"/>
              </a:cxn>
              <a:cxn ang="T138">
                <a:pos x="T44" y="T45"/>
              </a:cxn>
              <a:cxn ang="T139">
                <a:pos x="T46" y="T47"/>
              </a:cxn>
              <a:cxn ang="T140">
                <a:pos x="T48" y="T49"/>
              </a:cxn>
              <a:cxn ang="T141">
                <a:pos x="T50" y="T51"/>
              </a:cxn>
              <a:cxn ang="T142">
                <a:pos x="T52" y="T53"/>
              </a:cxn>
              <a:cxn ang="T143">
                <a:pos x="T54" y="T55"/>
              </a:cxn>
              <a:cxn ang="T144">
                <a:pos x="T56" y="T57"/>
              </a:cxn>
              <a:cxn ang="T145">
                <a:pos x="T58" y="T59"/>
              </a:cxn>
              <a:cxn ang="T146">
                <a:pos x="T60" y="T61"/>
              </a:cxn>
              <a:cxn ang="T147">
                <a:pos x="T62" y="T63"/>
              </a:cxn>
              <a:cxn ang="T148">
                <a:pos x="T64" y="T65"/>
              </a:cxn>
              <a:cxn ang="T149">
                <a:pos x="T66" y="T67"/>
              </a:cxn>
              <a:cxn ang="T150">
                <a:pos x="T68" y="T69"/>
              </a:cxn>
              <a:cxn ang="T151">
                <a:pos x="T70" y="T71"/>
              </a:cxn>
              <a:cxn ang="T152">
                <a:pos x="T72" y="T73"/>
              </a:cxn>
              <a:cxn ang="T153">
                <a:pos x="T74" y="T75"/>
              </a:cxn>
              <a:cxn ang="T154">
                <a:pos x="T76" y="T77"/>
              </a:cxn>
              <a:cxn ang="T155">
                <a:pos x="T78" y="T79"/>
              </a:cxn>
              <a:cxn ang="T156">
                <a:pos x="T80" y="T81"/>
              </a:cxn>
              <a:cxn ang="T157">
                <a:pos x="T82" y="T83"/>
              </a:cxn>
              <a:cxn ang="T158">
                <a:pos x="T84" y="T85"/>
              </a:cxn>
              <a:cxn ang="T159">
                <a:pos x="T86" y="T87"/>
              </a:cxn>
              <a:cxn ang="T160">
                <a:pos x="T88" y="T89"/>
              </a:cxn>
              <a:cxn ang="T161">
                <a:pos x="T90" y="T91"/>
              </a:cxn>
              <a:cxn ang="T162">
                <a:pos x="T92" y="T93"/>
              </a:cxn>
              <a:cxn ang="T163">
                <a:pos x="T94" y="T95"/>
              </a:cxn>
              <a:cxn ang="T164">
                <a:pos x="T96" y="T97"/>
              </a:cxn>
              <a:cxn ang="T165">
                <a:pos x="T98" y="T99"/>
              </a:cxn>
              <a:cxn ang="T166">
                <a:pos x="T100" y="T101"/>
              </a:cxn>
              <a:cxn ang="T167">
                <a:pos x="T102" y="T103"/>
              </a:cxn>
              <a:cxn ang="T168">
                <a:pos x="T104" y="T105"/>
              </a:cxn>
              <a:cxn ang="T169">
                <a:pos x="T106" y="T107"/>
              </a:cxn>
              <a:cxn ang="T170">
                <a:pos x="T108" y="T109"/>
              </a:cxn>
              <a:cxn ang="T171">
                <a:pos x="T110" y="T111"/>
              </a:cxn>
              <a:cxn ang="T172">
                <a:pos x="T112" y="T113"/>
              </a:cxn>
              <a:cxn ang="T173">
                <a:pos x="T114" y="T115"/>
              </a:cxn>
            </a:cxnLst>
            <a:rect l="T174" t="T175" r="T176" b="T177"/>
            <a:pathLst>
              <a:path w="16384" h="16384">
                <a:moveTo>
                  <a:pt x="16384" y="6028"/>
                </a:moveTo>
                <a:lnTo>
                  <a:pt x="15391" y="6392"/>
                </a:lnTo>
                <a:lnTo>
                  <a:pt x="15170" y="5906"/>
                </a:lnTo>
                <a:lnTo>
                  <a:pt x="14784" y="5947"/>
                </a:lnTo>
                <a:lnTo>
                  <a:pt x="15170" y="6473"/>
                </a:lnTo>
                <a:lnTo>
                  <a:pt x="14619" y="6675"/>
                </a:lnTo>
                <a:lnTo>
                  <a:pt x="14122" y="5704"/>
                </a:lnTo>
                <a:lnTo>
                  <a:pt x="14067" y="5785"/>
                </a:lnTo>
                <a:lnTo>
                  <a:pt x="14398" y="7039"/>
                </a:lnTo>
                <a:lnTo>
                  <a:pt x="13515" y="7322"/>
                </a:lnTo>
                <a:lnTo>
                  <a:pt x="13405" y="7201"/>
                </a:lnTo>
                <a:lnTo>
                  <a:pt x="13515" y="7080"/>
                </a:lnTo>
                <a:lnTo>
                  <a:pt x="13846" y="6958"/>
                </a:lnTo>
                <a:lnTo>
                  <a:pt x="13791" y="6756"/>
                </a:lnTo>
                <a:lnTo>
                  <a:pt x="13626" y="6756"/>
                </a:lnTo>
                <a:lnTo>
                  <a:pt x="13405" y="6796"/>
                </a:lnTo>
                <a:lnTo>
                  <a:pt x="13184" y="6796"/>
                </a:lnTo>
                <a:lnTo>
                  <a:pt x="12853" y="6796"/>
                </a:lnTo>
                <a:lnTo>
                  <a:pt x="12467" y="6796"/>
                </a:lnTo>
                <a:lnTo>
                  <a:pt x="12081" y="6796"/>
                </a:lnTo>
                <a:lnTo>
                  <a:pt x="11860" y="6877"/>
                </a:lnTo>
                <a:lnTo>
                  <a:pt x="12357" y="7120"/>
                </a:lnTo>
                <a:lnTo>
                  <a:pt x="12247" y="7241"/>
                </a:lnTo>
                <a:lnTo>
                  <a:pt x="12578" y="7484"/>
                </a:lnTo>
                <a:lnTo>
                  <a:pt x="12467" y="7565"/>
                </a:lnTo>
                <a:lnTo>
                  <a:pt x="11916" y="7241"/>
                </a:lnTo>
                <a:lnTo>
                  <a:pt x="11254" y="7525"/>
                </a:lnTo>
                <a:lnTo>
                  <a:pt x="10978" y="7848"/>
                </a:lnTo>
                <a:lnTo>
                  <a:pt x="11254" y="8091"/>
                </a:lnTo>
                <a:lnTo>
                  <a:pt x="11419" y="8172"/>
                </a:lnTo>
                <a:lnTo>
                  <a:pt x="11750" y="7970"/>
                </a:lnTo>
                <a:lnTo>
                  <a:pt x="11971" y="8010"/>
                </a:lnTo>
                <a:lnTo>
                  <a:pt x="11860" y="8334"/>
                </a:lnTo>
                <a:lnTo>
                  <a:pt x="12467" y="8617"/>
                </a:lnTo>
                <a:lnTo>
                  <a:pt x="12743" y="8334"/>
                </a:lnTo>
                <a:lnTo>
                  <a:pt x="13074" y="8495"/>
                </a:lnTo>
                <a:lnTo>
                  <a:pt x="13184" y="8414"/>
                </a:lnTo>
                <a:lnTo>
                  <a:pt x="13350" y="8455"/>
                </a:lnTo>
                <a:lnTo>
                  <a:pt x="13295" y="8576"/>
                </a:lnTo>
                <a:lnTo>
                  <a:pt x="12688" y="8779"/>
                </a:lnTo>
                <a:lnTo>
                  <a:pt x="13019" y="8940"/>
                </a:lnTo>
                <a:lnTo>
                  <a:pt x="13460" y="8576"/>
                </a:lnTo>
                <a:lnTo>
                  <a:pt x="13681" y="8617"/>
                </a:lnTo>
                <a:lnTo>
                  <a:pt x="13515" y="8940"/>
                </a:lnTo>
                <a:lnTo>
                  <a:pt x="13626" y="9021"/>
                </a:lnTo>
                <a:lnTo>
                  <a:pt x="13846" y="8779"/>
                </a:lnTo>
                <a:lnTo>
                  <a:pt x="14012" y="8819"/>
                </a:lnTo>
                <a:lnTo>
                  <a:pt x="13736" y="9264"/>
                </a:lnTo>
                <a:lnTo>
                  <a:pt x="13902" y="9304"/>
                </a:lnTo>
                <a:lnTo>
                  <a:pt x="14122" y="8859"/>
                </a:lnTo>
                <a:lnTo>
                  <a:pt x="14343" y="8940"/>
                </a:lnTo>
                <a:lnTo>
                  <a:pt x="13957" y="9426"/>
                </a:lnTo>
                <a:lnTo>
                  <a:pt x="14233" y="9507"/>
                </a:lnTo>
                <a:lnTo>
                  <a:pt x="14564" y="8981"/>
                </a:lnTo>
                <a:lnTo>
                  <a:pt x="14619" y="9062"/>
                </a:lnTo>
                <a:lnTo>
                  <a:pt x="14343" y="10033"/>
                </a:lnTo>
                <a:lnTo>
                  <a:pt x="14067" y="9871"/>
                </a:lnTo>
                <a:lnTo>
                  <a:pt x="13902" y="10033"/>
                </a:lnTo>
                <a:lnTo>
                  <a:pt x="14343" y="10275"/>
                </a:lnTo>
                <a:lnTo>
                  <a:pt x="14233" y="10680"/>
                </a:lnTo>
                <a:lnTo>
                  <a:pt x="13515" y="11084"/>
                </a:lnTo>
                <a:lnTo>
                  <a:pt x="12909" y="10761"/>
                </a:lnTo>
                <a:lnTo>
                  <a:pt x="12412" y="10559"/>
                </a:lnTo>
                <a:lnTo>
                  <a:pt x="12136" y="10599"/>
                </a:lnTo>
                <a:lnTo>
                  <a:pt x="11860" y="10639"/>
                </a:lnTo>
                <a:lnTo>
                  <a:pt x="11529" y="10680"/>
                </a:lnTo>
                <a:lnTo>
                  <a:pt x="11143" y="10801"/>
                </a:lnTo>
                <a:lnTo>
                  <a:pt x="11033" y="10680"/>
                </a:lnTo>
                <a:lnTo>
                  <a:pt x="10868" y="10761"/>
                </a:lnTo>
                <a:lnTo>
                  <a:pt x="10978" y="11004"/>
                </a:lnTo>
                <a:lnTo>
                  <a:pt x="11750" y="10882"/>
                </a:lnTo>
                <a:lnTo>
                  <a:pt x="11971" y="11004"/>
                </a:lnTo>
                <a:lnTo>
                  <a:pt x="11971" y="11165"/>
                </a:lnTo>
                <a:lnTo>
                  <a:pt x="11750" y="11165"/>
                </a:lnTo>
                <a:lnTo>
                  <a:pt x="11474" y="11206"/>
                </a:lnTo>
                <a:lnTo>
                  <a:pt x="11033" y="11287"/>
                </a:lnTo>
                <a:lnTo>
                  <a:pt x="10757" y="11206"/>
                </a:lnTo>
                <a:lnTo>
                  <a:pt x="10426" y="11449"/>
                </a:lnTo>
                <a:lnTo>
                  <a:pt x="10592" y="11732"/>
                </a:lnTo>
                <a:lnTo>
                  <a:pt x="11143" y="11651"/>
                </a:lnTo>
                <a:lnTo>
                  <a:pt x="11309" y="11894"/>
                </a:lnTo>
                <a:lnTo>
                  <a:pt x="10923" y="12055"/>
                </a:lnTo>
                <a:lnTo>
                  <a:pt x="10757" y="12136"/>
                </a:lnTo>
                <a:lnTo>
                  <a:pt x="10978" y="12258"/>
                </a:lnTo>
                <a:lnTo>
                  <a:pt x="11364" y="12298"/>
                </a:lnTo>
                <a:lnTo>
                  <a:pt x="12136" y="11813"/>
                </a:lnTo>
                <a:lnTo>
                  <a:pt x="12522" y="12015"/>
                </a:lnTo>
                <a:lnTo>
                  <a:pt x="11860" y="12500"/>
                </a:lnTo>
                <a:lnTo>
                  <a:pt x="12136" y="12703"/>
                </a:lnTo>
                <a:lnTo>
                  <a:pt x="12357" y="12541"/>
                </a:lnTo>
                <a:lnTo>
                  <a:pt x="12522" y="13026"/>
                </a:lnTo>
                <a:lnTo>
                  <a:pt x="12247" y="13026"/>
                </a:lnTo>
                <a:lnTo>
                  <a:pt x="12136" y="13269"/>
                </a:lnTo>
                <a:lnTo>
                  <a:pt x="12191" y="13754"/>
                </a:lnTo>
                <a:lnTo>
                  <a:pt x="12467" y="13957"/>
                </a:lnTo>
                <a:lnTo>
                  <a:pt x="12467" y="14402"/>
                </a:lnTo>
                <a:lnTo>
                  <a:pt x="12136" y="14685"/>
                </a:lnTo>
                <a:lnTo>
                  <a:pt x="11695" y="14402"/>
                </a:lnTo>
                <a:lnTo>
                  <a:pt x="11364" y="14644"/>
                </a:lnTo>
                <a:lnTo>
                  <a:pt x="11198" y="14685"/>
                </a:lnTo>
                <a:lnTo>
                  <a:pt x="10978" y="14806"/>
                </a:lnTo>
                <a:lnTo>
                  <a:pt x="11033" y="15049"/>
                </a:lnTo>
                <a:lnTo>
                  <a:pt x="11143" y="15292"/>
                </a:lnTo>
                <a:lnTo>
                  <a:pt x="11254" y="15413"/>
                </a:lnTo>
                <a:lnTo>
                  <a:pt x="11474" y="15494"/>
                </a:lnTo>
                <a:lnTo>
                  <a:pt x="11198" y="15858"/>
                </a:lnTo>
                <a:lnTo>
                  <a:pt x="11088" y="15696"/>
                </a:lnTo>
                <a:lnTo>
                  <a:pt x="10868" y="15737"/>
                </a:lnTo>
                <a:lnTo>
                  <a:pt x="10702" y="15979"/>
                </a:lnTo>
                <a:lnTo>
                  <a:pt x="10592" y="16060"/>
                </a:lnTo>
                <a:lnTo>
                  <a:pt x="10261" y="16141"/>
                </a:lnTo>
                <a:lnTo>
                  <a:pt x="9819" y="16182"/>
                </a:lnTo>
                <a:lnTo>
                  <a:pt x="9764" y="16263"/>
                </a:lnTo>
                <a:lnTo>
                  <a:pt x="9544" y="16384"/>
                </a:lnTo>
                <a:lnTo>
                  <a:pt x="9323" y="16303"/>
                </a:lnTo>
                <a:lnTo>
                  <a:pt x="9213" y="16222"/>
                </a:lnTo>
                <a:lnTo>
                  <a:pt x="8937" y="16222"/>
                </a:lnTo>
                <a:lnTo>
                  <a:pt x="8606" y="16060"/>
                </a:lnTo>
                <a:lnTo>
                  <a:pt x="8495" y="15939"/>
                </a:lnTo>
                <a:lnTo>
                  <a:pt x="8551" y="15777"/>
                </a:lnTo>
                <a:lnTo>
                  <a:pt x="8385" y="15656"/>
                </a:lnTo>
                <a:lnTo>
                  <a:pt x="8220" y="15534"/>
                </a:lnTo>
                <a:lnTo>
                  <a:pt x="8220" y="15373"/>
                </a:lnTo>
                <a:lnTo>
                  <a:pt x="8275" y="15170"/>
                </a:lnTo>
                <a:lnTo>
                  <a:pt x="8109" y="15009"/>
                </a:lnTo>
                <a:lnTo>
                  <a:pt x="7613" y="15049"/>
                </a:lnTo>
                <a:lnTo>
                  <a:pt x="7337" y="15049"/>
                </a:lnTo>
                <a:lnTo>
                  <a:pt x="7116" y="14968"/>
                </a:lnTo>
                <a:lnTo>
                  <a:pt x="7116" y="14725"/>
                </a:lnTo>
                <a:lnTo>
                  <a:pt x="6951" y="14402"/>
                </a:lnTo>
                <a:lnTo>
                  <a:pt x="6896" y="14402"/>
                </a:lnTo>
                <a:lnTo>
                  <a:pt x="6509" y="14442"/>
                </a:lnTo>
                <a:lnTo>
                  <a:pt x="6289" y="14361"/>
                </a:lnTo>
                <a:lnTo>
                  <a:pt x="5958" y="14199"/>
                </a:lnTo>
                <a:lnTo>
                  <a:pt x="5682" y="13957"/>
                </a:lnTo>
                <a:lnTo>
                  <a:pt x="5572" y="13795"/>
                </a:lnTo>
                <a:lnTo>
                  <a:pt x="5461" y="13552"/>
                </a:lnTo>
                <a:lnTo>
                  <a:pt x="5296" y="13471"/>
                </a:lnTo>
                <a:lnTo>
                  <a:pt x="5130" y="13714"/>
                </a:lnTo>
                <a:lnTo>
                  <a:pt x="4689" y="13916"/>
                </a:lnTo>
                <a:lnTo>
                  <a:pt x="4137" y="13754"/>
                </a:lnTo>
                <a:lnTo>
                  <a:pt x="3862" y="13593"/>
                </a:lnTo>
                <a:lnTo>
                  <a:pt x="3696" y="13593"/>
                </a:lnTo>
                <a:lnTo>
                  <a:pt x="3310" y="13512"/>
                </a:lnTo>
                <a:lnTo>
                  <a:pt x="2924" y="13350"/>
                </a:lnTo>
                <a:lnTo>
                  <a:pt x="2538" y="13107"/>
                </a:lnTo>
                <a:lnTo>
                  <a:pt x="2372" y="13431"/>
                </a:lnTo>
                <a:lnTo>
                  <a:pt x="2096" y="13552"/>
                </a:lnTo>
                <a:lnTo>
                  <a:pt x="2041" y="13674"/>
                </a:lnTo>
                <a:lnTo>
                  <a:pt x="1765" y="13714"/>
                </a:lnTo>
                <a:lnTo>
                  <a:pt x="1434" y="13633"/>
                </a:lnTo>
                <a:lnTo>
                  <a:pt x="1489" y="13350"/>
                </a:lnTo>
                <a:lnTo>
                  <a:pt x="1600" y="13148"/>
                </a:lnTo>
                <a:lnTo>
                  <a:pt x="1710" y="12945"/>
                </a:lnTo>
                <a:lnTo>
                  <a:pt x="1931" y="12824"/>
                </a:lnTo>
                <a:lnTo>
                  <a:pt x="1986" y="12662"/>
                </a:lnTo>
                <a:lnTo>
                  <a:pt x="1876" y="12500"/>
                </a:lnTo>
                <a:lnTo>
                  <a:pt x="1655" y="12379"/>
                </a:lnTo>
                <a:lnTo>
                  <a:pt x="1489" y="12298"/>
                </a:lnTo>
                <a:lnTo>
                  <a:pt x="1379" y="12055"/>
                </a:lnTo>
                <a:lnTo>
                  <a:pt x="1269" y="12015"/>
                </a:lnTo>
                <a:lnTo>
                  <a:pt x="1158" y="11853"/>
                </a:lnTo>
                <a:lnTo>
                  <a:pt x="938" y="11732"/>
                </a:lnTo>
                <a:lnTo>
                  <a:pt x="938" y="11570"/>
                </a:lnTo>
                <a:lnTo>
                  <a:pt x="883" y="11327"/>
                </a:lnTo>
                <a:lnTo>
                  <a:pt x="772" y="11165"/>
                </a:lnTo>
                <a:lnTo>
                  <a:pt x="827" y="11004"/>
                </a:lnTo>
                <a:lnTo>
                  <a:pt x="772" y="10842"/>
                </a:lnTo>
                <a:lnTo>
                  <a:pt x="827" y="10559"/>
                </a:lnTo>
                <a:lnTo>
                  <a:pt x="883" y="10316"/>
                </a:lnTo>
                <a:lnTo>
                  <a:pt x="883" y="10154"/>
                </a:lnTo>
                <a:lnTo>
                  <a:pt x="717" y="10033"/>
                </a:lnTo>
                <a:lnTo>
                  <a:pt x="496" y="9952"/>
                </a:lnTo>
                <a:lnTo>
                  <a:pt x="607" y="9507"/>
                </a:lnTo>
                <a:lnTo>
                  <a:pt x="552" y="9345"/>
                </a:lnTo>
                <a:lnTo>
                  <a:pt x="827" y="8900"/>
                </a:lnTo>
                <a:lnTo>
                  <a:pt x="1048" y="8495"/>
                </a:lnTo>
                <a:lnTo>
                  <a:pt x="883" y="8172"/>
                </a:lnTo>
                <a:lnTo>
                  <a:pt x="662" y="7808"/>
                </a:lnTo>
                <a:lnTo>
                  <a:pt x="552" y="7565"/>
                </a:lnTo>
                <a:lnTo>
                  <a:pt x="662" y="7363"/>
                </a:lnTo>
                <a:lnTo>
                  <a:pt x="662" y="7201"/>
                </a:lnTo>
                <a:lnTo>
                  <a:pt x="441" y="6877"/>
                </a:lnTo>
                <a:lnTo>
                  <a:pt x="441" y="6675"/>
                </a:lnTo>
                <a:lnTo>
                  <a:pt x="441" y="6473"/>
                </a:lnTo>
                <a:lnTo>
                  <a:pt x="386" y="6311"/>
                </a:lnTo>
                <a:lnTo>
                  <a:pt x="496" y="6109"/>
                </a:lnTo>
                <a:lnTo>
                  <a:pt x="276" y="5745"/>
                </a:lnTo>
                <a:lnTo>
                  <a:pt x="110" y="5704"/>
                </a:lnTo>
                <a:lnTo>
                  <a:pt x="0" y="5583"/>
                </a:lnTo>
                <a:lnTo>
                  <a:pt x="110" y="5461"/>
                </a:lnTo>
                <a:lnTo>
                  <a:pt x="276" y="5340"/>
                </a:lnTo>
                <a:lnTo>
                  <a:pt x="607" y="5300"/>
                </a:lnTo>
                <a:lnTo>
                  <a:pt x="938" y="5259"/>
                </a:lnTo>
                <a:lnTo>
                  <a:pt x="1324" y="5219"/>
                </a:lnTo>
                <a:lnTo>
                  <a:pt x="1324" y="5097"/>
                </a:lnTo>
                <a:lnTo>
                  <a:pt x="1048" y="4855"/>
                </a:lnTo>
                <a:lnTo>
                  <a:pt x="1214" y="4612"/>
                </a:lnTo>
                <a:lnTo>
                  <a:pt x="1269" y="4410"/>
                </a:lnTo>
                <a:lnTo>
                  <a:pt x="1434" y="4248"/>
                </a:lnTo>
                <a:lnTo>
                  <a:pt x="1434" y="4086"/>
                </a:lnTo>
                <a:lnTo>
                  <a:pt x="1600" y="3722"/>
                </a:lnTo>
                <a:lnTo>
                  <a:pt x="1379" y="3439"/>
                </a:lnTo>
                <a:lnTo>
                  <a:pt x="1434" y="3277"/>
                </a:lnTo>
                <a:lnTo>
                  <a:pt x="1324" y="3155"/>
                </a:lnTo>
                <a:lnTo>
                  <a:pt x="1103" y="3075"/>
                </a:lnTo>
                <a:lnTo>
                  <a:pt x="1103" y="2913"/>
                </a:lnTo>
                <a:lnTo>
                  <a:pt x="1269" y="2589"/>
                </a:lnTo>
                <a:lnTo>
                  <a:pt x="1158" y="2104"/>
                </a:lnTo>
                <a:lnTo>
                  <a:pt x="938" y="1942"/>
                </a:lnTo>
                <a:lnTo>
                  <a:pt x="938" y="1740"/>
                </a:lnTo>
                <a:lnTo>
                  <a:pt x="827" y="1740"/>
                </a:lnTo>
                <a:lnTo>
                  <a:pt x="496" y="1942"/>
                </a:lnTo>
                <a:lnTo>
                  <a:pt x="386" y="1497"/>
                </a:lnTo>
                <a:lnTo>
                  <a:pt x="607" y="1173"/>
                </a:lnTo>
                <a:lnTo>
                  <a:pt x="993" y="1133"/>
                </a:lnTo>
                <a:lnTo>
                  <a:pt x="1489" y="890"/>
                </a:lnTo>
                <a:lnTo>
                  <a:pt x="1379" y="1295"/>
                </a:lnTo>
                <a:lnTo>
                  <a:pt x="1600" y="1416"/>
                </a:lnTo>
                <a:lnTo>
                  <a:pt x="1545" y="1578"/>
                </a:lnTo>
                <a:lnTo>
                  <a:pt x="1655" y="1780"/>
                </a:lnTo>
                <a:lnTo>
                  <a:pt x="1986" y="1780"/>
                </a:lnTo>
                <a:lnTo>
                  <a:pt x="2041" y="1618"/>
                </a:lnTo>
                <a:lnTo>
                  <a:pt x="2317" y="1618"/>
                </a:lnTo>
                <a:lnTo>
                  <a:pt x="2427" y="1335"/>
                </a:lnTo>
                <a:lnTo>
                  <a:pt x="2813" y="1254"/>
                </a:lnTo>
                <a:lnTo>
                  <a:pt x="2869" y="1092"/>
                </a:lnTo>
                <a:lnTo>
                  <a:pt x="2979" y="1173"/>
                </a:lnTo>
                <a:lnTo>
                  <a:pt x="3034" y="1295"/>
                </a:lnTo>
                <a:lnTo>
                  <a:pt x="3089" y="1335"/>
                </a:lnTo>
                <a:lnTo>
                  <a:pt x="3200" y="1375"/>
                </a:lnTo>
                <a:lnTo>
                  <a:pt x="3200" y="1537"/>
                </a:lnTo>
                <a:lnTo>
                  <a:pt x="3255" y="1537"/>
                </a:lnTo>
                <a:lnTo>
                  <a:pt x="3586" y="1375"/>
                </a:lnTo>
                <a:lnTo>
                  <a:pt x="3806" y="1335"/>
                </a:lnTo>
                <a:lnTo>
                  <a:pt x="4193" y="1052"/>
                </a:lnTo>
                <a:lnTo>
                  <a:pt x="4082" y="1011"/>
                </a:lnTo>
                <a:lnTo>
                  <a:pt x="4193" y="971"/>
                </a:lnTo>
                <a:lnTo>
                  <a:pt x="4027" y="769"/>
                </a:lnTo>
                <a:lnTo>
                  <a:pt x="3917" y="688"/>
                </a:lnTo>
                <a:lnTo>
                  <a:pt x="4248" y="728"/>
                </a:lnTo>
                <a:lnTo>
                  <a:pt x="4303" y="647"/>
                </a:lnTo>
                <a:lnTo>
                  <a:pt x="4303" y="485"/>
                </a:lnTo>
                <a:lnTo>
                  <a:pt x="4193" y="324"/>
                </a:lnTo>
                <a:lnTo>
                  <a:pt x="4248" y="243"/>
                </a:lnTo>
                <a:lnTo>
                  <a:pt x="4193" y="0"/>
                </a:lnTo>
                <a:lnTo>
                  <a:pt x="4579" y="81"/>
                </a:lnTo>
                <a:lnTo>
                  <a:pt x="4910" y="81"/>
                </a:lnTo>
                <a:lnTo>
                  <a:pt x="5296" y="162"/>
                </a:lnTo>
                <a:lnTo>
                  <a:pt x="5737" y="324"/>
                </a:lnTo>
                <a:lnTo>
                  <a:pt x="6123" y="324"/>
                </a:lnTo>
                <a:lnTo>
                  <a:pt x="6178" y="526"/>
                </a:lnTo>
                <a:lnTo>
                  <a:pt x="6509" y="607"/>
                </a:lnTo>
                <a:lnTo>
                  <a:pt x="6730" y="971"/>
                </a:lnTo>
                <a:lnTo>
                  <a:pt x="6896" y="1295"/>
                </a:lnTo>
                <a:lnTo>
                  <a:pt x="7227" y="1335"/>
                </a:lnTo>
                <a:lnTo>
                  <a:pt x="7447" y="1456"/>
                </a:lnTo>
                <a:lnTo>
                  <a:pt x="7944" y="1456"/>
                </a:lnTo>
                <a:lnTo>
                  <a:pt x="8109" y="1497"/>
                </a:lnTo>
                <a:lnTo>
                  <a:pt x="8495" y="1578"/>
                </a:lnTo>
                <a:lnTo>
                  <a:pt x="8771" y="1578"/>
                </a:lnTo>
                <a:lnTo>
                  <a:pt x="8937" y="1537"/>
                </a:lnTo>
                <a:lnTo>
                  <a:pt x="9268" y="1740"/>
                </a:lnTo>
                <a:lnTo>
                  <a:pt x="9709" y="1740"/>
                </a:lnTo>
                <a:lnTo>
                  <a:pt x="10040" y="1982"/>
                </a:lnTo>
                <a:lnTo>
                  <a:pt x="10426" y="1861"/>
                </a:lnTo>
                <a:lnTo>
                  <a:pt x="10647" y="1901"/>
                </a:lnTo>
                <a:lnTo>
                  <a:pt x="10812" y="1820"/>
                </a:lnTo>
                <a:lnTo>
                  <a:pt x="11254" y="1901"/>
                </a:lnTo>
                <a:lnTo>
                  <a:pt x="11640" y="2023"/>
                </a:lnTo>
                <a:lnTo>
                  <a:pt x="12026" y="2063"/>
                </a:lnTo>
                <a:lnTo>
                  <a:pt x="12302" y="2023"/>
                </a:lnTo>
                <a:lnTo>
                  <a:pt x="12467" y="2144"/>
                </a:lnTo>
                <a:lnTo>
                  <a:pt x="12688" y="2225"/>
                </a:lnTo>
                <a:lnTo>
                  <a:pt x="12909" y="2346"/>
                </a:lnTo>
                <a:lnTo>
                  <a:pt x="12688" y="3034"/>
                </a:lnTo>
                <a:lnTo>
                  <a:pt x="12688" y="3196"/>
                </a:lnTo>
                <a:lnTo>
                  <a:pt x="12743" y="3277"/>
                </a:lnTo>
                <a:lnTo>
                  <a:pt x="13019" y="3317"/>
                </a:lnTo>
                <a:lnTo>
                  <a:pt x="13460" y="3479"/>
                </a:lnTo>
                <a:lnTo>
                  <a:pt x="13957" y="3236"/>
                </a:lnTo>
                <a:lnTo>
                  <a:pt x="14233" y="3155"/>
                </a:lnTo>
                <a:lnTo>
                  <a:pt x="14619" y="3155"/>
                </a:lnTo>
                <a:lnTo>
                  <a:pt x="14564" y="3600"/>
                </a:lnTo>
                <a:lnTo>
                  <a:pt x="14674" y="3722"/>
                </a:lnTo>
                <a:lnTo>
                  <a:pt x="14839" y="3965"/>
                </a:lnTo>
                <a:lnTo>
                  <a:pt x="14895" y="4167"/>
                </a:lnTo>
                <a:lnTo>
                  <a:pt x="14839" y="4329"/>
                </a:lnTo>
                <a:lnTo>
                  <a:pt x="15060" y="4410"/>
                </a:lnTo>
                <a:lnTo>
                  <a:pt x="15226" y="4652"/>
                </a:lnTo>
                <a:lnTo>
                  <a:pt x="15501" y="5421"/>
                </a:lnTo>
                <a:lnTo>
                  <a:pt x="15777" y="5340"/>
                </a:lnTo>
                <a:lnTo>
                  <a:pt x="16384" y="6028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05" name="d14130"/>
          <xdr:cNvSpPr>
            <a:spLocks/>
          </xdr:cNvSpPr>
        </xdr:nvSpPr>
        <xdr:spPr bwMode="auto">
          <a:xfrm>
            <a:off x="6629400" y="9915525"/>
            <a:ext cx="3876675" cy="20955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w 16384"/>
              <a:gd name="T145" fmla="*/ 0 h 16384"/>
              <a:gd name="T146" fmla="*/ 16384 w 16384"/>
              <a:gd name="T147" fmla="*/ 16384 h 16384"/>
            </a:gdLst>
            <a:ahLst/>
            <a:cxnLst>
              <a:cxn ang="T96">
                <a:pos x="T0" y="T1"/>
              </a:cxn>
              <a:cxn ang="T97">
                <a:pos x="T2" y="T3"/>
              </a:cxn>
              <a:cxn ang="T98">
                <a:pos x="T4" y="T5"/>
              </a:cxn>
              <a:cxn ang="T99">
                <a:pos x="T6" y="T7"/>
              </a:cxn>
              <a:cxn ang="T100">
                <a:pos x="T8" y="T9"/>
              </a:cxn>
              <a:cxn ang="T101">
                <a:pos x="T10" y="T11"/>
              </a:cxn>
              <a:cxn ang="T102">
                <a:pos x="T12" y="T13"/>
              </a:cxn>
              <a:cxn ang="T103">
                <a:pos x="T14" y="T15"/>
              </a:cxn>
              <a:cxn ang="T104">
                <a:pos x="T16" y="T17"/>
              </a:cxn>
              <a:cxn ang="T105">
                <a:pos x="T18" y="T19"/>
              </a:cxn>
              <a:cxn ang="T106">
                <a:pos x="T20" y="T21"/>
              </a:cxn>
              <a:cxn ang="T107">
                <a:pos x="T22" y="T23"/>
              </a:cxn>
              <a:cxn ang="T108">
                <a:pos x="T24" y="T25"/>
              </a:cxn>
              <a:cxn ang="T109">
                <a:pos x="T26" y="T27"/>
              </a:cxn>
              <a:cxn ang="T110">
                <a:pos x="T28" y="T29"/>
              </a:cxn>
              <a:cxn ang="T111">
                <a:pos x="T30" y="T31"/>
              </a:cxn>
              <a:cxn ang="T112">
                <a:pos x="T32" y="T33"/>
              </a:cxn>
              <a:cxn ang="T113">
                <a:pos x="T34" y="T35"/>
              </a:cxn>
              <a:cxn ang="T114">
                <a:pos x="T36" y="T37"/>
              </a:cxn>
              <a:cxn ang="T115">
                <a:pos x="T38" y="T39"/>
              </a:cxn>
              <a:cxn ang="T116">
                <a:pos x="T40" y="T41"/>
              </a:cxn>
              <a:cxn ang="T117">
                <a:pos x="T42" y="T43"/>
              </a:cxn>
              <a:cxn ang="T118">
                <a:pos x="T44" y="T45"/>
              </a:cxn>
              <a:cxn ang="T119">
                <a:pos x="T46" y="T47"/>
              </a:cxn>
              <a:cxn ang="T120">
                <a:pos x="T48" y="T49"/>
              </a:cxn>
              <a:cxn ang="T121">
                <a:pos x="T50" y="T51"/>
              </a:cxn>
              <a:cxn ang="T122">
                <a:pos x="T52" y="T53"/>
              </a:cxn>
              <a:cxn ang="T123">
                <a:pos x="T54" y="T55"/>
              </a:cxn>
              <a:cxn ang="T124">
                <a:pos x="T56" y="T57"/>
              </a:cxn>
              <a:cxn ang="T125">
                <a:pos x="T58" y="T59"/>
              </a:cxn>
              <a:cxn ang="T126">
                <a:pos x="T60" y="T61"/>
              </a:cxn>
              <a:cxn ang="T127">
                <a:pos x="T62" y="T63"/>
              </a:cxn>
              <a:cxn ang="T128">
                <a:pos x="T64" y="T65"/>
              </a:cxn>
              <a:cxn ang="T129">
                <a:pos x="T66" y="T67"/>
              </a:cxn>
              <a:cxn ang="T130">
                <a:pos x="T68" y="T69"/>
              </a:cxn>
              <a:cxn ang="T131">
                <a:pos x="T70" y="T71"/>
              </a:cxn>
              <a:cxn ang="T132">
                <a:pos x="T72" y="T73"/>
              </a:cxn>
              <a:cxn ang="T133">
                <a:pos x="T74" y="T75"/>
              </a:cxn>
              <a:cxn ang="T134">
                <a:pos x="T76" y="T77"/>
              </a:cxn>
              <a:cxn ang="T135">
                <a:pos x="T78" y="T79"/>
              </a:cxn>
              <a:cxn ang="T136">
                <a:pos x="T80" y="T81"/>
              </a:cxn>
              <a:cxn ang="T137">
                <a:pos x="T82" y="T83"/>
              </a:cxn>
              <a:cxn ang="T138">
                <a:pos x="T84" y="T85"/>
              </a:cxn>
              <a:cxn ang="T139">
                <a:pos x="T86" y="T87"/>
              </a:cxn>
              <a:cxn ang="T140">
                <a:pos x="T88" y="T89"/>
              </a:cxn>
              <a:cxn ang="T141">
                <a:pos x="T90" y="T91"/>
              </a:cxn>
              <a:cxn ang="T142">
                <a:pos x="T92" y="T93"/>
              </a:cxn>
              <a:cxn ang="T143">
                <a:pos x="T94" y="T95"/>
              </a:cxn>
            </a:cxnLst>
            <a:rect l="T144" t="T145" r="T146" b="T147"/>
            <a:pathLst>
              <a:path w="16384" h="16384">
                <a:moveTo>
                  <a:pt x="14371" y="10650"/>
                </a:moveTo>
                <a:lnTo>
                  <a:pt x="15780" y="11841"/>
                </a:lnTo>
                <a:lnTo>
                  <a:pt x="16183" y="12362"/>
                </a:lnTo>
                <a:lnTo>
                  <a:pt x="16384" y="12958"/>
                </a:lnTo>
                <a:lnTo>
                  <a:pt x="15659" y="14373"/>
                </a:lnTo>
                <a:lnTo>
                  <a:pt x="15257" y="13331"/>
                </a:lnTo>
                <a:lnTo>
                  <a:pt x="15378" y="12958"/>
                </a:lnTo>
                <a:lnTo>
                  <a:pt x="15176" y="13033"/>
                </a:lnTo>
                <a:lnTo>
                  <a:pt x="15015" y="12288"/>
                </a:lnTo>
                <a:lnTo>
                  <a:pt x="14814" y="12214"/>
                </a:lnTo>
                <a:lnTo>
                  <a:pt x="14854" y="12586"/>
                </a:lnTo>
                <a:lnTo>
                  <a:pt x="15217" y="14075"/>
                </a:lnTo>
                <a:lnTo>
                  <a:pt x="14532" y="14522"/>
                </a:lnTo>
                <a:lnTo>
                  <a:pt x="14411" y="13480"/>
                </a:lnTo>
                <a:lnTo>
                  <a:pt x="14291" y="13554"/>
                </a:lnTo>
                <a:lnTo>
                  <a:pt x="14452" y="14597"/>
                </a:lnTo>
                <a:lnTo>
                  <a:pt x="13606" y="15341"/>
                </a:lnTo>
                <a:lnTo>
                  <a:pt x="13606" y="13777"/>
                </a:lnTo>
                <a:lnTo>
                  <a:pt x="13486" y="13777"/>
                </a:lnTo>
                <a:lnTo>
                  <a:pt x="13526" y="15490"/>
                </a:lnTo>
                <a:lnTo>
                  <a:pt x="13003" y="16012"/>
                </a:lnTo>
                <a:lnTo>
                  <a:pt x="12680" y="15043"/>
                </a:lnTo>
                <a:lnTo>
                  <a:pt x="12560" y="15118"/>
                </a:lnTo>
                <a:lnTo>
                  <a:pt x="12680" y="15639"/>
                </a:lnTo>
                <a:lnTo>
                  <a:pt x="12842" y="16235"/>
                </a:lnTo>
                <a:lnTo>
                  <a:pt x="12600" y="16384"/>
                </a:lnTo>
                <a:lnTo>
                  <a:pt x="12157" y="15118"/>
                </a:lnTo>
                <a:lnTo>
                  <a:pt x="11956" y="15267"/>
                </a:lnTo>
                <a:lnTo>
                  <a:pt x="11755" y="13852"/>
                </a:lnTo>
                <a:lnTo>
                  <a:pt x="11634" y="13405"/>
                </a:lnTo>
                <a:lnTo>
                  <a:pt x="11473" y="13256"/>
                </a:lnTo>
                <a:lnTo>
                  <a:pt x="11513" y="12958"/>
                </a:lnTo>
                <a:lnTo>
                  <a:pt x="11473" y="12586"/>
                </a:lnTo>
                <a:lnTo>
                  <a:pt x="11352" y="12139"/>
                </a:lnTo>
                <a:lnTo>
                  <a:pt x="11272" y="11916"/>
                </a:lnTo>
                <a:lnTo>
                  <a:pt x="11312" y="11096"/>
                </a:lnTo>
                <a:lnTo>
                  <a:pt x="11030" y="11096"/>
                </a:lnTo>
                <a:lnTo>
                  <a:pt x="10829" y="11245"/>
                </a:lnTo>
                <a:lnTo>
                  <a:pt x="10466" y="11692"/>
                </a:lnTo>
                <a:lnTo>
                  <a:pt x="10144" y="11394"/>
                </a:lnTo>
                <a:lnTo>
                  <a:pt x="9943" y="11320"/>
                </a:lnTo>
                <a:lnTo>
                  <a:pt x="9903" y="11171"/>
                </a:lnTo>
                <a:lnTo>
                  <a:pt x="9903" y="10873"/>
                </a:lnTo>
                <a:lnTo>
                  <a:pt x="10064" y="9607"/>
                </a:lnTo>
                <a:lnTo>
                  <a:pt x="9903" y="9384"/>
                </a:lnTo>
                <a:lnTo>
                  <a:pt x="9742" y="9235"/>
                </a:lnTo>
                <a:lnTo>
                  <a:pt x="9621" y="9011"/>
                </a:lnTo>
                <a:lnTo>
                  <a:pt x="9420" y="9086"/>
                </a:lnTo>
                <a:lnTo>
                  <a:pt x="9138" y="9011"/>
                </a:lnTo>
                <a:lnTo>
                  <a:pt x="8856" y="8788"/>
                </a:lnTo>
                <a:lnTo>
                  <a:pt x="8534" y="8639"/>
                </a:lnTo>
                <a:lnTo>
                  <a:pt x="8413" y="8788"/>
                </a:lnTo>
                <a:lnTo>
                  <a:pt x="8252" y="8713"/>
                </a:lnTo>
                <a:lnTo>
                  <a:pt x="7971" y="8937"/>
                </a:lnTo>
                <a:lnTo>
                  <a:pt x="7729" y="8490"/>
                </a:lnTo>
                <a:lnTo>
                  <a:pt x="7407" y="8490"/>
                </a:lnTo>
                <a:lnTo>
                  <a:pt x="7165" y="8118"/>
                </a:lnTo>
                <a:lnTo>
                  <a:pt x="7045" y="8192"/>
                </a:lnTo>
                <a:lnTo>
                  <a:pt x="6843" y="8192"/>
                </a:lnTo>
                <a:lnTo>
                  <a:pt x="6562" y="8043"/>
                </a:lnTo>
                <a:lnTo>
                  <a:pt x="6441" y="7969"/>
                </a:lnTo>
                <a:lnTo>
                  <a:pt x="6079" y="7969"/>
                </a:lnTo>
                <a:lnTo>
                  <a:pt x="5918" y="7745"/>
                </a:lnTo>
                <a:lnTo>
                  <a:pt x="5676" y="7671"/>
                </a:lnTo>
                <a:lnTo>
                  <a:pt x="5555" y="7075"/>
                </a:lnTo>
                <a:lnTo>
                  <a:pt x="5394" y="6405"/>
                </a:lnTo>
                <a:lnTo>
                  <a:pt x="5153" y="6256"/>
                </a:lnTo>
                <a:lnTo>
                  <a:pt x="5112" y="5883"/>
                </a:lnTo>
                <a:lnTo>
                  <a:pt x="4831" y="5883"/>
                </a:lnTo>
                <a:lnTo>
                  <a:pt x="4509" y="5585"/>
                </a:lnTo>
                <a:lnTo>
                  <a:pt x="4227" y="5437"/>
                </a:lnTo>
                <a:lnTo>
                  <a:pt x="3985" y="5437"/>
                </a:lnTo>
                <a:lnTo>
                  <a:pt x="3704" y="5288"/>
                </a:lnTo>
                <a:lnTo>
                  <a:pt x="3744" y="5734"/>
                </a:lnTo>
                <a:lnTo>
                  <a:pt x="3704" y="5883"/>
                </a:lnTo>
                <a:lnTo>
                  <a:pt x="3784" y="6181"/>
                </a:lnTo>
                <a:lnTo>
                  <a:pt x="3784" y="6479"/>
                </a:lnTo>
                <a:lnTo>
                  <a:pt x="3744" y="6628"/>
                </a:lnTo>
                <a:lnTo>
                  <a:pt x="3502" y="6554"/>
                </a:lnTo>
                <a:lnTo>
                  <a:pt x="3583" y="6703"/>
                </a:lnTo>
                <a:lnTo>
                  <a:pt x="3704" y="7075"/>
                </a:lnTo>
                <a:lnTo>
                  <a:pt x="3623" y="7149"/>
                </a:lnTo>
                <a:lnTo>
                  <a:pt x="3704" y="7224"/>
                </a:lnTo>
                <a:lnTo>
                  <a:pt x="3422" y="7745"/>
                </a:lnTo>
                <a:lnTo>
                  <a:pt x="3261" y="7820"/>
                </a:lnTo>
                <a:lnTo>
                  <a:pt x="3019" y="8118"/>
                </a:lnTo>
                <a:lnTo>
                  <a:pt x="2979" y="8118"/>
                </a:lnTo>
                <a:lnTo>
                  <a:pt x="2979" y="7820"/>
                </a:lnTo>
                <a:lnTo>
                  <a:pt x="2898" y="7745"/>
                </a:lnTo>
                <a:lnTo>
                  <a:pt x="2858" y="7671"/>
                </a:lnTo>
                <a:lnTo>
                  <a:pt x="2818" y="7447"/>
                </a:lnTo>
                <a:lnTo>
                  <a:pt x="2737" y="7298"/>
                </a:lnTo>
                <a:lnTo>
                  <a:pt x="2335" y="6554"/>
                </a:lnTo>
                <a:lnTo>
                  <a:pt x="2214" y="6330"/>
                </a:lnTo>
                <a:lnTo>
                  <a:pt x="2134" y="5734"/>
                </a:lnTo>
                <a:lnTo>
                  <a:pt x="1973" y="5734"/>
                </a:lnTo>
                <a:lnTo>
                  <a:pt x="1771" y="5437"/>
                </a:lnTo>
                <a:lnTo>
                  <a:pt x="1691" y="5213"/>
                </a:lnTo>
                <a:lnTo>
                  <a:pt x="1570" y="5288"/>
                </a:lnTo>
                <a:lnTo>
                  <a:pt x="1570" y="5064"/>
                </a:lnTo>
                <a:lnTo>
                  <a:pt x="1449" y="4990"/>
                </a:lnTo>
                <a:lnTo>
                  <a:pt x="1409" y="4617"/>
                </a:lnTo>
                <a:lnTo>
                  <a:pt x="1208" y="4617"/>
                </a:lnTo>
                <a:lnTo>
                  <a:pt x="926" y="3947"/>
                </a:lnTo>
                <a:lnTo>
                  <a:pt x="805" y="3873"/>
                </a:lnTo>
                <a:lnTo>
                  <a:pt x="845" y="3500"/>
                </a:lnTo>
                <a:lnTo>
                  <a:pt x="725" y="3500"/>
                </a:lnTo>
                <a:lnTo>
                  <a:pt x="282" y="4022"/>
                </a:lnTo>
                <a:lnTo>
                  <a:pt x="161" y="4022"/>
                </a:lnTo>
                <a:lnTo>
                  <a:pt x="161" y="3575"/>
                </a:lnTo>
                <a:lnTo>
                  <a:pt x="0" y="3202"/>
                </a:lnTo>
                <a:lnTo>
                  <a:pt x="40" y="3053"/>
                </a:lnTo>
                <a:lnTo>
                  <a:pt x="161" y="2755"/>
                </a:lnTo>
                <a:lnTo>
                  <a:pt x="201" y="2532"/>
                </a:lnTo>
                <a:lnTo>
                  <a:pt x="362" y="2458"/>
                </a:lnTo>
                <a:lnTo>
                  <a:pt x="523" y="2160"/>
                </a:lnTo>
                <a:lnTo>
                  <a:pt x="604" y="1787"/>
                </a:lnTo>
                <a:lnTo>
                  <a:pt x="805" y="1862"/>
                </a:lnTo>
                <a:lnTo>
                  <a:pt x="845" y="2309"/>
                </a:lnTo>
                <a:lnTo>
                  <a:pt x="1047" y="2383"/>
                </a:lnTo>
                <a:lnTo>
                  <a:pt x="1328" y="2383"/>
                </a:lnTo>
                <a:lnTo>
                  <a:pt x="1409" y="2607"/>
                </a:lnTo>
                <a:lnTo>
                  <a:pt x="1328" y="3053"/>
                </a:lnTo>
                <a:lnTo>
                  <a:pt x="1530" y="3202"/>
                </a:lnTo>
                <a:lnTo>
                  <a:pt x="1650" y="3500"/>
                </a:lnTo>
                <a:lnTo>
                  <a:pt x="1811" y="3649"/>
                </a:lnTo>
                <a:lnTo>
                  <a:pt x="2013" y="3947"/>
                </a:lnTo>
                <a:lnTo>
                  <a:pt x="2214" y="3947"/>
                </a:lnTo>
                <a:lnTo>
                  <a:pt x="2415" y="3947"/>
                </a:lnTo>
                <a:lnTo>
                  <a:pt x="2415" y="3798"/>
                </a:lnTo>
                <a:lnTo>
                  <a:pt x="2295" y="3426"/>
                </a:lnTo>
                <a:lnTo>
                  <a:pt x="2214" y="3128"/>
                </a:lnTo>
                <a:lnTo>
                  <a:pt x="2214" y="2755"/>
                </a:lnTo>
                <a:lnTo>
                  <a:pt x="2254" y="2607"/>
                </a:lnTo>
                <a:lnTo>
                  <a:pt x="2496" y="2458"/>
                </a:lnTo>
                <a:lnTo>
                  <a:pt x="2576" y="2160"/>
                </a:lnTo>
                <a:lnTo>
                  <a:pt x="2697" y="1936"/>
                </a:lnTo>
                <a:lnTo>
                  <a:pt x="3019" y="1862"/>
                </a:lnTo>
                <a:lnTo>
                  <a:pt x="3140" y="1787"/>
                </a:lnTo>
                <a:lnTo>
                  <a:pt x="3220" y="1415"/>
                </a:lnTo>
                <a:lnTo>
                  <a:pt x="3341" y="1192"/>
                </a:lnTo>
                <a:lnTo>
                  <a:pt x="3583" y="1043"/>
                </a:lnTo>
                <a:lnTo>
                  <a:pt x="3502" y="521"/>
                </a:lnTo>
                <a:lnTo>
                  <a:pt x="3583" y="298"/>
                </a:lnTo>
                <a:lnTo>
                  <a:pt x="3663" y="0"/>
                </a:lnTo>
                <a:lnTo>
                  <a:pt x="4066" y="149"/>
                </a:lnTo>
                <a:lnTo>
                  <a:pt x="4428" y="372"/>
                </a:lnTo>
                <a:lnTo>
                  <a:pt x="4871" y="819"/>
                </a:lnTo>
                <a:lnTo>
                  <a:pt x="5193" y="819"/>
                </a:lnTo>
                <a:lnTo>
                  <a:pt x="5475" y="819"/>
                </a:lnTo>
                <a:lnTo>
                  <a:pt x="5636" y="1043"/>
                </a:lnTo>
                <a:lnTo>
                  <a:pt x="5797" y="1787"/>
                </a:lnTo>
                <a:lnTo>
                  <a:pt x="6159" y="2160"/>
                </a:lnTo>
                <a:lnTo>
                  <a:pt x="6481" y="2234"/>
                </a:lnTo>
                <a:lnTo>
                  <a:pt x="6642" y="2532"/>
                </a:lnTo>
                <a:lnTo>
                  <a:pt x="7004" y="2681"/>
                </a:lnTo>
                <a:lnTo>
                  <a:pt x="7407" y="2904"/>
                </a:lnTo>
                <a:lnTo>
                  <a:pt x="7769" y="2979"/>
                </a:lnTo>
                <a:lnTo>
                  <a:pt x="7850" y="2979"/>
                </a:lnTo>
                <a:lnTo>
                  <a:pt x="8091" y="3128"/>
                </a:lnTo>
                <a:lnTo>
                  <a:pt x="8373" y="3426"/>
                </a:lnTo>
                <a:lnTo>
                  <a:pt x="8695" y="3798"/>
                </a:lnTo>
                <a:lnTo>
                  <a:pt x="9017" y="4319"/>
                </a:lnTo>
                <a:lnTo>
                  <a:pt x="9339" y="4692"/>
                </a:lnTo>
                <a:lnTo>
                  <a:pt x="9500" y="5064"/>
                </a:lnTo>
                <a:lnTo>
                  <a:pt x="9702" y="5139"/>
                </a:lnTo>
                <a:lnTo>
                  <a:pt x="9822" y="5585"/>
                </a:lnTo>
                <a:lnTo>
                  <a:pt x="10265" y="5734"/>
                </a:lnTo>
                <a:lnTo>
                  <a:pt x="10466" y="5958"/>
                </a:lnTo>
                <a:lnTo>
                  <a:pt x="10627" y="6405"/>
                </a:lnTo>
                <a:lnTo>
                  <a:pt x="10748" y="6777"/>
                </a:lnTo>
                <a:lnTo>
                  <a:pt x="10829" y="7447"/>
                </a:lnTo>
                <a:lnTo>
                  <a:pt x="10909" y="8192"/>
                </a:lnTo>
                <a:lnTo>
                  <a:pt x="11111" y="8788"/>
                </a:lnTo>
                <a:lnTo>
                  <a:pt x="11352" y="9086"/>
                </a:lnTo>
                <a:lnTo>
                  <a:pt x="11513" y="9160"/>
                </a:lnTo>
                <a:lnTo>
                  <a:pt x="11795" y="9309"/>
                </a:lnTo>
                <a:lnTo>
                  <a:pt x="12036" y="9458"/>
                </a:lnTo>
                <a:lnTo>
                  <a:pt x="12157" y="9607"/>
                </a:lnTo>
                <a:lnTo>
                  <a:pt x="12197" y="9905"/>
                </a:lnTo>
                <a:lnTo>
                  <a:pt x="12077" y="10352"/>
                </a:lnTo>
                <a:lnTo>
                  <a:pt x="11916" y="10873"/>
                </a:lnTo>
                <a:lnTo>
                  <a:pt x="11956" y="11096"/>
                </a:lnTo>
                <a:lnTo>
                  <a:pt x="11916" y="11320"/>
                </a:lnTo>
                <a:lnTo>
                  <a:pt x="12358" y="11543"/>
                </a:lnTo>
                <a:lnTo>
                  <a:pt x="12680" y="11469"/>
                </a:lnTo>
                <a:lnTo>
                  <a:pt x="12922" y="11171"/>
                </a:lnTo>
                <a:lnTo>
                  <a:pt x="13204" y="10873"/>
                </a:lnTo>
                <a:lnTo>
                  <a:pt x="13566" y="10873"/>
                </a:lnTo>
                <a:lnTo>
                  <a:pt x="13848" y="10873"/>
                </a:lnTo>
                <a:lnTo>
                  <a:pt x="14089" y="10799"/>
                </a:lnTo>
                <a:lnTo>
                  <a:pt x="14371" y="1065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06" name="d14201"/>
          <xdr:cNvSpPr>
            <a:spLocks/>
          </xdr:cNvSpPr>
        </xdr:nvSpPr>
        <xdr:spPr bwMode="auto">
          <a:xfrm>
            <a:off x="8096250" y="14211300"/>
            <a:ext cx="1914525" cy="192405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w 16384"/>
              <a:gd name="T145" fmla="*/ 0 h 16384"/>
              <a:gd name="T146" fmla="*/ 16384 w 16384"/>
              <a:gd name="T147" fmla="*/ 16384 h 16384"/>
            </a:gdLst>
            <a:ahLst/>
            <a:cxnLst>
              <a:cxn ang="T96">
                <a:pos x="T0" y="T1"/>
              </a:cxn>
              <a:cxn ang="T97">
                <a:pos x="T2" y="T3"/>
              </a:cxn>
              <a:cxn ang="T98">
                <a:pos x="T4" y="T5"/>
              </a:cxn>
              <a:cxn ang="T99">
                <a:pos x="T6" y="T7"/>
              </a:cxn>
              <a:cxn ang="T100">
                <a:pos x="T8" y="T9"/>
              </a:cxn>
              <a:cxn ang="T101">
                <a:pos x="T10" y="T11"/>
              </a:cxn>
              <a:cxn ang="T102">
                <a:pos x="T12" y="T13"/>
              </a:cxn>
              <a:cxn ang="T103">
                <a:pos x="T14" y="T15"/>
              </a:cxn>
              <a:cxn ang="T104">
                <a:pos x="T16" y="T17"/>
              </a:cxn>
              <a:cxn ang="T105">
                <a:pos x="T18" y="T19"/>
              </a:cxn>
              <a:cxn ang="T106">
                <a:pos x="T20" y="T21"/>
              </a:cxn>
              <a:cxn ang="T107">
                <a:pos x="T22" y="T23"/>
              </a:cxn>
              <a:cxn ang="T108">
                <a:pos x="T24" y="T25"/>
              </a:cxn>
              <a:cxn ang="T109">
                <a:pos x="T26" y="T27"/>
              </a:cxn>
              <a:cxn ang="T110">
                <a:pos x="T28" y="T29"/>
              </a:cxn>
              <a:cxn ang="T111">
                <a:pos x="T30" y="T31"/>
              </a:cxn>
              <a:cxn ang="T112">
                <a:pos x="T32" y="T33"/>
              </a:cxn>
              <a:cxn ang="T113">
                <a:pos x="T34" y="T35"/>
              </a:cxn>
              <a:cxn ang="T114">
                <a:pos x="T36" y="T37"/>
              </a:cxn>
              <a:cxn ang="T115">
                <a:pos x="T38" y="T39"/>
              </a:cxn>
              <a:cxn ang="T116">
                <a:pos x="T40" y="T41"/>
              </a:cxn>
              <a:cxn ang="T117">
                <a:pos x="T42" y="T43"/>
              </a:cxn>
              <a:cxn ang="T118">
                <a:pos x="T44" y="T45"/>
              </a:cxn>
              <a:cxn ang="T119">
                <a:pos x="T46" y="T47"/>
              </a:cxn>
              <a:cxn ang="T120">
                <a:pos x="T48" y="T49"/>
              </a:cxn>
              <a:cxn ang="T121">
                <a:pos x="T50" y="T51"/>
              </a:cxn>
              <a:cxn ang="T122">
                <a:pos x="T52" y="T53"/>
              </a:cxn>
              <a:cxn ang="T123">
                <a:pos x="T54" y="T55"/>
              </a:cxn>
              <a:cxn ang="T124">
                <a:pos x="T56" y="T57"/>
              </a:cxn>
              <a:cxn ang="T125">
                <a:pos x="T58" y="T59"/>
              </a:cxn>
              <a:cxn ang="T126">
                <a:pos x="T60" y="T61"/>
              </a:cxn>
              <a:cxn ang="T127">
                <a:pos x="T62" y="T63"/>
              </a:cxn>
              <a:cxn ang="T128">
                <a:pos x="T64" y="T65"/>
              </a:cxn>
              <a:cxn ang="T129">
                <a:pos x="T66" y="T67"/>
              </a:cxn>
              <a:cxn ang="T130">
                <a:pos x="T68" y="T69"/>
              </a:cxn>
              <a:cxn ang="T131">
                <a:pos x="T70" y="T71"/>
              </a:cxn>
              <a:cxn ang="T132">
                <a:pos x="T72" y="T73"/>
              </a:cxn>
              <a:cxn ang="T133">
                <a:pos x="T74" y="T75"/>
              </a:cxn>
              <a:cxn ang="T134">
                <a:pos x="T76" y="T77"/>
              </a:cxn>
              <a:cxn ang="T135">
                <a:pos x="T78" y="T79"/>
              </a:cxn>
              <a:cxn ang="T136">
                <a:pos x="T80" y="T81"/>
              </a:cxn>
              <a:cxn ang="T137">
                <a:pos x="T82" y="T83"/>
              </a:cxn>
              <a:cxn ang="T138">
                <a:pos x="T84" y="T85"/>
              </a:cxn>
              <a:cxn ang="T139">
                <a:pos x="T86" y="T87"/>
              </a:cxn>
              <a:cxn ang="T140">
                <a:pos x="T88" y="T89"/>
              </a:cxn>
              <a:cxn ang="T141">
                <a:pos x="T90" y="T91"/>
              </a:cxn>
              <a:cxn ang="T142">
                <a:pos x="T92" y="T93"/>
              </a:cxn>
              <a:cxn ang="T143">
                <a:pos x="T94" y="T95"/>
              </a:cxn>
            </a:cxnLst>
            <a:rect l="T144" t="T145" r="T146" b="T147"/>
            <a:pathLst>
              <a:path w="16384" h="16384">
                <a:moveTo>
                  <a:pt x="5706" y="243"/>
                </a:moveTo>
                <a:lnTo>
                  <a:pt x="5950" y="0"/>
                </a:lnTo>
                <a:lnTo>
                  <a:pt x="6684" y="324"/>
                </a:lnTo>
                <a:lnTo>
                  <a:pt x="7010" y="811"/>
                </a:lnTo>
                <a:lnTo>
                  <a:pt x="6847" y="1217"/>
                </a:lnTo>
                <a:lnTo>
                  <a:pt x="6439" y="1217"/>
                </a:lnTo>
                <a:lnTo>
                  <a:pt x="6358" y="2514"/>
                </a:lnTo>
                <a:lnTo>
                  <a:pt x="6195" y="2595"/>
                </a:lnTo>
                <a:lnTo>
                  <a:pt x="5787" y="2352"/>
                </a:lnTo>
                <a:lnTo>
                  <a:pt x="6195" y="3001"/>
                </a:lnTo>
                <a:lnTo>
                  <a:pt x="5054" y="3407"/>
                </a:lnTo>
                <a:lnTo>
                  <a:pt x="5298" y="3731"/>
                </a:lnTo>
                <a:lnTo>
                  <a:pt x="5298" y="3974"/>
                </a:lnTo>
                <a:lnTo>
                  <a:pt x="5461" y="4137"/>
                </a:lnTo>
                <a:lnTo>
                  <a:pt x="5869" y="4055"/>
                </a:lnTo>
                <a:lnTo>
                  <a:pt x="6113" y="3650"/>
                </a:lnTo>
                <a:lnTo>
                  <a:pt x="6358" y="3812"/>
                </a:lnTo>
                <a:lnTo>
                  <a:pt x="6358" y="3488"/>
                </a:lnTo>
                <a:lnTo>
                  <a:pt x="6521" y="3163"/>
                </a:lnTo>
                <a:lnTo>
                  <a:pt x="6929" y="2677"/>
                </a:lnTo>
                <a:lnTo>
                  <a:pt x="7499" y="3244"/>
                </a:lnTo>
                <a:lnTo>
                  <a:pt x="7336" y="3407"/>
                </a:lnTo>
                <a:lnTo>
                  <a:pt x="7010" y="3731"/>
                </a:lnTo>
                <a:lnTo>
                  <a:pt x="6766" y="4055"/>
                </a:lnTo>
                <a:lnTo>
                  <a:pt x="6684" y="4542"/>
                </a:lnTo>
                <a:lnTo>
                  <a:pt x="6929" y="4867"/>
                </a:lnTo>
                <a:lnTo>
                  <a:pt x="7418" y="5272"/>
                </a:lnTo>
                <a:lnTo>
                  <a:pt x="7907" y="5515"/>
                </a:lnTo>
                <a:lnTo>
                  <a:pt x="8070" y="5353"/>
                </a:lnTo>
                <a:lnTo>
                  <a:pt x="7988" y="4948"/>
                </a:lnTo>
                <a:lnTo>
                  <a:pt x="7581" y="4623"/>
                </a:lnTo>
                <a:lnTo>
                  <a:pt x="7988" y="4461"/>
                </a:lnTo>
                <a:lnTo>
                  <a:pt x="8314" y="4704"/>
                </a:lnTo>
                <a:lnTo>
                  <a:pt x="8396" y="4055"/>
                </a:lnTo>
                <a:lnTo>
                  <a:pt x="7907" y="3488"/>
                </a:lnTo>
                <a:lnTo>
                  <a:pt x="8640" y="3407"/>
                </a:lnTo>
                <a:lnTo>
                  <a:pt x="9211" y="3488"/>
                </a:lnTo>
                <a:lnTo>
                  <a:pt x="9618" y="3812"/>
                </a:lnTo>
                <a:lnTo>
                  <a:pt x="9700" y="4218"/>
                </a:lnTo>
                <a:lnTo>
                  <a:pt x="9863" y="4867"/>
                </a:lnTo>
                <a:lnTo>
                  <a:pt x="9211" y="4867"/>
                </a:lnTo>
                <a:lnTo>
                  <a:pt x="9374" y="5272"/>
                </a:lnTo>
                <a:lnTo>
                  <a:pt x="9129" y="5434"/>
                </a:lnTo>
                <a:lnTo>
                  <a:pt x="9374" y="5515"/>
                </a:lnTo>
                <a:lnTo>
                  <a:pt x="9618" y="5921"/>
                </a:lnTo>
                <a:lnTo>
                  <a:pt x="9945" y="6408"/>
                </a:lnTo>
                <a:lnTo>
                  <a:pt x="9781" y="6813"/>
                </a:lnTo>
                <a:lnTo>
                  <a:pt x="10597" y="7543"/>
                </a:lnTo>
                <a:lnTo>
                  <a:pt x="12064" y="7949"/>
                </a:lnTo>
                <a:lnTo>
                  <a:pt x="13287" y="7949"/>
                </a:lnTo>
                <a:lnTo>
                  <a:pt x="13939" y="7868"/>
                </a:lnTo>
                <a:lnTo>
                  <a:pt x="14917" y="7462"/>
                </a:lnTo>
                <a:lnTo>
                  <a:pt x="14917" y="7786"/>
                </a:lnTo>
                <a:lnTo>
                  <a:pt x="15324" y="8030"/>
                </a:lnTo>
                <a:lnTo>
                  <a:pt x="15813" y="8354"/>
                </a:lnTo>
                <a:lnTo>
                  <a:pt x="16221" y="8516"/>
                </a:lnTo>
                <a:lnTo>
                  <a:pt x="16384" y="9084"/>
                </a:lnTo>
                <a:lnTo>
                  <a:pt x="15650" y="9490"/>
                </a:lnTo>
                <a:lnTo>
                  <a:pt x="15161" y="9814"/>
                </a:lnTo>
                <a:lnTo>
                  <a:pt x="15080" y="10463"/>
                </a:lnTo>
                <a:lnTo>
                  <a:pt x="14591" y="10625"/>
                </a:lnTo>
                <a:lnTo>
                  <a:pt x="14509" y="10382"/>
                </a:lnTo>
                <a:lnTo>
                  <a:pt x="14346" y="10544"/>
                </a:lnTo>
                <a:lnTo>
                  <a:pt x="14020" y="10544"/>
                </a:lnTo>
                <a:lnTo>
                  <a:pt x="13287" y="9652"/>
                </a:lnTo>
                <a:lnTo>
                  <a:pt x="13613" y="10301"/>
                </a:lnTo>
                <a:lnTo>
                  <a:pt x="13857" y="10706"/>
                </a:lnTo>
                <a:lnTo>
                  <a:pt x="14183" y="11112"/>
                </a:lnTo>
                <a:lnTo>
                  <a:pt x="14591" y="11355"/>
                </a:lnTo>
                <a:lnTo>
                  <a:pt x="14509" y="12410"/>
                </a:lnTo>
                <a:lnTo>
                  <a:pt x="14020" y="12329"/>
                </a:lnTo>
                <a:lnTo>
                  <a:pt x="13939" y="12166"/>
                </a:lnTo>
                <a:lnTo>
                  <a:pt x="13694" y="11923"/>
                </a:lnTo>
                <a:lnTo>
                  <a:pt x="13287" y="11923"/>
                </a:lnTo>
                <a:lnTo>
                  <a:pt x="13205" y="12572"/>
                </a:lnTo>
                <a:lnTo>
                  <a:pt x="13287" y="13140"/>
                </a:lnTo>
                <a:lnTo>
                  <a:pt x="13450" y="13140"/>
                </a:lnTo>
                <a:lnTo>
                  <a:pt x="13857" y="13059"/>
                </a:lnTo>
                <a:lnTo>
                  <a:pt x="14102" y="13221"/>
                </a:lnTo>
                <a:lnTo>
                  <a:pt x="13776" y="13626"/>
                </a:lnTo>
                <a:lnTo>
                  <a:pt x="13776" y="13789"/>
                </a:lnTo>
                <a:lnTo>
                  <a:pt x="13531" y="14113"/>
                </a:lnTo>
                <a:lnTo>
                  <a:pt x="13124" y="13951"/>
                </a:lnTo>
                <a:lnTo>
                  <a:pt x="12634" y="14032"/>
                </a:lnTo>
                <a:lnTo>
                  <a:pt x="11901" y="14113"/>
                </a:lnTo>
                <a:lnTo>
                  <a:pt x="11004" y="14194"/>
                </a:lnTo>
                <a:lnTo>
                  <a:pt x="10434" y="14356"/>
                </a:lnTo>
                <a:lnTo>
                  <a:pt x="9945" y="14600"/>
                </a:lnTo>
                <a:lnTo>
                  <a:pt x="8803" y="15411"/>
                </a:lnTo>
                <a:lnTo>
                  <a:pt x="8314" y="15897"/>
                </a:lnTo>
                <a:lnTo>
                  <a:pt x="7907" y="15573"/>
                </a:lnTo>
                <a:lnTo>
                  <a:pt x="7825" y="15005"/>
                </a:lnTo>
                <a:lnTo>
                  <a:pt x="7418" y="14681"/>
                </a:lnTo>
                <a:lnTo>
                  <a:pt x="7418" y="14113"/>
                </a:lnTo>
                <a:lnTo>
                  <a:pt x="7255" y="14032"/>
                </a:lnTo>
                <a:lnTo>
                  <a:pt x="6929" y="14356"/>
                </a:lnTo>
                <a:lnTo>
                  <a:pt x="6603" y="14437"/>
                </a:lnTo>
                <a:lnTo>
                  <a:pt x="6032" y="14356"/>
                </a:lnTo>
                <a:lnTo>
                  <a:pt x="5706" y="14600"/>
                </a:lnTo>
                <a:lnTo>
                  <a:pt x="5461" y="14437"/>
                </a:lnTo>
                <a:lnTo>
                  <a:pt x="5298" y="14437"/>
                </a:lnTo>
                <a:lnTo>
                  <a:pt x="4809" y="15248"/>
                </a:lnTo>
                <a:lnTo>
                  <a:pt x="4157" y="15330"/>
                </a:lnTo>
                <a:lnTo>
                  <a:pt x="3424" y="16384"/>
                </a:lnTo>
                <a:lnTo>
                  <a:pt x="3260" y="16303"/>
                </a:lnTo>
                <a:lnTo>
                  <a:pt x="2690" y="16141"/>
                </a:lnTo>
                <a:lnTo>
                  <a:pt x="2771" y="15816"/>
                </a:lnTo>
                <a:lnTo>
                  <a:pt x="2282" y="15897"/>
                </a:lnTo>
                <a:lnTo>
                  <a:pt x="1793" y="15816"/>
                </a:lnTo>
                <a:lnTo>
                  <a:pt x="2038" y="15411"/>
                </a:lnTo>
                <a:lnTo>
                  <a:pt x="2282" y="15248"/>
                </a:lnTo>
                <a:lnTo>
                  <a:pt x="2119" y="15005"/>
                </a:lnTo>
                <a:lnTo>
                  <a:pt x="2201" y="14762"/>
                </a:lnTo>
                <a:lnTo>
                  <a:pt x="2364" y="14518"/>
                </a:lnTo>
                <a:lnTo>
                  <a:pt x="2771" y="14356"/>
                </a:lnTo>
                <a:lnTo>
                  <a:pt x="2934" y="14113"/>
                </a:lnTo>
                <a:lnTo>
                  <a:pt x="3097" y="14032"/>
                </a:lnTo>
                <a:lnTo>
                  <a:pt x="3587" y="14275"/>
                </a:lnTo>
                <a:lnTo>
                  <a:pt x="3994" y="14275"/>
                </a:lnTo>
                <a:lnTo>
                  <a:pt x="4402" y="14194"/>
                </a:lnTo>
                <a:lnTo>
                  <a:pt x="4646" y="13545"/>
                </a:lnTo>
                <a:lnTo>
                  <a:pt x="4320" y="13140"/>
                </a:lnTo>
                <a:lnTo>
                  <a:pt x="3913" y="12815"/>
                </a:lnTo>
                <a:lnTo>
                  <a:pt x="3668" y="12734"/>
                </a:lnTo>
                <a:lnTo>
                  <a:pt x="3016" y="12572"/>
                </a:lnTo>
                <a:lnTo>
                  <a:pt x="2445" y="12410"/>
                </a:lnTo>
                <a:lnTo>
                  <a:pt x="2282" y="12734"/>
                </a:lnTo>
                <a:lnTo>
                  <a:pt x="2038" y="12653"/>
                </a:lnTo>
                <a:lnTo>
                  <a:pt x="2201" y="12410"/>
                </a:lnTo>
                <a:lnTo>
                  <a:pt x="2364" y="12085"/>
                </a:lnTo>
                <a:lnTo>
                  <a:pt x="2201" y="11599"/>
                </a:lnTo>
                <a:lnTo>
                  <a:pt x="1956" y="11112"/>
                </a:lnTo>
                <a:lnTo>
                  <a:pt x="2038" y="10950"/>
                </a:lnTo>
                <a:lnTo>
                  <a:pt x="1875" y="10706"/>
                </a:lnTo>
                <a:lnTo>
                  <a:pt x="1712" y="10463"/>
                </a:lnTo>
                <a:lnTo>
                  <a:pt x="1386" y="10139"/>
                </a:lnTo>
                <a:lnTo>
                  <a:pt x="1141" y="9976"/>
                </a:lnTo>
                <a:lnTo>
                  <a:pt x="897" y="9571"/>
                </a:lnTo>
                <a:lnTo>
                  <a:pt x="652" y="9328"/>
                </a:lnTo>
                <a:lnTo>
                  <a:pt x="245" y="9003"/>
                </a:lnTo>
                <a:lnTo>
                  <a:pt x="0" y="9003"/>
                </a:lnTo>
                <a:lnTo>
                  <a:pt x="163" y="8841"/>
                </a:lnTo>
                <a:lnTo>
                  <a:pt x="1467" y="8679"/>
                </a:lnTo>
                <a:lnTo>
                  <a:pt x="1956" y="8679"/>
                </a:lnTo>
                <a:lnTo>
                  <a:pt x="1956" y="8598"/>
                </a:lnTo>
                <a:lnTo>
                  <a:pt x="2201" y="8354"/>
                </a:lnTo>
                <a:lnTo>
                  <a:pt x="2445" y="8354"/>
                </a:lnTo>
                <a:lnTo>
                  <a:pt x="2771" y="8354"/>
                </a:lnTo>
                <a:lnTo>
                  <a:pt x="2934" y="8354"/>
                </a:lnTo>
                <a:lnTo>
                  <a:pt x="3260" y="8354"/>
                </a:lnTo>
                <a:lnTo>
                  <a:pt x="3505" y="8192"/>
                </a:lnTo>
                <a:lnTo>
                  <a:pt x="3668" y="7949"/>
                </a:lnTo>
                <a:lnTo>
                  <a:pt x="3831" y="8030"/>
                </a:lnTo>
                <a:lnTo>
                  <a:pt x="3994" y="8192"/>
                </a:lnTo>
                <a:lnTo>
                  <a:pt x="4076" y="8516"/>
                </a:lnTo>
                <a:lnTo>
                  <a:pt x="4402" y="8679"/>
                </a:lnTo>
                <a:lnTo>
                  <a:pt x="4646" y="8679"/>
                </a:lnTo>
                <a:lnTo>
                  <a:pt x="4728" y="8435"/>
                </a:lnTo>
                <a:lnTo>
                  <a:pt x="4891" y="8354"/>
                </a:lnTo>
                <a:lnTo>
                  <a:pt x="5135" y="8192"/>
                </a:lnTo>
                <a:lnTo>
                  <a:pt x="5543" y="8030"/>
                </a:lnTo>
                <a:lnTo>
                  <a:pt x="5869" y="8111"/>
                </a:lnTo>
                <a:lnTo>
                  <a:pt x="5950" y="7786"/>
                </a:lnTo>
                <a:lnTo>
                  <a:pt x="5787" y="7381"/>
                </a:lnTo>
                <a:lnTo>
                  <a:pt x="5787" y="6975"/>
                </a:lnTo>
                <a:lnTo>
                  <a:pt x="6032" y="6813"/>
                </a:lnTo>
                <a:lnTo>
                  <a:pt x="6032" y="6651"/>
                </a:lnTo>
                <a:lnTo>
                  <a:pt x="5706" y="6651"/>
                </a:lnTo>
                <a:lnTo>
                  <a:pt x="5380" y="6570"/>
                </a:lnTo>
                <a:lnTo>
                  <a:pt x="4891" y="6326"/>
                </a:lnTo>
                <a:lnTo>
                  <a:pt x="4565" y="5921"/>
                </a:lnTo>
                <a:lnTo>
                  <a:pt x="4320" y="6002"/>
                </a:lnTo>
                <a:lnTo>
                  <a:pt x="4076" y="5678"/>
                </a:lnTo>
                <a:lnTo>
                  <a:pt x="3994" y="5434"/>
                </a:lnTo>
                <a:lnTo>
                  <a:pt x="4320" y="5029"/>
                </a:lnTo>
                <a:lnTo>
                  <a:pt x="4239" y="4704"/>
                </a:lnTo>
                <a:lnTo>
                  <a:pt x="4076" y="4137"/>
                </a:lnTo>
                <a:lnTo>
                  <a:pt x="3750" y="3731"/>
                </a:lnTo>
                <a:lnTo>
                  <a:pt x="3750" y="3244"/>
                </a:lnTo>
                <a:lnTo>
                  <a:pt x="3260" y="3001"/>
                </a:lnTo>
                <a:lnTo>
                  <a:pt x="3260" y="2514"/>
                </a:lnTo>
                <a:lnTo>
                  <a:pt x="3097" y="2271"/>
                </a:lnTo>
                <a:lnTo>
                  <a:pt x="2853" y="2028"/>
                </a:lnTo>
                <a:lnTo>
                  <a:pt x="3179" y="1784"/>
                </a:lnTo>
                <a:lnTo>
                  <a:pt x="3260" y="1622"/>
                </a:lnTo>
                <a:lnTo>
                  <a:pt x="3913" y="1541"/>
                </a:lnTo>
                <a:lnTo>
                  <a:pt x="4402" y="1379"/>
                </a:lnTo>
                <a:lnTo>
                  <a:pt x="4565" y="1217"/>
                </a:lnTo>
                <a:lnTo>
                  <a:pt x="4809" y="730"/>
                </a:lnTo>
                <a:lnTo>
                  <a:pt x="5135" y="649"/>
                </a:lnTo>
                <a:lnTo>
                  <a:pt x="5298" y="973"/>
                </a:lnTo>
                <a:lnTo>
                  <a:pt x="5706" y="24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07" name="d14203"/>
          <xdr:cNvSpPr>
            <a:spLocks/>
          </xdr:cNvSpPr>
        </xdr:nvSpPr>
        <xdr:spPr bwMode="auto">
          <a:xfrm>
            <a:off x="4210050" y="13192125"/>
            <a:ext cx="1543050" cy="12573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0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0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2147483646 w 16384"/>
              <a:gd name="T117" fmla="*/ 2147483646 h 16384"/>
              <a:gd name="T118" fmla="*/ 2147483646 w 16384"/>
              <a:gd name="T119" fmla="*/ 2147483646 h 16384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16384"/>
              <a:gd name="T181" fmla="*/ 0 h 16384"/>
              <a:gd name="T182" fmla="*/ 16384 w 16384"/>
              <a:gd name="T183" fmla="*/ 16384 h 16384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16384" h="16384">
                <a:moveTo>
                  <a:pt x="15777" y="9681"/>
                </a:moveTo>
                <a:lnTo>
                  <a:pt x="15676" y="10674"/>
                </a:lnTo>
                <a:lnTo>
                  <a:pt x="15777" y="11171"/>
                </a:lnTo>
                <a:lnTo>
                  <a:pt x="15979" y="11295"/>
                </a:lnTo>
                <a:lnTo>
                  <a:pt x="16081" y="11171"/>
                </a:lnTo>
                <a:lnTo>
                  <a:pt x="16384" y="11419"/>
                </a:lnTo>
                <a:lnTo>
                  <a:pt x="16384" y="11916"/>
                </a:lnTo>
                <a:lnTo>
                  <a:pt x="15979" y="12288"/>
                </a:lnTo>
                <a:lnTo>
                  <a:pt x="15878" y="12909"/>
                </a:lnTo>
                <a:lnTo>
                  <a:pt x="15676" y="13529"/>
                </a:lnTo>
                <a:lnTo>
                  <a:pt x="15676" y="14274"/>
                </a:lnTo>
                <a:lnTo>
                  <a:pt x="16081" y="14646"/>
                </a:lnTo>
                <a:lnTo>
                  <a:pt x="16384" y="15143"/>
                </a:lnTo>
                <a:lnTo>
                  <a:pt x="16384" y="15888"/>
                </a:lnTo>
                <a:lnTo>
                  <a:pt x="15777" y="16012"/>
                </a:lnTo>
                <a:lnTo>
                  <a:pt x="15069" y="15888"/>
                </a:lnTo>
                <a:lnTo>
                  <a:pt x="14361" y="15763"/>
                </a:lnTo>
                <a:lnTo>
                  <a:pt x="13552" y="15763"/>
                </a:lnTo>
                <a:lnTo>
                  <a:pt x="12945" y="15888"/>
                </a:lnTo>
                <a:lnTo>
                  <a:pt x="12339" y="16012"/>
                </a:lnTo>
                <a:lnTo>
                  <a:pt x="11631" y="16260"/>
                </a:lnTo>
                <a:lnTo>
                  <a:pt x="11024" y="16384"/>
                </a:lnTo>
                <a:lnTo>
                  <a:pt x="10518" y="15888"/>
                </a:lnTo>
                <a:lnTo>
                  <a:pt x="10720" y="14895"/>
                </a:lnTo>
                <a:lnTo>
                  <a:pt x="11024" y="14770"/>
                </a:lnTo>
                <a:lnTo>
                  <a:pt x="11428" y="14398"/>
                </a:lnTo>
                <a:lnTo>
                  <a:pt x="11226" y="13902"/>
                </a:lnTo>
                <a:lnTo>
                  <a:pt x="10518" y="13902"/>
                </a:lnTo>
                <a:lnTo>
                  <a:pt x="10215" y="13405"/>
                </a:lnTo>
                <a:lnTo>
                  <a:pt x="10012" y="13902"/>
                </a:lnTo>
                <a:lnTo>
                  <a:pt x="9304" y="14274"/>
                </a:lnTo>
                <a:lnTo>
                  <a:pt x="8698" y="14895"/>
                </a:lnTo>
                <a:lnTo>
                  <a:pt x="7787" y="15019"/>
                </a:lnTo>
                <a:lnTo>
                  <a:pt x="7787" y="14770"/>
                </a:lnTo>
                <a:lnTo>
                  <a:pt x="7181" y="14522"/>
                </a:lnTo>
                <a:lnTo>
                  <a:pt x="6877" y="13902"/>
                </a:lnTo>
                <a:lnTo>
                  <a:pt x="6574" y="13902"/>
                </a:lnTo>
                <a:lnTo>
                  <a:pt x="6776" y="13281"/>
                </a:lnTo>
                <a:lnTo>
                  <a:pt x="6574" y="12909"/>
                </a:lnTo>
                <a:lnTo>
                  <a:pt x="5259" y="12909"/>
                </a:lnTo>
                <a:lnTo>
                  <a:pt x="5057" y="12536"/>
                </a:lnTo>
                <a:lnTo>
                  <a:pt x="4450" y="12660"/>
                </a:lnTo>
                <a:lnTo>
                  <a:pt x="4045" y="12288"/>
                </a:lnTo>
                <a:lnTo>
                  <a:pt x="3236" y="12536"/>
                </a:lnTo>
                <a:lnTo>
                  <a:pt x="2630" y="12288"/>
                </a:lnTo>
                <a:lnTo>
                  <a:pt x="2023" y="13157"/>
                </a:lnTo>
                <a:lnTo>
                  <a:pt x="1315" y="13281"/>
                </a:lnTo>
                <a:lnTo>
                  <a:pt x="1112" y="13281"/>
                </a:lnTo>
                <a:lnTo>
                  <a:pt x="1011" y="13157"/>
                </a:lnTo>
                <a:lnTo>
                  <a:pt x="708" y="12288"/>
                </a:lnTo>
                <a:lnTo>
                  <a:pt x="0" y="11667"/>
                </a:lnTo>
                <a:lnTo>
                  <a:pt x="0" y="9557"/>
                </a:lnTo>
                <a:lnTo>
                  <a:pt x="607" y="8937"/>
                </a:lnTo>
                <a:lnTo>
                  <a:pt x="1517" y="8688"/>
                </a:lnTo>
                <a:lnTo>
                  <a:pt x="2023" y="8440"/>
                </a:lnTo>
                <a:lnTo>
                  <a:pt x="2528" y="8316"/>
                </a:lnTo>
                <a:lnTo>
                  <a:pt x="3135" y="8316"/>
                </a:lnTo>
                <a:lnTo>
                  <a:pt x="3439" y="8192"/>
                </a:lnTo>
                <a:lnTo>
                  <a:pt x="3641" y="7447"/>
                </a:lnTo>
                <a:lnTo>
                  <a:pt x="3944" y="6578"/>
                </a:lnTo>
                <a:lnTo>
                  <a:pt x="4147" y="6578"/>
                </a:lnTo>
                <a:lnTo>
                  <a:pt x="4147" y="5958"/>
                </a:lnTo>
                <a:lnTo>
                  <a:pt x="4147" y="5585"/>
                </a:lnTo>
                <a:lnTo>
                  <a:pt x="4551" y="5461"/>
                </a:lnTo>
                <a:lnTo>
                  <a:pt x="5158" y="5461"/>
                </a:lnTo>
                <a:lnTo>
                  <a:pt x="5562" y="5213"/>
                </a:lnTo>
                <a:lnTo>
                  <a:pt x="6068" y="5337"/>
                </a:lnTo>
                <a:lnTo>
                  <a:pt x="6372" y="5213"/>
                </a:lnTo>
                <a:lnTo>
                  <a:pt x="6270" y="3972"/>
                </a:lnTo>
                <a:lnTo>
                  <a:pt x="6675" y="3848"/>
                </a:lnTo>
                <a:lnTo>
                  <a:pt x="7484" y="3972"/>
                </a:lnTo>
                <a:lnTo>
                  <a:pt x="7484" y="3600"/>
                </a:lnTo>
                <a:lnTo>
                  <a:pt x="7484" y="3103"/>
                </a:lnTo>
                <a:lnTo>
                  <a:pt x="7686" y="2607"/>
                </a:lnTo>
                <a:lnTo>
                  <a:pt x="7990" y="3848"/>
                </a:lnTo>
                <a:lnTo>
                  <a:pt x="8597" y="3848"/>
                </a:lnTo>
                <a:lnTo>
                  <a:pt x="8900" y="4096"/>
                </a:lnTo>
                <a:lnTo>
                  <a:pt x="9203" y="4592"/>
                </a:lnTo>
                <a:lnTo>
                  <a:pt x="9203" y="5461"/>
                </a:lnTo>
                <a:lnTo>
                  <a:pt x="9810" y="5834"/>
                </a:lnTo>
                <a:lnTo>
                  <a:pt x="9810" y="4965"/>
                </a:lnTo>
                <a:lnTo>
                  <a:pt x="9709" y="4220"/>
                </a:lnTo>
                <a:lnTo>
                  <a:pt x="9810" y="3475"/>
                </a:lnTo>
                <a:lnTo>
                  <a:pt x="10012" y="3972"/>
                </a:lnTo>
                <a:lnTo>
                  <a:pt x="10417" y="4344"/>
                </a:lnTo>
                <a:lnTo>
                  <a:pt x="10417" y="4096"/>
                </a:lnTo>
                <a:lnTo>
                  <a:pt x="10822" y="3972"/>
                </a:lnTo>
                <a:lnTo>
                  <a:pt x="11327" y="3972"/>
                </a:lnTo>
                <a:lnTo>
                  <a:pt x="11732" y="3475"/>
                </a:lnTo>
                <a:lnTo>
                  <a:pt x="12237" y="4096"/>
                </a:lnTo>
                <a:lnTo>
                  <a:pt x="12642" y="4220"/>
                </a:lnTo>
                <a:lnTo>
                  <a:pt x="12945" y="2731"/>
                </a:lnTo>
                <a:lnTo>
                  <a:pt x="13249" y="2855"/>
                </a:lnTo>
                <a:lnTo>
                  <a:pt x="13249" y="3600"/>
                </a:lnTo>
                <a:lnTo>
                  <a:pt x="13047" y="4468"/>
                </a:lnTo>
                <a:lnTo>
                  <a:pt x="14159" y="3475"/>
                </a:lnTo>
                <a:lnTo>
                  <a:pt x="14361" y="2358"/>
                </a:lnTo>
                <a:lnTo>
                  <a:pt x="14058" y="1862"/>
                </a:lnTo>
                <a:lnTo>
                  <a:pt x="13856" y="1489"/>
                </a:lnTo>
                <a:lnTo>
                  <a:pt x="13957" y="1489"/>
                </a:lnTo>
                <a:lnTo>
                  <a:pt x="14058" y="0"/>
                </a:lnTo>
                <a:lnTo>
                  <a:pt x="14260" y="0"/>
                </a:lnTo>
                <a:lnTo>
                  <a:pt x="14159" y="496"/>
                </a:lnTo>
                <a:lnTo>
                  <a:pt x="14361" y="745"/>
                </a:lnTo>
                <a:lnTo>
                  <a:pt x="14361" y="1241"/>
                </a:lnTo>
                <a:lnTo>
                  <a:pt x="14462" y="1365"/>
                </a:lnTo>
                <a:lnTo>
                  <a:pt x="14564" y="1614"/>
                </a:lnTo>
                <a:lnTo>
                  <a:pt x="15272" y="1489"/>
                </a:lnTo>
                <a:lnTo>
                  <a:pt x="16283" y="1614"/>
                </a:lnTo>
                <a:lnTo>
                  <a:pt x="16384" y="2234"/>
                </a:lnTo>
                <a:lnTo>
                  <a:pt x="16384" y="2979"/>
                </a:lnTo>
                <a:lnTo>
                  <a:pt x="16384" y="3848"/>
                </a:lnTo>
                <a:lnTo>
                  <a:pt x="16081" y="4717"/>
                </a:lnTo>
                <a:lnTo>
                  <a:pt x="16081" y="5710"/>
                </a:lnTo>
                <a:lnTo>
                  <a:pt x="15777" y="6703"/>
                </a:lnTo>
                <a:lnTo>
                  <a:pt x="15676" y="7075"/>
                </a:lnTo>
                <a:lnTo>
                  <a:pt x="15979" y="7944"/>
                </a:lnTo>
                <a:lnTo>
                  <a:pt x="16081" y="8440"/>
                </a:lnTo>
                <a:lnTo>
                  <a:pt x="15878" y="8688"/>
                </a:lnTo>
                <a:lnTo>
                  <a:pt x="15777" y="968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08" name="d14204"/>
          <xdr:cNvSpPr>
            <a:spLocks/>
          </xdr:cNvSpPr>
        </xdr:nvSpPr>
        <xdr:spPr bwMode="auto">
          <a:xfrm>
            <a:off x="7038975" y="13677900"/>
            <a:ext cx="1219200" cy="9144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0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16384"/>
              <a:gd name="T112" fmla="*/ 0 h 16384"/>
              <a:gd name="T113" fmla="*/ 16384 w 16384"/>
              <a:gd name="T114" fmla="*/ 16384 h 16384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16384" h="16384">
                <a:moveTo>
                  <a:pt x="15360" y="8021"/>
                </a:moveTo>
                <a:lnTo>
                  <a:pt x="15744" y="8704"/>
                </a:lnTo>
                <a:lnTo>
                  <a:pt x="15616" y="9557"/>
                </a:lnTo>
                <a:lnTo>
                  <a:pt x="15616" y="10240"/>
                </a:lnTo>
                <a:lnTo>
                  <a:pt x="16000" y="10752"/>
                </a:lnTo>
                <a:lnTo>
                  <a:pt x="16384" y="11264"/>
                </a:lnTo>
                <a:lnTo>
                  <a:pt x="16256" y="11947"/>
                </a:lnTo>
                <a:lnTo>
                  <a:pt x="15616" y="11776"/>
                </a:lnTo>
                <a:lnTo>
                  <a:pt x="14976" y="12629"/>
                </a:lnTo>
                <a:lnTo>
                  <a:pt x="14720" y="12800"/>
                </a:lnTo>
                <a:lnTo>
                  <a:pt x="13440" y="13653"/>
                </a:lnTo>
                <a:lnTo>
                  <a:pt x="12928" y="13653"/>
                </a:lnTo>
                <a:lnTo>
                  <a:pt x="12032" y="14848"/>
                </a:lnTo>
                <a:lnTo>
                  <a:pt x="11520" y="14848"/>
                </a:lnTo>
                <a:lnTo>
                  <a:pt x="10496" y="15701"/>
                </a:lnTo>
                <a:lnTo>
                  <a:pt x="9728" y="16213"/>
                </a:lnTo>
                <a:lnTo>
                  <a:pt x="9344" y="15531"/>
                </a:lnTo>
                <a:lnTo>
                  <a:pt x="8832" y="14848"/>
                </a:lnTo>
                <a:lnTo>
                  <a:pt x="8064" y="14848"/>
                </a:lnTo>
                <a:lnTo>
                  <a:pt x="7168" y="14848"/>
                </a:lnTo>
                <a:lnTo>
                  <a:pt x="7040" y="15189"/>
                </a:lnTo>
                <a:lnTo>
                  <a:pt x="6656" y="16043"/>
                </a:lnTo>
                <a:lnTo>
                  <a:pt x="6016" y="16384"/>
                </a:lnTo>
                <a:lnTo>
                  <a:pt x="5504" y="16384"/>
                </a:lnTo>
                <a:lnTo>
                  <a:pt x="4736" y="16213"/>
                </a:lnTo>
                <a:lnTo>
                  <a:pt x="4096" y="15872"/>
                </a:lnTo>
                <a:lnTo>
                  <a:pt x="3456" y="15701"/>
                </a:lnTo>
                <a:lnTo>
                  <a:pt x="2816" y="15531"/>
                </a:lnTo>
                <a:lnTo>
                  <a:pt x="1920" y="15360"/>
                </a:lnTo>
                <a:lnTo>
                  <a:pt x="1152" y="15360"/>
                </a:lnTo>
                <a:lnTo>
                  <a:pt x="512" y="15189"/>
                </a:lnTo>
                <a:lnTo>
                  <a:pt x="384" y="15019"/>
                </a:lnTo>
                <a:lnTo>
                  <a:pt x="0" y="15189"/>
                </a:lnTo>
                <a:lnTo>
                  <a:pt x="512" y="13824"/>
                </a:lnTo>
                <a:lnTo>
                  <a:pt x="1024" y="13312"/>
                </a:lnTo>
                <a:lnTo>
                  <a:pt x="1408" y="12629"/>
                </a:lnTo>
                <a:lnTo>
                  <a:pt x="1408" y="11947"/>
                </a:lnTo>
                <a:lnTo>
                  <a:pt x="1536" y="10581"/>
                </a:lnTo>
                <a:lnTo>
                  <a:pt x="1920" y="10411"/>
                </a:lnTo>
                <a:lnTo>
                  <a:pt x="2176" y="9216"/>
                </a:lnTo>
                <a:lnTo>
                  <a:pt x="2560" y="8875"/>
                </a:lnTo>
                <a:lnTo>
                  <a:pt x="3072" y="8704"/>
                </a:lnTo>
                <a:lnTo>
                  <a:pt x="4096" y="7339"/>
                </a:lnTo>
                <a:lnTo>
                  <a:pt x="4352" y="6485"/>
                </a:lnTo>
                <a:lnTo>
                  <a:pt x="4096" y="5973"/>
                </a:lnTo>
                <a:lnTo>
                  <a:pt x="3456" y="6144"/>
                </a:lnTo>
                <a:lnTo>
                  <a:pt x="3584" y="4949"/>
                </a:lnTo>
                <a:lnTo>
                  <a:pt x="2944" y="4608"/>
                </a:lnTo>
                <a:lnTo>
                  <a:pt x="2560" y="3072"/>
                </a:lnTo>
                <a:lnTo>
                  <a:pt x="1536" y="3072"/>
                </a:lnTo>
                <a:lnTo>
                  <a:pt x="1280" y="2389"/>
                </a:lnTo>
                <a:lnTo>
                  <a:pt x="1408" y="1877"/>
                </a:lnTo>
                <a:lnTo>
                  <a:pt x="2048" y="1365"/>
                </a:lnTo>
                <a:lnTo>
                  <a:pt x="2432" y="0"/>
                </a:lnTo>
                <a:lnTo>
                  <a:pt x="3328" y="1024"/>
                </a:lnTo>
                <a:lnTo>
                  <a:pt x="4224" y="1707"/>
                </a:lnTo>
                <a:lnTo>
                  <a:pt x="5120" y="2048"/>
                </a:lnTo>
                <a:lnTo>
                  <a:pt x="5504" y="2048"/>
                </a:lnTo>
                <a:lnTo>
                  <a:pt x="6144" y="2731"/>
                </a:lnTo>
                <a:lnTo>
                  <a:pt x="7424" y="3413"/>
                </a:lnTo>
                <a:lnTo>
                  <a:pt x="8448" y="2560"/>
                </a:lnTo>
                <a:lnTo>
                  <a:pt x="8832" y="1536"/>
                </a:lnTo>
                <a:lnTo>
                  <a:pt x="9216" y="1877"/>
                </a:lnTo>
                <a:lnTo>
                  <a:pt x="9472" y="2901"/>
                </a:lnTo>
                <a:lnTo>
                  <a:pt x="9728" y="3584"/>
                </a:lnTo>
                <a:lnTo>
                  <a:pt x="10368" y="4608"/>
                </a:lnTo>
                <a:lnTo>
                  <a:pt x="11136" y="5291"/>
                </a:lnTo>
                <a:lnTo>
                  <a:pt x="11648" y="5632"/>
                </a:lnTo>
                <a:lnTo>
                  <a:pt x="12544" y="5461"/>
                </a:lnTo>
                <a:lnTo>
                  <a:pt x="12672" y="5461"/>
                </a:lnTo>
                <a:lnTo>
                  <a:pt x="13056" y="6827"/>
                </a:lnTo>
                <a:lnTo>
                  <a:pt x="13056" y="7851"/>
                </a:lnTo>
                <a:lnTo>
                  <a:pt x="13568" y="8192"/>
                </a:lnTo>
                <a:lnTo>
                  <a:pt x="14208" y="8192"/>
                </a:lnTo>
                <a:lnTo>
                  <a:pt x="15360" y="802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09" name="d14205"/>
          <xdr:cNvSpPr>
            <a:spLocks/>
          </xdr:cNvSpPr>
        </xdr:nvSpPr>
        <xdr:spPr bwMode="auto">
          <a:xfrm>
            <a:off x="5972175" y="12801600"/>
            <a:ext cx="1390650" cy="1724025"/>
          </a:xfrm>
          <a:custGeom>
            <a:avLst/>
            <a:gdLst>
              <a:gd name="T0" fmla="*/ 2147483646 w 146"/>
              <a:gd name="T1" fmla="*/ 2147483646 h 181"/>
              <a:gd name="T2" fmla="*/ 2147483646 w 146"/>
              <a:gd name="T3" fmla="*/ 2147483646 h 181"/>
              <a:gd name="T4" fmla="*/ 2147483646 w 146"/>
              <a:gd name="T5" fmla="*/ 2147483646 h 181"/>
              <a:gd name="T6" fmla="*/ 2147483646 w 146"/>
              <a:gd name="T7" fmla="*/ 2147483646 h 181"/>
              <a:gd name="T8" fmla="*/ 2147483646 w 146"/>
              <a:gd name="T9" fmla="*/ 2147483646 h 181"/>
              <a:gd name="T10" fmla="*/ 2147483646 w 146"/>
              <a:gd name="T11" fmla="*/ 2147483646 h 181"/>
              <a:gd name="T12" fmla="*/ 2147483646 w 146"/>
              <a:gd name="T13" fmla="*/ 2147483646 h 181"/>
              <a:gd name="T14" fmla="*/ 2147483646 w 146"/>
              <a:gd name="T15" fmla="*/ 2147483646 h 181"/>
              <a:gd name="T16" fmla="*/ 2147483646 w 146"/>
              <a:gd name="T17" fmla="*/ 2147483646 h 181"/>
              <a:gd name="T18" fmla="*/ 2147483646 w 146"/>
              <a:gd name="T19" fmla="*/ 2147483646 h 181"/>
              <a:gd name="T20" fmla="*/ 2147483646 w 146"/>
              <a:gd name="T21" fmla="*/ 2147483646 h 181"/>
              <a:gd name="T22" fmla="*/ 2147483646 w 146"/>
              <a:gd name="T23" fmla="*/ 2147483646 h 181"/>
              <a:gd name="T24" fmla="*/ 2147483646 w 146"/>
              <a:gd name="T25" fmla="*/ 2147483646 h 181"/>
              <a:gd name="T26" fmla="*/ 2147483646 w 146"/>
              <a:gd name="T27" fmla="*/ 2147483646 h 181"/>
              <a:gd name="T28" fmla="*/ 2147483646 w 146"/>
              <a:gd name="T29" fmla="*/ 2147483646 h 181"/>
              <a:gd name="T30" fmla="*/ 2147483646 w 146"/>
              <a:gd name="T31" fmla="*/ 2147483646 h 181"/>
              <a:gd name="T32" fmla="*/ 2147483646 w 146"/>
              <a:gd name="T33" fmla="*/ 2147483646 h 181"/>
              <a:gd name="T34" fmla="*/ 2147483646 w 146"/>
              <a:gd name="T35" fmla="*/ 2147483646 h 181"/>
              <a:gd name="T36" fmla="*/ 2147483646 w 146"/>
              <a:gd name="T37" fmla="*/ 2147483646 h 181"/>
              <a:gd name="T38" fmla="*/ 2147483646 w 146"/>
              <a:gd name="T39" fmla="*/ 2147483646 h 181"/>
              <a:gd name="T40" fmla="*/ 2147483646 w 146"/>
              <a:gd name="T41" fmla="*/ 2147483646 h 181"/>
              <a:gd name="T42" fmla="*/ 2147483646 w 146"/>
              <a:gd name="T43" fmla="*/ 2147483646 h 181"/>
              <a:gd name="T44" fmla="*/ 2147483646 w 146"/>
              <a:gd name="T45" fmla="*/ 2147483646 h 181"/>
              <a:gd name="T46" fmla="*/ 2147483646 w 146"/>
              <a:gd name="T47" fmla="*/ 2147483646 h 181"/>
              <a:gd name="T48" fmla="*/ 2147483646 w 146"/>
              <a:gd name="T49" fmla="*/ 2147483646 h 181"/>
              <a:gd name="T50" fmla="*/ 2147483646 w 146"/>
              <a:gd name="T51" fmla="*/ 2147483646 h 181"/>
              <a:gd name="T52" fmla="*/ 2147483646 w 146"/>
              <a:gd name="T53" fmla="*/ 2147483646 h 181"/>
              <a:gd name="T54" fmla="*/ 2147483646 w 146"/>
              <a:gd name="T55" fmla="*/ 2147483646 h 181"/>
              <a:gd name="T56" fmla="*/ 2147483646 w 146"/>
              <a:gd name="T57" fmla="*/ 2147483646 h 181"/>
              <a:gd name="T58" fmla="*/ 2147483646 w 146"/>
              <a:gd name="T59" fmla="*/ 2147483646 h 181"/>
              <a:gd name="T60" fmla="*/ 2147483646 w 146"/>
              <a:gd name="T61" fmla="*/ 2147483646 h 181"/>
              <a:gd name="T62" fmla="*/ 2147483646 w 146"/>
              <a:gd name="T63" fmla="*/ 2147483646 h 181"/>
              <a:gd name="T64" fmla="*/ 2147483646 w 146"/>
              <a:gd name="T65" fmla="*/ 2147483646 h 181"/>
              <a:gd name="T66" fmla="*/ 2147483646 w 146"/>
              <a:gd name="T67" fmla="*/ 2147483646 h 181"/>
              <a:gd name="T68" fmla="*/ 2147483646 w 146"/>
              <a:gd name="T69" fmla="*/ 2147483646 h 181"/>
              <a:gd name="T70" fmla="*/ 2147483646 w 146"/>
              <a:gd name="T71" fmla="*/ 2147483646 h 181"/>
              <a:gd name="T72" fmla="*/ 2147483646 w 146"/>
              <a:gd name="T73" fmla="*/ 2147483646 h 181"/>
              <a:gd name="T74" fmla="*/ 2147483646 w 146"/>
              <a:gd name="T75" fmla="*/ 2147483646 h 181"/>
              <a:gd name="T76" fmla="*/ 2147483646 w 146"/>
              <a:gd name="T77" fmla="*/ 2147483646 h 181"/>
              <a:gd name="T78" fmla="*/ 2147483646 w 146"/>
              <a:gd name="T79" fmla="*/ 2147483646 h 181"/>
              <a:gd name="T80" fmla="*/ 2147483646 w 146"/>
              <a:gd name="T81" fmla="*/ 2147483646 h 181"/>
              <a:gd name="T82" fmla="*/ 0 w 146"/>
              <a:gd name="T83" fmla="*/ 2147483646 h 181"/>
              <a:gd name="T84" fmla="*/ 2147483646 w 146"/>
              <a:gd name="T85" fmla="*/ 2147483646 h 181"/>
              <a:gd name="T86" fmla="*/ 2147483646 w 146"/>
              <a:gd name="T87" fmla="*/ 2147483646 h 181"/>
              <a:gd name="T88" fmla="*/ 2147483646 w 146"/>
              <a:gd name="T89" fmla="*/ 2147483646 h 181"/>
              <a:gd name="T90" fmla="*/ 2147483646 w 146"/>
              <a:gd name="T91" fmla="*/ 2147483646 h 181"/>
              <a:gd name="T92" fmla="*/ 2147483646 w 146"/>
              <a:gd name="T93" fmla="*/ 2147483646 h 181"/>
              <a:gd name="T94" fmla="*/ 2147483646 w 146"/>
              <a:gd name="T95" fmla="*/ 2147483646 h 181"/>
              <a:gd name="T96" fmla="*/ 2147483646 w 146"/>
              <a:gd name="T97" fmla="*/ 2147483646 h 181"/>
              <a:gd name="T98" fmla="*/ 2147483646 w 146"/>
              <a:gd name="T99" fmla="*/ 2147483646 h 181"/>
              <a:gd name="T100" fmla="*/ 2147483646 w 146"/>
              <a:gd name="T101" fmla="*/ 2147483646 h 181"/>
              <a:gd name="T102" fmla="*/ 2147483646 w 146"/>
              <a:gd name="T103" fmla="*/ 2147483646 h 181"/>
              <a:gd name="T104" fmla="*/ 2147483646 w 146"/>
              <a:gd name="T105" fmla="*/ 2147483646 h 181"/>
              <a:gd name="T106" fmla="*/ 2147483646 w 146"/>
              <a:gd name="T107" fmla="*/ 2147483646 h 181"/>
              <a:gd name="T108" fmla="*/ 2147483646 w 146"/>
              <a:gd name="T109" fmla="*/ 0 h 181"/>
              <a:gd name="T110" fmla="*/ 2147483646 w 146"/>
              <a:gd name="T111" fmla="*/ 2147483646 h 181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w 146"/>
              <a:gd name="T169" fmla="*/ 0 h 181"/>
              <a:gd name="T170" fmla="*/ 146 w 146"/>
              <a:gd name="T171" fmla="*/ 181 h 181"/>
            </a:gdLst>
            <a:ahLst/>
            <a:cxnLst>
              <a:cxn ang="T112">
                <a:pos x="T0" y="T1"/>
              </a:cxn>
              <a:cxn ang="T113">
                <a:pos x="T2" y="T3"/>
              </a:cxn>
              <a:cxn ang="T114">
                <a:pos x="T4" y="T5"/>
              </a:cxn>
              <a:cxn ang="T115">
                <a:pos x="T6" y="T7"/>
              </a:cxn>
              <a:cxn ang="T116">
                <a:pos x="T8" y="T9"/>
              </a:cxn>
              <a:cxn ang="T117">
                <a:pos x="T10" y="T11"/>
              </a:cxn>
              <a:cxn ang="T118">
                <a:pos x="T12" y="T13"/>
              </a:cxn>
              <a:cxn ang="T119">
                <a:pos x="T14" y="T15"/>
              </a:cxn>
              <a:cxn ang="T120">
                <a:pos x="T16" y="T17"/>
              </a:cxn>
              <a:cxn ang="T121">
                <a:pos x="T18" y="T19"/>
              </a:cxn>
              <a:cxn ang="T122">
                <a:pos x="T20" y="T21"/>
              </a:cxn>
              <a:cxn ang="T123">
                <a:pos x="T22" y="T23"/>
              </a:cxn>
              <a:cxn ang="T124">
                <a:pos x="T24" y="T25"/>
              </a:cxn>
              <a:cxn ang="T125">
                <a:pos x="T26" y="T27"/>
              </a:cxn>
              <a:cxn ang="T126">
                <a:pos x="T28" y="T29"/>
              </a:cxn>
              <a:cxn ang="T127">
                <a:pos x="T30" y="T31"/>
              </a:cxn>
              <a:cxn ang="T128">
                <a:pos x="T32" y="T33"/>
              </a:cxn>
              <a:cxn ang="T129">
                <a:pos x="T34" y="T35"/>
              </a:cxn>
              <a:cxn ang="T130">
                <a:pos x="T36" y="T37"/>
              </a:cxn>
              <a:cxn ang="T131">
                <a:pos x="T38" y="T39"/>
              </a:cxn>
              <a:cxn ang="T132">
                <a:pos x="T40" y="T41"/>
              </a:cxn>
              <a:cxn ang="T133">
                <a:pos x="T42" y="T43"/>
              </a:cxn>
              <a:cxn ang="T134">
                <a:pos x="T44" y="T45"/>
              </a:cxn>
              <a:cxn ang="T135">
                <a:pos x="T46" y="T47"/>
              </a:cxn>
              <a:cxn ang="T136">
                <a:pos x="T48" y="T49"/>
              </a:cxn>
              <a:cxn ang="T137">
                <a:pos x="T50" y="T51"/>
              </a:cxn>
              <a:cxn ang="T138">
                <a:pos x="T52" y="T53"/>
              </a:cxn>
              <a:cxn ang="T139">
                <a:pos x="T54" y="T55"/>
              </a:cxn>
              <a:cxn ang="T140">
                <a:pos x="T56" y="T57"/>
              </a:cxn>
              <a:cxn ang="T141">
                <a:pos x="T58" y="T59"/>
              </a:cxn>
              <a:cxn ang="T142">
                <a:pos x="T60" y="T61"/>
              </a:cxn>
              <a:cxn ang="T143">
                <a:pos x="T62" y="T63"/>
              </a:cxn>
              <a:cxn ang="T144">
                <a:pos x="T64" y="T65"/>
              </a:cxn>
              <a:cxn ang="T145">
                <a:pos x="T66" y="T67"/>
              </a:cxn>
              <a:cxn ang="T146">
                <a:pos x="T68" y="T69"/>
              </a:cxn>
              <a:cxn ang="T147">
                <a:pos x="T70" y="T71"/>
              </a:cxn>
              <a:cxn ang="T148">
                <a:pos x="T72" y="T73"/>
              </a:cxn>
              <a:cxn ang="T149">
                <a:pos x="T74" y="T75"/>
              </a:cxn>
              <a:cxn ang="T150">
                <a:pos x="T76" y="T77"/>
              </a:cxn>
              <a:cxn ang="T151">
                <a:pos x="T78" y="T79"/>
              </a:cxn>
              <a:cxn ang="T152">
                <a:pos x="T80" y="T81"/>
              </a:cxn>
              <a:cxn ang="T153">
                <a:pos x="T82" y="T83"/>
              </a:cxn>
              <a:cxn ang="T154">
                <a:pos x="T84" y="T85"/>
              </a:cxn>
              <a:cxn ang="T155">
                <a:pos x="T86" y="T87"/>
              </a:cxn>
              <a:cxn ang="T156">
                <a:pos x="T88" y="T89"/>
              </a:cxn>
              <a:cxn ang="T157">
                <a:pos x="T90" y="T91"/>
              </a:cxn>
              <a:cxn ang="T158">
                <a:pos x="T92" y="T93"/>
              </a:cxn>
              <a:cxn ang="T159">
                <a:pos x="T94" y="T95"/>
              </a:cxn>
              <a:cxn ang="T160">
                <a:pos x="T96" y="T97"/>
              </a:cxn>
              <a:cxn ang="T161">
                <a:pos x="T98" y="T99"/>
              </a:cxn>
              <a:cxn ang="T162">
                <a:pos x="T100" y="T101"/>
              </a:cxn>
              <a:cxn ang="T163">
                <a:pos x="T102" y="T103"/>
              </a:cxn>
              <a:cxn ang="T164">
                <a:pos x="T104" y="T105"/>
              </a:cxn>
              <a:cxn ang="T165">
                <a:pos x="T106" y="T107"/>
              </a:cxn>
              <a:cxn ang="T166">
                <a:pos x="T108" y="T109"/>
              </a:cxn>
              <a:cxn ang="T167">
                <a:pos x="T110" y="T111"/>
              </a:cxn>
            </a:cxnLst>
            <a:rect l="T168" t="T169" r="T170" b="T171"/>
            <a:pathLst>
              <a:path w="146" h="181">
                <a:moveTo>
                  <a:pt x="94" y="14"/>
                </a:moveTo>
                <a:lnTo>
                  <a:pt x="98" y="16"/>
                </a:lnTo>
                <a:lnTo>
                  <a:pt x="101" y="19"/>
                </a:lnTo>
                <a:lnTo>
                  <a:pt x="101" y="23"/>
                </a:lnTo>
                <a:lnTo>
                  <a:pt x="100" y="29"/>
                </a:lnTo>
                <a:lnTo>
                  <a:pt x="99" y="36"/>
                </a:lnTo>
                <a:lnTo>
                  <a:pt x="100" y="40"/>
                </a:lnTo>
                <a:lnTo>
                  <a:pt x="99" y="44"/>
                </a:lnTo>
                <a:lnTo>
                  <a:pt x="101" y="48"/>
                </a:lnTo>
                <a:lnTo>
                  <a:pt x="102" y="54"/>
                </a:lnTo>
                <a:lnTo>
                  <a:pt x="102" y="58"/>
                </a:lnTo>
                <a:lnTo>
                  <a:pt x="106" y="61"/>
                </a:lnTo>
                <a:lnTo>
                  <a:pt x="108" y="65"/>
                </a:lnTo>
                <a:lnTo>
                  <a:pt x="110" y="66"/>
                </a:lnTo>
                <a:lnTo>
                  <a:pt x="112" y="72"/>
                </a:lnTo>
                <a:lnTo>
                  <a:pt x="115" y="74"/>
                </a:lnTo>
                <a:lnTo>
                  <a:pt x="119" y="77"/>
                </a:lnTo>
                <a:lnTo>
                  <a:pt x="121" y="81"/>
                </a:lnTo>
                <a:lnTo>
                  <a:pt x="120" y="85"/>
                </a:lnTo>
                <a:lnTo>
                  <a:pt x="116" y="88"/>
                </a:lnTo>
                <a:lnTo>
                  <a:pt x="114" y="93"/>
                </a:lnTo>
                <a:lnTo>
                  <a:pt x="112" y="98"/>
                </a:lnTo>
                <a:lnTo>
                  <a:pt x="111" y="105"/>
                </a:lnTo>
                <a:lnTo>
                  <a:pt x="117" y="107"/>
                </a:lnTo>
                <a:lnTo>
                  <a:pt x="122" y="106"/>
                </a:lnTo>
                <a:lnTo>
                  <a:pt x="124" y="110"/>
                </a:lnTo>
                <a:lnTo>
                  <a:pt x="132" y="110"/>
                </a:lnTo>
                <a:lnTo>
                  <a:pt x="135" y="119"/>
                </a:lnTo>
                <a:lnTo>
                  <a:pt x="140" y="121"/>
                </a:lnTo>
                <a:lnTo>
                  <a:pt x="139" y="128"/>
                </a:lnTo>
                <a:lnTo>
                  <a:pt x="144" y="127"/>
                </a:lnTo>
                <a:lnTo>
                  <a:pt x="146" y="130"/>
                </a:lnTo>
                <a:lnTo>
                  <a:pt x="144" y="135"/>
                </a:lnTo>
                <a:lnTo>
                  <a:pt x="136" y="143"/>
                </a:lnTo>
                <a:lnTo>
                  <a:pt x="132" y="144"/>
                </a:lnTo>
                <a:lnTo>
                  <a:pt x="129" y="146"/>
                </a:lnTo>
                <a:lnTo>
                  <a:pt x="127" y="153"/>
                </a:lnTo>
                <a:lnTo>
                  <a:pt x="124" y="154"/>
                </a:lnTo>
                <a:lnTo>
                  <a:pt x="123" y="162"/>
                </a:lnTo>
                <a:lnTo>
                  <a:pt x="123" y="166"/>
                </a:lnTo>
                <a:lnTo>
                  <a:pt x="120" y="170"/>
                </a:lnTo>
                <a:lnTo>
                  <a:pt x="116" y="173"/>
                </a:lnTo>
                <a:lnTo>
                  <a:pt x="112" y="181"/>
                </a:lnTo>
                <a:lnTo>
                  <a:pt x="109" y="181"/>
                </a:lnTo>
                <a:lnTo>
                  <a:pt x="106" y="181"/>
                </a:lnTo>
                <a:lnTo>
                  <a:pt x="100" y="177"/>
                </a:lnTo>
                <a:lnTo>
                  <a:pt x="95" y="171"/>
                </a:lnTo>
                <a:lnTo>
                  <a:pt x="89" y="169"/>
                </a:lnTo>
                <a:lnTo>
                  <a:pt x="82" y="167"/>
                </a:lnTo>
                <a:lnTo>
                  <a:pt x="73" y="166"/>
                </a:lnTo>
                <a:lnTo>
                  <a:pt x="66" y="165"/>
                </a:lnTo>
                <a:lnTo>
                  <a:pt x="59" y="163"/>
                </a:lnTo>
                <a:lnTo>
                  <a:pt x="53" y="163"/>
                </a:lnTo>
                <a:lnTo>
                  <a:pt x="54" y="157"/>
                </a:lnTo>
                <a:lnTo>
                  <a:pt x="56" y="150"/>
                </a:lnTo>
                <a:lnTo>
                  <a:pt x="58" y="144"/>
                </a:lnTo>
                <a:lnTo>
                  <a:pt x="60" y="137"/>
                </a:lnTo>
                <a:lnTo>
                  <a:pt x="61" y="130"/>
                </a:lnTo>
                <a:lnTo>
                  <a:pt x="58" y="126"/>
                </a:lnTo>
                <a:lnTo>
                  <a:pt x="58" y="122"/>
                </a:lnTo>
                <a:lnTo>
                  <a:pt x="56" y="116"/>
                </a:lnTo>
                <a:lnTo>
                  <a:pt x="52" y="112"/>
                </a:lnTo>
                <a:lnTo>
                  <a:pt x="51" y="104"/>
                </a:lnTo>
                <a:lnTo>
                  <a:pt x="52" y="99"/>
                </a:lnTo>
                <a:lnTo>
                  <a:pt x="55" y="98"/>
                </a:lnTo>
                <a:lnTo>
                  <a:pt x="56" y="92"/>
                </a:lnTo>
                <a:lnTo>
                  <a:pt x="48" y="92"/>
                </a:lnTo>
                <a:lnTo>
                  <a:pt x="49" y="86"/>
                </a:lnTo>
                <a:lnTo>
                  <a:pt x="47" y="85"/>
                </a:lnTo>
                <a:lnTo>
                  <a:pt x="44" y="89"/>
                </a:lnTo>
                <a:lnTo>
                  <a:pt x="40" y="87"/>
                </a:lnTo>
                <a:lnTo>
                  <a:pt x="44" y="85"/>
                </a:lnTo>
                <a:lnTo>
                  <a:pt x="44" y="81"/>
                </a:lnTo>
                <a:lnTo>
                  <a:pt x="47" y="76"/>
                </a:lnTo>
                <a:lnTo>
                  <a:pt x="44" y="69"/>
                </a:lnTo>
                <a:lnTo>
                  <a:pt x="35" y="71"/>
                </a:lnTo>
                <a:lnTo>
                  <a:pt x="28" y="68"/>
                </a:lnTo>
                <a:lnTo>
                  <a:pt x="13" y="78"/>
                </a:lnTo>
                <a:lnTo>
                  <a:pt x="11" y="76"/>
                </a:lnTo>
                <a:lnTo>
                  <a:pt x="7" y="69"/>
                </a:lnTo>
                <a:lnTo>
                  <a:pt x="8" y="60"/>
                </a:lnTo>
                <a:lnTo>
                  <a:pt x="2" y="59"/>
                </a:lnTo>
                <a:lnTo>
                  <a:pt x="4" y="51"/>
                </a:lnTo>
                <a:lnTo>
                  <a:pt x="0" y="49"/>
                </a:lnTo>
                <a:lnTo>
                  <a:pt x="2" y="44"/>
                </a:lnTo>
                <a:lnTo>
                  <a:pt x="5" y="44"/>
                </a:lnTo>
                <a:lnTo>
                  <a:pt x="8" y="46"/>
                </a:lnTo>
                <a:lnTo>
                  <a:pt x="11" y="43"/>
                </a:lnTo>
                <a:lnTo>
                  <a:pt x="14" y="42"/>
                </a:lnTo>
                <a:lnTo>
                  <a:pt x="16" y="36"/>
                </a:lnTo>
                <a:lnTo>
                  <a:pt x="21" y="29"/>
                </a:lnTo>
                <a:lnTo>
                  <a:pt x="25" y="19"/>
                </a:lnTo>
                <a:lnTo>
                  <a:pt x="38" y="23"/>
                </a:lnTo>
                <a:lnTo>
                  <a:pt x="38" y="18"/>
                </a:lnTo>
                <a:lnTo>
                  <a:pt x="46" y="19"/>
                </a:lnTo>
                <a:lnTo>
                  <a:pt x="55" y="23"/>
                </a:lnTo>
                <a:lnTo>
                  <a:pt x="59" y="27"/>
                </a:lnTo>
                <a:lnTo>
                  <a:pt x="60" y="34"/>
                </a:lnTo>
                <a:lnTo>
                  <a:pt x="65" y="37"/>
                </a:lnTo>
                <a:lnTo>
                  <a:pt x="64" y="32"/>
                </a:lnTo>
                <a:lnTo>
                  <a:pt x="72" y="32"/>
                </a:lnTo>
                <a:lnTo>
                  <a:pt x="76" y="22"/>
                </a:lnTo>
                <a:lnTo>
                  <a:pt x="72" y="17"/>
                </a:lnTo>
                <a:lnTo>
                  <a:pt x="61" y="7"/>
                </a:lnTo>
                <a:lnTo>
                  <a:pt x="66" y="5"/>
                </a:lnTo>
                <a:lnTo>
                  <a:pt x="69" y="8"/>
                </a:lnTo>
                <a:lnTo>
                  <a:pt x="73" y="9"/>
                </a:lnTo>
                <a:lnTo>
                  <a:pt x="78" y="10"/>
                </a:lnTo>
                <a:lnTo>
                  <a:pt x="82" y="12"/>
                </a:lnTo>
                <a:lnTo>
                  <a:pt x="84" y="0"/>
                </a:lnTo>
                <a:lnTo>
                  <a:pt x="88" y="1"/>
                </a:lnTo>
                <a:lnTo>
                  <a:pt x="87" y="11"/>
                </a:lnTo>
                <a:lnTo>
                  <a:pt x="94" y="14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0" name="d14206"/>
          <xdr:cNvSpPr>
            <a:spLocks/>
          </xdr:cNvSpPr>
        </xdr:nvSpPr>
        <xdr:spPr bwMode="auto">
          <a:xfrm>
            <a:off x="2152650" y="14192250"/>
            <a:ext cx="2038350" cy="21050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0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0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0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2147483646 w 16384"/>
              <a:gd name="T117" fmla="*/ 2147483646 h 16384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w 16384"/>
              <a:gd name="T178" fmla="*/ 0 h 16384"/>
              <a:gd name="T179" fmla="*/ 16384 w 16384"/>
              <a:gd name="T180" fmla="*/ 16384 h 16384"/>
            </a:gdLst>
            <a:ahLst/>
            <a:cxnLst>
              <a:cxn ang="T118">
                <a:pos x="T0" y="T1"/>
              </a:cxn>
              <a:cxn ang="T119">
                <a:pos x="T2" y="T3"/>
              </a:cxn>
              <a:cxn ang="T120">
                <a:pos x="T4" y="T5"/>
              </a:cxn>
              <a:cxn ang="T121">
                <a:pos x="T6" y="T7"/>
              </a:cxn>
              <a:cxn ang="T122">
                <a:pos x="T8" y="T9"/>
              </a:cxn>
              <a:cxn ang="T123">
                <a:pos x="T10" y="T11"/>
              </a:cxn>
              <a:cxn ang="T124">
                <a:pos x="T12" y="T13"/>
              </a:cxn>
              <a:cxn ang="T125">
                <a:pos x="T14" y="T15"/>
              </a:cxn>
              <a:cxn ang="T126">
                <a:pos x="T16" y="T17"/>
              </a:cxn>
              <a:cxn ang="T127">
                <a:pos x="T18" y="T19"/>
              </a:cxn>
              <a:cxn ang="T128">
                <a:pos x="T20" y="T21"/>
              </a:cxn>
              <a:cxn ang="T129">
                <a:pos x="T22" y="T23"/>
              </a:cxn>
              <a:cxn ang="T130">
                <a:pos x="T24" y="T25"/>
              </a:cxn>
              <a:cxn ang="T131">
                <a:pos x="T26" y="T27"/>
              </a:cxn>
              <a:cxn ang="T132">
                <a:pos x="T28" y="T29"/>
              </a:cxn>
              <a:cxn ang="T133">
                <a:pos x="T30" y="T31"/>
              </a:cxn>
              <a:cxn ang="T134">
                <a:pos x="T32" y="T33"/>
              </a:cxn>
              <a:cxn ang="T135">
                <a:pos x="T34" y="T35"/>
              </a:cxn>
              <a:cxn ang="T136">
                <a:pos x="T36" y="T37"/>
              </a:cxn>
              <a:cxn ang="T137">
                <a:pos x="T38" y="T39"/>
              </a:cxn>
              <a:cxn ang="T138">
                <a:pos x="T40" y="T41"/>
              </a:cxn>
              <a:cxn ang="T139">
                <a:pos x="T42" y="T43"/>
              </a:cxn>
              <a:cxn ang="T140">
                <a:pos x="T44" y="T45"/>
              </a:cxn>
              <a:cxn ang="T141">
                <a:pos x="T46" y="T47"/>
              </a:cxn>
              <a:cxn ang="T142">
                <a:pos x="T48" y="T49"/>
              </a:cxn>
              <a:cxn ang="T143">
                <a:pos x="T50" y="T51"/>
              </a:cxn>
              <a:cxn ang="T144">
                <a:pos x="T52" y="T53"/>
              </a:cxn>
              <a:cxn ang="T145">
                <a:pos x="T54" y="T55"/>
              </a:cxn>
              <a:cxn ang="T146">
                <a:pos x="T56" y="T57"/>
              </a:cxn>
              <a:cxn ang="T147">
                <a:pos x="T58" y="T59"/>
              </a:cxn>
              <a:cxn ang="T148">
                <a:pos x="T60" y="T61"/>
              </a:cxn>
              <a:cxn ang="T149">
                <a:pos x="T62" y="T63"/>
              </a:cxn>
              <a:cxn ang="T150">
                <a:pos x="T64" y="T65"/>
              </a:cxn>
              <a:cxn ang="T151">
                <a:pos x="T66" y="T67"/>
              </a:cxn>
              <a:cxn ang="T152">
                <a:pos x="T68" y="T69"/>
              </a:cxn>
              <a:cxn ang="T153">
                <a:pos x="T70" y="T71"/>
              </a:cxn>
              <a:cxn ang="T154">
                <a:pos x="T72" y="T73"/>
              </a:cxn>
              <a:cxn ang="T155">
                <a:pos x="T74" y="T75"/>
              </a:cxn>
              <a:cxn ang="T156">
                <a:pos x="T76" y="T77"/>
              </a:cxn>
              <a:cxn ang="T157">
                <a:pos x="T78" y="T79"/>
              </a:cxn>
              <a:cxn ang="T158">
                <a:pos x="T80" y="T81"/>
              </a:cxn>
              <a:cxn ang="T159">
                <a:pos x="T82" y="T83"/>
              </a:cxn>
              <a:cxn ang="T160">
                <a:pos x="T84" y="T85"/>
              </a:cxn>
              <a:cxn ang="T161">
                <a:pos x="T86" y="T87"/>
              </a:cxn>
              <a:cxn ang="T162">
                <a:pos x="T88" y="T89"/>
              </a:cxn>
              <a:cxn ang="T163">
                <a:pos x="T90" y="T91"/>
              </a:cxn>
              <a:cxn ang="T164">
                <a:pos x="T92" y="T93"/>
              </a:cxn>
              <a:cxn ang="T165">
                <a:pos x="T94" y="T95"/>
              </a:cxn>
              <a:cxn ang="T166">
                <a:pos x="T96" y="T97"/>
              </a:cxn>
              <a:cxn ang="T167">
                <a:pos x="T98" y="T99"/>
              </a:cxn>
              <a:cxn ang="T168">
                <a:pos x="T100" y="T101"/>
              </a:cxn>
              <a:cxn ang="T169">
                <a:pos x="T102" y="T103"/>
              </a:cxn>
              <a:cxn ang="T170">
                <a:pos x="T104" y="T105"/>
              </a:cxn>
              <a:cxn ang="T171">
                <a:pos x="T106" y="T107"/>
              </a:cxn>
              <a:cxn ang="T172">
                <a:pos x="T108" y="T109"/>
              </a:cxn>
              <a:cxn ang="T173">
                <a:pos x="T110" y="T111"/>
              </a:cxn>
              <a:cxn ang="T174">
                <a:pos x="T112" y="T113"/>
              </a:cxn>
              <a:cxn ang="T175">
                <a:pos x="T114" y="T115"/>
              </a:cxn>
              <a:cxn ang="T176">
                <a:pos x="T116" y="T117"/>
              </a:cxn>
            </a:cxnLst>
            <a:rect l="T177" t="T178" r="T179" b="T180"/>
            <a:pathLst>
              <a:path w="16384" h="16384">
                <a:moveTo>
                  <a:pt x="6508" y="1483"/>
                </a:moveTo>
                <a:lnTo>
                  <a:pt x="6584" y="1260"/>
                </a:lnTo>
                <a:lnTo>
                  <a:pt x="6814" y="1112"/>
                </a:lnTo>
                <a:lnTo>
                  <a:pt x="7120" y="964"/>
                </a:lnTo>
                <a:lnTo>
                  <a:pt x="7273" y="593"/>
                </a:lnTo>
                <a:lnTo>
                  <a:pt x="7580" y="593"/>
                </a:lnTo>
                <a:lnTo>
                  <a:pt x="8269" y="1705"/>
                </a:lnTo>
                <a:lnTo>
                  <a:pt x="8804" y="1779"/>
                </a:lnTo>
                <a:lnTo>
                  <a:pt x="9187" y="1557"/>
                </a:lnTo>
                <a:lnTo>
                  <a:pt x="9570" y="1186"/>
                </a:lnTo>
                <a:lnTo>
                  <a:pt x="9647" y="1409"/>
                </a:lnTo>
                <a:lnTo>
                  <a:pt x="9800" y="1112"/>
                </a:lnTo>
                <a:lnTo>
                  <a:pt x="9953" y="890"/>
                </a:lnTo>
                <a:lnTo>
                  <a:pt x="10183" y="741"/>
                </a:lnTo>
                <a:lnTo>
                  <a:pt x="10259" y="371"/>
                </a:lnTo>
                <a:lnTo>
                  <a:pt x="10336" y="297"/>
                </a:lnTo>
                <a:lnTo>
                  <a:pt x="10948" y="148"/>
                </a:lnTo>
                <a:lnTo>
                  <a:pt x="11101" y="0"/>
                </a:lnTo>
                <a:lnTo>
                  <a:pt x="11254" y="74"/>
                </a:lnTo>
                <a:lnTo>
                  <a:pt x="11331" y="222"/>
                </a:lnTo>
                <a:lnTo>
                  <a:pt x="11714" y="741"/>
                </a:lnTo>
                <a:lnTo>
                  <a:pt x="11943" y="1038"/>
                </a:lnTo>
                <a:lnTo>
                  <a:pt x="12250" y="1260"/>
                </a:lnTo>
                <a:lnTo>
                  <a:pt x="12709" y="1557"/>
                </a:lnTo>
                <a:lnTo>
                  <a:pt x="12862" y="1557"/>
                </a:lnTo>
                <a:lnTo>
                  <a:pt x="13092" y="1853"/>
                </a:lnTo>
                <a:lnTo>
                  <a:pt x="13092" y="2150"/>
                </a:lnTo>
                <a:lnTo>
                  <a:pt x="13551" y="1928"/>
                </a:lnTo>
                <a:lnTo>
                  <a:pt x="13857" y="1705"/>
                </a:lnTo>
                <a:lnTo>
                  <a:pt x="14240" y="1260"/>
                </a:lnTo>
                <a:lnTo>
                  <a:pt x="14853" y="1483"/>
                </a:lnTo>
                <a:lnTo>
                  <a:pt x="15312" y="1483"/>
                </a:lnTo>
                <a:lnTo>
                  <a:pt x="15695" y="1186"/>
                </a:lnTo>
                <a:lnTo>
                  <a:pt x="15848" y="1038"/>
                </a:lnTo>
                <a:lnTo>
                  <a:pt x="15925" y="1334"/>
                </a:lnTo>
                <a:lnTo>
                  <a:pt x="16078" y="1483"/>
                </a:lnTo>
                <a:lnTo>
                  <a:pt x="16384" y="1631"/>
                </a:lnTo>
                <a:lnTo>
                  <a:pt x="16231" y="2150"/>
                </a:lnTo>
                <a:lnTo>
                  <a:pt x="16231" y="2446"/>
                </a:lnTo>
                <a:lnTo>
                  <a:pt x="16307" y="2669"/>
                </a:lnTo>
                <a:lnTo>
                  <a:pt x="16307" y="2891"/>
                </a:lnTo>
                <a:lnTo>
                  <a:pt x="16231" y="3262"/>
                </a:lnTo>
                <a:lnTo>
                  <a:pt x="16078" y="3484"/>
                </a:lnTo>
                <a:lnTo>
                  <a:pt x="16231" y="3559"/>
                </a:lnTo>
                <a:lnTo>
                  <a:pt x="16231" y="3707"/>
                </a:lnTo>
                <a:lnTo>
                  <a:pt x="16078" y="3855"/>
                </a:lnTo>
                <a:lnTo>
                  <a:pt x="16001" y="4226"/>
                </a:lnTo>
                <a:lnTo>
                  <a:pt x="16154" y="4596"/>
                </a:lnTo>
                <a:lnTo>
                  <a:pt x="15772" y="4745"/>
                </a:lnTo>
                <a:lnTo>
                  <a:pt x="15465" y="4893"/>
                </a:lnTo>
                <a:lnTo>
                  <a:pt x="15082" y="5041"/>
                </a:lnTo>
                <a:lnTo>
                  <a:pt x="14700" y="5190"/>
                </a:lnTo>
                <a:lnTo>
                  <a:pt x="14164" y="5486"/>
                </a:lnTo>
                <a:lnTo>
                  <a:pt x="13704" y="5708"/>
                </a:lnTo>
                <a:lnTo>
                  <a:pt x="13092" y="6153"/>
                </a:lnTo>
                <a:lnTo>
                  <a:pt x="12709" y="6524"/>
                </a:lnTo>
                <a:lnTo>
                  <a:pt x="12403" y="6746"/>
                </a:lnTo>
                <a:lnTo>
                  <a:pt x="11943" y="7117"/>
                </a:lnTo>
                <a:lnTo>
                  <a:pt x="11561" y="7414"/>
                </a:lnTo>
                <a:lnTo>
                  <a:pt x="11101" y="7710"/>
                </a:lnTo>
                <a:lnTo>
                  <a:pt x="10719" y="7858"/>
                </a:lnTo>
                <a:lnTo>
                  <a:pt x="10336" y="8081"/>
                </a:lnTo>
                <a:lnTo>
                  <a:pt x="9953" y="8377"/>
                </a:lnTo>
                <a:lnTo>
                  <a:pt x="9417" y="8822"/>
                </a:lnTo>
                <a:lnTo>
                  <a:pt x="8958" y="9193"/>
                </a:lnTo>
                <a:lnTo>
                  <a:pt x="8422" y="9564"/>
                </a:lnTo>
                <a:lnTo>
                  <a:pt x="8192" y="9564"/>
                </a:lnTo>
                <a:lnTo>
                  <a:pt x="8039" y="9712"/>
                </a:lnTo>
                <a:lnTo>
                  <a:pt x="7733" y="10157"/>
                </a:lnTo>
                <a:lnTo>
                  <a:pt x="7426" y="10305"/>
                </a:lnTo>
                <a:lnTo>
                  <a:pt x="7350" y="10750"/>
                </a:lnTo>
                <a:lnTo>
                  <a:pt x="7273" y="11343"/>
                </a:lnTo>
                <a:lnTo>
                  <a:pt x="7350" y="12158"/>
                </a:lnTo>
                <a:lnTo>
                  <a:pt x="7503" y="12751"/>
                </a:lnTo>
                <a:lnTo>
                  <a:pt x="7350" y="13344"/>
                </a:lnTo>
                <a:lnTo>
                  <a:pt x="7273" y="13641"/>
                </a:lnTo>
                <a:lnTo>
                  <a:pt x="7197" y="13938"/>
                </a:lnTo>
                <a:lnTo>
                  <a:pt x="7044" y="14456"/>
                </a:lnTo>
                <a:lnTo>
                  <a:pt x="7120" y="14827"/>
                </a:lnTo>
                <a:lnTo>
                  <a:pt x="7197" y="15124"/>
                </a:lnTo>
                <a:lnTo>
                  <a:pt x="7044" y="15569"/>
                </a:lnTo>
                <a:lnTo>
                  <a:pt x="6967" y="15865"/>
                </a:lnTo>
                <a:lnTo>
                  <a:pt x="6967" y="16013"/>
                </a:lnTo>
                <a:lnTo>
                  <a:pt x="7044" y="16236"/>
                </a:lnTo>
                <a:lnTo>
                  <a:pt x="6814" y="16384"/>
                </a:lnTo>
                <a:lnTo>
                  <a:pt x="5589" y="15717"/>
                </a:lnTo>
                <a:lnTo>
                  <a:pt x="4747" y="15346"/>
                </a:lnTo>
                <a:lnTo>
                  <a:pt x="4364" y="15272"/>
                </a:lnTo>
                <a:lnTo>
                  <a:pt x="3981" y="15198"/>
                </a:lnTo>
                <a:lnTo>
                  <a:pt x="3522" y="15050"/>
                </a:lnTo>
                <a:lnTo>
                  <a:pt x="3062" y="14975"/>
                </a:lnTo>
                <a:lnTo>
                  <a:pt x="2756" y="14531"/>
                </a:lnTo>
                <a:lnTo>
                  <a:pt x="2450" y="14382"/>
                </a:lnTo>
                <a:lnTo>
                  <a:pt x="2220" y="14456"/>
                </a:lnTo>
                <a:lnTo>
                  <a:pt x="1761" y="14234"/>
                </a:lnTo>
                <a:lnTo>
                  <a:pt x="1531" y="14160"/>
                </a:lnTo>
                <a:lnTo>
                  <a:pt x="1531" y="13789"/>
                </a:lnTo>
                <a:lnTo>
                  <a:pt x="1837" y="13641"/>
                </a:lnTo>
                <a:lnTo>
                  <a:pt x="1914" y="13196"/>
                </a:lnTo>
                <a:lnTo>
                  <a:pt x="2144" y="12900"/>
                </a:lnTo>
                <a:lnTo>
                  <a:pt x="2220" y="12529"/>
                </a:lnTo>
                <a:lnTo>
                  <a:pt x="2144" y="12307"/>
                </a:lnTo>
                <a:lnTo>
                  <a:pt x="2373" y="12084"/>
                </a:lnTo>
                <a:lnTo>
                  <a:pt x="2603" y="11936"/>
                </a:lnTo>
                <a:lnTo>
                  <a:pt x="2833" y="11639"/>
                </a:lnTo>
                <a:lnTo>
                  <a:pt x="3139" y="11491"/>
                </a:lnTo>
                <a:lnTo>
                  <a:pt x="3522" y="11194"/>
                </a:lnTo>
                <a:lnTo>
                  <a:pt x="3828" y="11194"/>
                </a:lnTo>
                <a:lnTo>
                  <a:pt x="3981" y="11046"/>
                </a:lnTo>
                <a:lnTo>
                  <a:pt x="4364" y="10972"/>
                </a:lnTo>
                <a:lnTo>
                  <a:pt x="4747" y="11046"/>
                </a:lnTo>
                <a:lnTo>
                  <a:pt x="5053" y="10824"/>
                </a:lnTo>
                <a:lnTo>
                  <a:pt x="5053" y="10601"/>
                </a:lnTo>
                <a:lnTo>
                  <a:pt x="5053" y="10379"/>
                </a:lnTo>
                <a:lnTo>
                  <a:pt x="5130" y="10157"/>
                </a:lnTo>
                <a:lnTo>
                  <a:pt x="5436" y="10008"/>
                </a:lnTo>
                <a:lnTo>
                  <a:pt x="5512" y="9638"/>
                </a:lnTo>
                <a:lnTo>
                  <a:pt x="5436" y="9489"/>
                </a:lnTo>
                <a:lnTo>
                  <a:pt x="4747" y="9712"/>
                </a:lnTo>
                <a:lnTo>
                  <a:pt x="4441" y="9638"/>
                </a:lnTo>
                <a:lnTo>
                  <a:pt x="4134" y="9564"/>
                </a:lnTo>
                <a:lnTo>
                  <a:pt x="3828" y="9564"/>
                </a:lnTo>
                <a:lnTo>
                  <a:pt x="3675" y="9564"/>
                </a:lnTo>
                <a:lnTo>
                  <a:pt x="3445" y="9341"/>
                </a:lnTo>
                <a:lnTo>
                  <a:pt x="3292" y="9193"/>
                </a:lnTo>
                <a:lnTo>
                  <a:pt x="3062" y="9119"/>
                </a:lnTo>
                <a:lnTo>
                  <a:pt x="2833" y="9267"/>
                </a:lnTo>
                <a:lnTo>
                  <a:pt x="2756" y="9564"/>
                </a:lnTo>
                <a:lnTo>
                  <a:pt x="2756" y="9712"/>
                </a:lnTo>
                <a:lnTo>
                  <a:pt x="2220" y="9934"/>
                </a:lnTo>
                <a:lnTo>
                  <a:pt x="1991" y="10008"/>
                </a:lnTo>
                <a:lnTo>
                  <a:pt x="1608" y="9786"/>
                </a:lnTo>
                <a:lnTo>
                  <a:pt x="1378" y="9489"/>
                </a:lnTo>
                <a:lnTo>
                  <a:pt x="1148" y="9267"/>
                </a:lnTo>
                <a:lnTo>
                  <a:pt x="995" y="9193"/>
                </a:lnTo>
                <a:lnTo>
                  <a:pt x="766" y="9415"/>
                </a:lnTo>
                <a:lnTo>
                  <a:pt x="612" y="9415"/>
                </a:lnTo>
                <a:lnTo>
                  <a:pt x="306" y="8896"/>
                </a:lnTo>
                <a:lnTo>
                  <a:pt x="77" y="8896"/>
                </a:lnTo>
                <a:lnTo>
                  <a:pt x="0" y="8748"/>
                </a:lnTo>
                <a:lnTo>
                  <a:pt x="0" y="8526"/>
                </a:lnTo>
                <a:lnTo>
                  <a:pt x="306" y="8229"/>
                </a:lnTo>
                <a:lnTo>
                  <a:pt x="612" y="8155"/>
                </a:lnTo>
                <a:lnTo>
                  <a:pt x="689" y="7858"/>
                </a:lnTo>
                <a:lnTo>
                  <a:pt x="459" y="7784"/>
                </a:lnTo>
                <a:lnTo>
                  <a:pt x="383" y="7636"/>
                </a:lnTo>
                <a:lnTo>
                  <a:pt x="383" y="7265"/>
                </a:lnTo>
                <a:lnTo>
                  <a:pt x="306" y="6895"/>
                </a:lnTo>
                <a:lnTo>
                  <a:pt x="77" y="6598"/>
                </a:lnTo>
                <a:lnTo>
                  <a:pt x="0" y="6376"/>
                </a:lnTo>
                <a:lnTo>
                  <a:pt x="0" y="6153"/>
                </a:lnTo>
                <a:lnTo>
                  <a:pt x="536" y="6005"/>
                </a:lnTo>
                <a:lnTo>
                  <a:pt x="1148" y="6079"/>
                </a:lnTo>
                <a:lnTo>
                  <a:pt x="1455" y="6005"/>
                </a:lnTo>
                <a:lnTo>
                  <a:pt x="1991" y="5783"/>
                </a:lnTo>
                <a:lnTo>
                  <a:pt x="2603" y="5708"/>
                </a:lnTo>
                <a:lnTo>
                  <a:pt x="2756" y="5486"/>
                </a:lnTo>
                <a:lnTo>
                  <a:pt x="4287" y="5412"/>
                </a:lnTo>
                <a:lnTo>
                  <a:pt x="4823" y="5338"/>
                </a:lnTo>
                <a:lnTo>
                  <a:pt x="5053" y="5338"/>
                </a:lnTo>
                <a:lnTo>
                  <a:pt x="5512" y="5190"/>
                </a:lnTo>
                <a:lnTo>
                  <a:pt x="5436" y="4819"/>
                </a:lnTo>
                <a:lnTo>
                  <a:pt x="5436" y="4596"/>
                </a:lnTo>
                <a:lnTo>
                  <a:pt x="5665" y="4522"/>
                </a:lnTo>
                <a:lnTo>
                  <a:pt x="6048" y="4596"/>
                </a:lnTo>
                <a:lnTo>
                  <a:pt x="6355" y="4522"/>
                </a:lnTo>
                <a:lnTo>
                  <a:pt x="6508" y="4226"/>
                </a:lnTo>
                <a:lnTo>
                  <a:pt x="6584" y="4003"/>
                </a:lnTo>
                <a:lnTo>
                  <a:pt x="6508" y="3781"/>
                </a:lnTo>
                <a:lnTo>
                  <a:pt x="6737" y="3707"/>
                </a:lnTo>
                <a:lnTo>
                  <a:pt x="6584" y="3040"/>
                </a:lnTo>
                <a:lnTo>
                  <a:pt x="6584" y="2965"/>
                </a:lnTo>
                <a:lnTo>
                  <a:pt x="6508" y="2595"/>
                </a:lnTo>
                <a:lnTo>
                  <a:pt x="6431" y="2372"/>
                </a:lnTo>
                <a:lnTo>
                  <a:pt x="6508" y="2150"/>
                </a:lnTo>
                <a:lnTo>
                  <a:pt x="6737" y="1928"/>
                </a:lnTo>
                <a:lnTo>
                  <a:pt x="6661" y="1779"/>
                </a:lnTo>
                <a:lnTo>
                  <a:pt x="6508" y="148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1" name="d14207"/>
          <xdr:cNvSpPr>
            <a:spLocks/>
          </xdr:cNvSpPr>
        </xdr:nvSpPr>
        <xdr:spPr bwMode="auto">
          <a:xfrm>
            <a:off x="5686425" y="13449300"/>
            <a:ext cx="866775" cy="9620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0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0 w 16384"/>
              <a:gd name="T101" fmla="*/ 2147483646 h 16384"/>
              <a:gd name="T102" fmla="*/ 0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2147483646 w 16384"/>
              <a:gd name="T117" fmla="*/ 2147483646 h 16384"/>
              <a:gd name="T118" fmla="*/ 0 w 16384"/>
              <a:gd name="T119" fmla="*/ 2147483646 h 16384"/>
              <a:gd name="T120" fmla="*/ 2147483646 w 16384"/>
              <a:gd name="T121" fmla="*/ 2147483646 h 16384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w 16384"/>
              <a:gd name="T184" fmla="*/ 0 h 16384"/>
              <a:gd name="T185" fmla="*/ 16384 w 16384"/>
              <a:gd name="T186" fmla="*/ 16384 h 16384"/>
            </a:gdLst>
            <a:ahLst/>
            <a:cxnLst>
              <a:cxn ang="T122">
                <a:pos x="T0" y="T1"/>
              </a:cxn>
              <a:cxn ang="T123">
                <a:pos x="T2" y="T3"/>
              </a:cxn>
              <a:cxn ang="T124">
                <a:pos x="T4" y="T5"/>
              </a:cxn>
              <a:cxn ang="T125">
                <a:pos x="T6" y="T7"/>
              </a:cxn>
              <a:cxn ang="T126">
                <a:pos x="T8" y="T9"/>
              </a:cxn>
              <a:cxn ang="T127">
                <a:pos x="T10" y="T11"/>
              </a:cxn>
              <a:cxn ang="T128">
                <a:pos x="T12" y="T13"/>
              </a:cxn>
              <a:cxn ang="T129">
                <a:pos x="T14" y="T15"/>
              </a:cxn>
              <a:cxn ang="T130">
                <a:pos x="T16" y="T17"/>
              </a:cxn>
              <a:cxn ang="T131">
                <a:pos x="T18" y="T19"/>
              </a:cxn>
              <a:cxn ang="T132">
                <a:pos x="T20" y="T21"/>
              </a:cxn>
              <a:cxn ang="T133">
                <a:pos x="T22" y="T23"/>
              </a:cxn>
              <a:cxn ang="T134">
                <a:pos x="T24" y="T25"/>
              </a:cxn>
              <a:cxn ang="T135">
                <a:pos x="T26" y="T27"/>
              </a:cxn>
              <a:cxn ang="T136">
                <a:pos x="T28" y="T29"/>
              </a:cxn>
              <a:cxn ang="T137">
                <a:pos x="T30" y="T31"/>
              </a:cxn>
              <a:cxn ang="T138">
                <a:pos x="T32" y="T33"/>
              </a:cxn>
              <a:cxn ang="T139">
                <a:pos x="T34" y="T35"/>
              </a:cxn>
              <a:cxn ang="T140">
                <a:pos x="T36" y="T37"/>
              </a:cxn>
              <a:cxn ang="T141">
                <a:pos x="T38" y="T39"/>
              </a:cxn>
              <a:cxn ang="T142">
                <a:pos x="T40" y="T41"/>
              </a:cxn>
              <a:cxn ang="T143">
                <a:pos x="T42" y="T43"/>
              </a:cxn>
              <a:cxn ang="T144">
                <a:pos x="T44" y="T45"/>
              </a:cxn>
              <a:cxn ang="T145">
                <a:pos x="T46" y="T47"/>
              </a:cxn>
              <a:cxn ang="T146">
                <a:pos x="T48" y="T49"/>
              </a:cxn>
              <a:cxn ang="T147">
                <a:pos x="T50" y="T51"/>
              </a:cxn>
              <a:cxn ang="T148">
                <a:pos x="T52" y="T53"/>
              </a:cxn>
              <a:cxn ang="T149">
                <a:pos x="T54" y="T55"/>
              </a:cxn>
              <a:cxn ang="T150">
                <a:pos x="T56" y="T57"/>
              </a:cxn>
              <a:cxn ang="T151">
                <a:pos x="T58" y="T59"/>
              </a:cxn>
              <a:cxn ang="T152">
                <a:pos x="T60" y="T61"/>
              </a:cxn>
              <a:cxn ang="T153">
                <a:pos x="T62" y="T63"/>
              </a:cxn>
              <a:cxn ang="T154">
                <a:pos x="T64" y="T65"/>
              </a:cxn>
              <a:cxn ang="T155">
                <a:pos x="T66" y="T67"/>
              </a:cxn>
              <a:cxn ang="T156">
                <a:pos x="T68" y="T69"/>
              </a:cxn>
              <a:cxn ang="T157">
                <a:pos x="T70" y="T71"/>
              </a:cxn>
              <a:cxn ang="T158">
                <a:pos x="T72" y="T73"/>
              </a:cxn>
              <a:cxn ang="T159">
                <a:pos x="T74" y="T75"/>
              </a:cxn>
              <a:cxn ang="T160">
                <a:pos x="T76" y="T77"/>
              </a:cxn>
              <a:cxn ang="T161">
                <a:pos x="T78" y="T79"/>
              </a:cxn>
              <a:cxn ang="T162">
                <a:pos x="T80" y="T81"/>
              </a:cxn>
              <a:cxn ang="T163">
                <a:pos x="T82" y="T83"/>
              </a:cxn>
              <a:cxn ang="T164">
                <a:pos x="T84" y="T85"/>
              </a:cxn>
              <a:cxn ang="T165">
                <a:pos x="T86" y="T87"/>
              </a:cxn>
              <a:cxn ang="T166">
                <a:pos x="T88" y="T89"/>
              </a:cxn>
              <a:cxn ang="T167">
                <a:pos x="T90" y="T91"/>
              </a:cxn>
              <a:cxn ang="T168">
                <a:pos x="T92" y="T93"/>
              </a:cxn>
              <a:cxn ang="T169">
                <a:pos x="T94" y="T95"/>
              </a:cxn>
              <a:cxn ang="T170">
                <a:pos x="T96" y="T97"/>
              </a:cxn>
              <a:cxn ang="T171">
                <a:pos x="T98" y="T99"/>
              </a:cxn>
              <a:cxn ang="T172">
                <a:pos x="T100" y="T101"/>
              </a:cxn>
              <a:cxn ang="T173">
                <a:pos x="T102" y="T103"/>
              </a:cxn>
              <a:cxn ang="T174">
                <a:pos x="T104" y="T105"/>
              </a:cxn>
              <a:cxn ang="T175">
                <a:pos x="T106" y="T107"/>
              </a:cxn>
              <a:cxn ang="T176">
                <a:pos x="T108" y="T109"/>
              </a:cxn>
              <a:cxn ang="T177">
                <a:pos x="T110" y="T111"/>
              </a:cxn>
              <a:cxn ang="T178">
                <a:pos x="T112" y="T113"/>
              </a:cxn>
              <a:cxn ang="T179">
                <a:pos x="T114" y="T115"/>
              </a:cxn>
              <a:cxn ang="T180">
                <a:pos x="T116" y="T117"/>
              </a:cxn>
              <a:cxn ang="T181">
                <a:pos x="T118" y="T119"/>
              </a:cxn>
              <a:cxn ang="T182">
                <a:pos x="T120" y="T121"/>
              </a:cxn>
            </a:cxnLst>
            <a:rect l="T183" t="T184" r="T185" b="T186"/>
            <a:pathLst>
              <a:path w="16384" h="16384">
                <a:moveTo>
                  <a:pt x="180" y="8273"/>
                </a:moveTo>
                <a:lnTo>
                  <a:pt x="1260" y="8111"/>
                </a:lnTo>
                <a:lnTo>
                  <a:pt x="3061" y="7949"/>
                </a:lnTo>
                <a:lnTo>
                  <a:pt x="5401" y="7786"/>
                </a:lnTo>
                <a:lnTo>
                  <a:pt x="5941" y="6813"/>
                </a:lnTo>
                <a:lnTo>
                  <a:pt x="5941" y="6164"/>
                </a:lnTo>
                <a:lnTo>
                  <a:pt x="5401" y="5515"/>
                </a:lnTo>
                <a:lnTo>
                  <a:pt x="5401" y="4867"/>
                </a:lnTo>
                <a:lnTo>
                  <a:pt x="6482" y="4218"/>
                </a:lnTo>
                <a:lnTo>
                  <a:pt x="7022" y="3569"/>
                </a:lnTo>
                <a:lnTo>
                  <a:pt x="7562" y="2595"/>
                </a:lnTo>
                <a:lnTo>
                  <a:pt x="7742" y="1622"/>
                </a:lnTo>
                <a:lnTo>
                  <a:pt x="10443" y="0"/>
                </a:lnTo>
                <a:lnTo>
                  <a:pt x="11703" y="487"/>
                </a:lnTo>
                <a:lnTo>
                  <a:pt x="13323" y="162"/>
                </a:lnTo>
                <a:lnTo>
                  <a:pt x="13863" y="1298"/>
                </a:lnTo>
                <a:lnTo>
                  <a:pt x="13323" y="2109"/>
                </a:lnTo>
                <a:lnTo>
                  <a:pt x="13323" y="2758"/>
                </a:lnTo>
                <a:lnTo>
                  <a:pt x="12603" y="3082"/>
                </a:lnTo>
                <a:lnTo>
                  <a:pt x="13323" y="3407"/>
                </a:lnTo>
                <a:lnTo>
                  <a:pt x="13863" y="2758"/>
                </a:lnTo>
                <a:lnTo>
                  <a:pt x="14223" y="2920"/>
                </a:lnTo>
                <a:lnTo>
                  <a:pt x="14043" y="3893"/>
                </a:lnTo>
                <a:lnTo>
                  <a:pt x="15484" y="3893"/>
                </a:lnTo>
                <a:lnTo>
                  <a:pt x="15304" y="4867"/>
                </a:lnTo>
                <a:lnTo>
                  <a:pt x="14764" y="5029"/>
                </a:lnTo>
                <a:lnTo>
                  <a:pt x="14584" y="5840"/>
                </a:lnTo>
                <a:lnTo>
                  <a:pt x="14764" y="7138"/>
                </a:lnTo>
                <a:lnTo>
                  <a:pt x="15484" y="7786"/>
                </a:lnTo>
                <a:lnTo>
                  <a:pt x="15844" y="8760"/>
                </a:lnTo>
                <a:lnTo>
                  <a:pt x="15844" y="9409"/>
                </a:lnTo>
                <a:lnTo>
                  <a:pt x="16384" y="10058"/>
                </a:lnTo>
                <a:lnTo>
                  <a:pt x="16204" y="11193"/>
                </a:lnTo>
                <a:lnTo>
                  <a:pt x="15844" y="12329"/>
                </a:lnTo>
                <a:lnTo>
                  <a:pt x="15484" y="13302"/>
                </a:lnTo>
                <a:lnTo>
                  <a:pt x="15124" y="14437"/>
                </a:lnTo>
                <a:lnTo>
                  <a:pt x="14944" y="15411"/>
                </a:lnTo>
                <a:lnTo>
                  <a:pt x="14043" y="15411"/>
                </a:lnTo>
                <a:lnTo>
                  <a:pt x="12603" y="15248"/>
                </a:lnTo>
                <a:lnTo>
                  <a:pt x="11523" y="15735"/>
                </a:lnTo>
                <a:lnTo>
                  <a:pt x="10263" y="15897"/>
                </a:lnTo>
                <a:lnTo>
                  <a:pt x="8822" y="15735"/>
                </a:lnTo>
                <a:lnTo>
                  <a:pt x="7382" y="15573"/>
                </a:lnTo>
                <a:lnTo>
                  <a:pt x="6121" y="16060"/>
                </a:lnTo>
                <a:lnTo>
                  <a:pt x="5221" y="16060"/>
                </a:lnTo>
                <a:lnTo>
                  <a:pt x="3781" y="16060"/>
                </a:lnTo>
                <a:lnTo>
                  <a:pt x="2341" y="16222"/>
                </a:lnTo>
                <a:lnTo>
                  <a:pt x="1260" y="16384"/>
                </a:lnTo>
                <a:lnTo>
                  <a:pt x="1260" y="15411"/>
                </a:lnTo>
                <a:lnTo>
                  <a:pt x="720" y="14762"/>
                </a:lnTo>
                <a:lnTo>
                  <a:pt x="0" y="14275"/>
                </a:lnTo>
                <a:lnTo>
                  <a:pt x="0" y="13302"/>
                </a:lnTo>
                <a:lnTo>
                  <a:pt x="360" y="12491"/>
                </a:lnTo>
                <a:lnTo>
                  <a:pt x="540" y="11680"/>
                </a:lnTo>
                <a:lnTo>
                  <a:pt x="1260" y="11193"/>
                </a:lnTo>
                <a:lnTo>
                  <a:pt x="1260" y="10544"/>
                </a:lnTo>
                <a:lnTo>
                  <a:pt x="720" y="10220"/>
                </a:lnTo>
                <a:lnTo>
                  <a:pt x="540" y="10382"/>
                </a:lnTo>
                <a:lnTo>
                  <a:pt x="180" y="10220"/>
                </a:lnTo>
                <a:lnTo>
                  <a:pt x="0" y="9571"/>
                </a:lnTo>
                <a:lnTo>
                  <a:pt x="180" y="82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2" name="d14208"/>
          <xdr:cNvSpPr>
            <a:spLocks/>
          </xdr:cNvSpPr>
        </xdr:nvSpPr>
        <xdr:spPr bwMode="auto">
          <a:xfrm>
            <a:off x="7762875" y="14335125"/>
            <a:ext cx="847725" cy="6191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0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0 h 16384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w 16384"/>
              <a:gd name="T100" fmla="*/ 0 h 16384"/>
              <a:gd name="T101" fmla="*/ 16384 w 16384"/>
              <a:gd name="T102" fmla="*/ 16384 h 16384"/>
            </a:gdLst>
            <a:ahLst/>
            <a:cxnLst>
              <a:cxn ang="T66">
                <a:pos x="T0" y="T1"/>
              </a:cxn>
              <a:cxn ang="T67">
                <a:pos x="T2" y="T3"/>
              </a:cxn>
              <a:cxn ang="T68">
                <a:pos x="T4" y="T5"/>
              </a:cxn>
              <a:cxn ang="T69">
                <a:pos x="T6" y="T7"/>
              </a:cxn>
              <a:cxn ang="T70">
                <a:pos x="T8" y="T9"/>
              </a:cxn>
              <a:cxn ang="T71">
                <a:pos x="T10" y="T11"/>
              </a:cxn>
              <a:cxn ang="T72">
                <a:pos x="T12" y="T13"/>
              </a:cxn>
              <a:cxn ang="T73">
                <a:pos x="T14" y="T15"/>
              </a:cxn>
              <a:cxn ang="T74">
                <a:pos x="T16" y="T17"/>
              </a:cxn>
              <a:cxn ang="T75">
                <a:pos x="T18" y="T19"/>
              </a:cxn>
              <a:cxn ang="T76">
                <a:pos x="T20" y="T21"/>
              </a:cxn>
              <a:cxn ang="T77">
                <a:pos x="T22" y="T23"/>
              </a:cxn>
              <a:cxn ang="T78">
                <a:pos x="T24" y="T25"/>
              </a:cxn>
              <a:cxn ang="T79">
                <a:pos x="T26" y="T27"/>
              </a:cxn>
              <a:cxn ang="T80">
                <a:pos x="T28" y="T29"/>
              </a:cxn>
              <a:cxn ang="T81">
                <a:pos x="T30" y="T31"/>
              </a:cxn>
              <a:cxn ang="T82">
                <a:pos x="T32" y="T33"/>
              </a:cxn>
              <a:cxn ang="T83">
                <a:pos x="T34" y="T35"/>
              </a:cxn>
              <a:cxn ang="T84">
                <a:pos x="T36" y="T37"/>
              </a:cxn>
              <a:cxn ang="T85">
                <a:pos x="T38" y="T39"/>
              </a:cxn>
              <a:cxn ang="T86">
                <a:pos x="T40" y="T41"/>
              </a:cxn>
              <a:cxn ang="T87">
                <a:pos x="T42" y="T43"/>
              </a:cxn>
              <a:cxn ang="T88">
                <a:pos x="T44" y="T45"/>
              </a:cxn>
              <a:cxn ang="T89">
                <a:pos x="T46" y="T47"/>
              </a:cxn>
              <a:cxn ang="T90">
                <a:pos x="T48" y="T49"/>
              </a:cxn>
              <a:cxn ang="T91">
                <a:pos x="T50" y="T51"/>
              </a:cxn>
              <a:cxn ang="T92">
                <a:pos x="T52" y="T53"/>
              </a:cxn>
              <a:cxn ang="T93">
                <a:pos x="T54" y="T55"/>
              </a:cxn>
              <a:cxn ang="T94">
                <a:pos x="T56" y="T57"/>
              </a:cxn>
              <a:cxn ang="T95">
                <a:pos x="T58" y="T59"/>
              </a:cxn>
              <a:cxn ang="T96">
                <a:pos x="T60" y="T61"/>
              </a:cxn>
              <a:cxn ang="T97">
                <a:pos x="T62" y="T63"/>
              </a:cxn>
              <a:cxn ang="T98">
                <a:pos x="T64" y="T65"/>
              </a:cxn>
            </a:cxnLst>
            <a:rect l="T99" t="T100" r="T101" b="T102"/>
            <a:pathLst>
              <a:path w="16384" h="16384">
                <a:moveTo>
                  <a:pt x="9389" y="252"/>
                </a:moveTo>
                <a:lnTo>
                  <a:pt x="9757" y="1008"/>
                </a:lnTo>
                <a:lnTo>
                  <a:pt x="10861" y="2016"/>
                </a:lnTo>
                <a:lnTo>
                  <a:pt x="11782" y="2016"/>
                </a:lnTo>
                <a:lnTo>
                  <a:pt x="12150" y="2521"/>
                </a:lnTo>
                <a:lnTo>
                  <a:pt x="12886" y="3025"/>
                </a:lnTo>
                <a:lnTo>
                  <a:pt x="13439" y="3781"/>
                </a:lnTo>
                <a:lnTo>
                  <a:pt x="13807" y="4537"/>
                </a:lnTo>
                <a:lnTo>
                  <a:pt x="13807" y="6049"/>
                </a:lnTo>
                <a:lnTo>
                  <a:pt x="14911" y="6806"/>
                </a:lnTo>
                <a:lnTo>
                  <a:pt x="14911" y="8318"/>
                </a:lnTo>
                <a:lnTo>
                  <a:pt x="15648" y="9578"/>
                </a:lnTo>
                <a:lnTo>
                  <a:pt x="16016" y="11343"/>
                </a:lnTo>
                <a:lnTo>
                  <a:pt x="16200" y="12351"/>
                </a:lnTo>
                <a:lnTo>
                  <a:pt x="15464" y="13611"/>
                </a:lnTo>
                <a:lnTo>
                  <a:pt x="15648" y="14368"/>
                </a:lnTo>
                <a:lnTo>
                  <a:pt x="16200" y="15376"/>
                </a:lnTo>
                <a:lnTo>
                  <a:pt x="16384" y="15628"/>
                </a:lnTo>
                <a:lnTo>
                  <a:pt x="15832" y="16384"/>
                </a:lnTo>
                <a:lnTo>
                  <a:pt x="14911" y="16384"/>
                </a:lnTo>
                <a:lnTo>
                  <a:pt x="14175" y="15880"/>
                </a:lnTo>
                <a:lnTo>
                  <a:pt x="13623" y="15628"/>
                </a:lnTo>
                <a:lnTo>
                  <a:pt x="12702" y="15880"/>
                </a:lnTo>
                <a:lnTo>
                  <a:pt x="11782" y="16132"/>
                </a:lnTo>
                <a:lnTo>
                  <a:pt x="11229" y="15880"/>
                </a:lnTo>
                <a:lnTo>
                  <a:pt x="10493" y="15880"/>
                </a:lnTo>
                <a:lnTo>
                  <a:pt x="9941" y="14872"/>
                </a:lnTo>
                <a:lnTo>
                  <a:pt x="10125" y="14368"/>
                </a:lnTo>
                <a:lnTo>
                  <a:pt x="10677" y="14368"/>
                </a:lnTo>
                <a:lnTo>
                  <a:pt x="11598" y="13863"/>
                </a:lnTo>
                <a:lnTo>
                  <a:pt x="12150" y="13863"/>
                </a:lnTo>
                <a:lnTo>
                  <a:pt x="13070" y="12855"/>
                </a:lnTo>
                <a:lnTo>
                  <a:pt x="13439" y="11847"/>
                </a:lnTo>
                <a:lnTo>
                  <a:pt x="12886" y="11091"/>
                </a:lnTo>
                <a:lnTo>
                  <a:pt x="11966" y="11343"/>
                </a:lnTo>
                <a:lnTo>
                  <a:pt x="11782" y="10839"/>
                </a:lnTo>
                <a:lnTo>
                  <a:pt x="10309" y="10839"/>
                </a:lnTo>
                <a:lnTo>
                  <a:pt x="9941" y="10587"/>
                </a:lnTo>
                <a:lnTo>
                  <a:pt x="9020" y="10839"/>
                </a:lnTo>
                <a:lnTo>
                  <a:pt x="8468" y="10587"/>
                </a:lnTo>
                <a:lnTo>
                  <a:pt x="7916" y="11847"/>
                </a:lnTo>
                <a:lnTo>
                  <a:pt x="7180" y="12351"/>
                </a:lnTo>
                <a:lnTo>
                  <a:pt x="6443" y="12351"/>
                </a:lnTo>
                <a:lnTo>
                  <a:pt x="5891" y="13359"/>
                </a:lnTo>
                <a:lnTo>
                  <a:pt x="5155" y="13863"/>
                </a:lnTo>
                <a:lnTo>
                  <a:pt x="4418" y="12603"/>
                </a:lnTo>
                <a:lnTo>
                  <a:pt x="4786" y="12099"/>
                </a:lnTo>
                <a:lnTo>
                  <a:pt x="4418" y="10839"/>
                </a:lnTo>
                <a:lnTo>
                  <a:pt x="3682" y="9830"/>
                </a:lnTo>
                <a:lnTo>
                  <a:pt x="2761" y="10335"/>
                </a:lnTo>
                <a:lnTo>
                  <a:pt x="1841" y="10082"/>
                </a:lnTo>
                <a:lnTo>
                  <a:pt x="1289" y="10335"/>
                </a:lnTo>
                <a:lnTo>
                  <a:pt x="1105" y="8822"/>
                </a:lnTo>
                <a:lnTo>
                  <a:pt x="368" y="9074"/>
                </a:lnTo>
                <a:lnTo>
                  <a:pt x="0" y="8570"/>
                </a:lnTo>
                <a:lnTo>
                  <a:pt x="184" y="7814"/>
                </a:lnTo>
                <a:lnTo>
                  <a:pt x="368" y="7310"/>
                </a:lnTo>
                <a:lnTo>
                  <a:pt x="0" y="6554"/>
                </a:lnTo>
                <a:lnTo>
                  <a:pt x="1105" y="5797"/>
                </a:lnTo>
                <a:lnTo>
                  <a:pt x="2577" y="4537"/>
                </a:lnTo>
                <a:lnTo>
                  <a:pt x="3314" y="4537"/>
                </a:lnTo>
                <a:lnTo>
                  <a:pt x="4602" y="2773"/>
                </a:lnTo>
                <a:lnTo>
                  <a:pt x="5339" y="2773"/>
                </a:lnTo>
                <a:lnTo>
                  <a:pt x="7180" y="1512"/>
                </a:lnTo>
                <a:lnTo>
                  <a:pt x="7548" y="1260"/>
                </a:lnTo>
                <a:lnTo>
                  <a:pt x="8468" y="0"/>
                </a:lnTo>
                <a:lnTo>
                  <a:pt x="9389" y="252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3" name="d14210"/>
          <xdr:cNvSpPr>
            <a:spLocks/>
          </xdr:cNvSpPr>
        </xdr:nvSpPr>
        <xdr:spPr bwMode="auto">
          <a:xfrm>
            <a:off x="8410575" y="15859125"/>
            <a:ext cx="828675" cy="10001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0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0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w 16384"/>
              <a:gd name="T133" fmla="*/ 0 h 16384"/>
              <a:gd name="T134" fmla="*/ 16384 w 16384"/>
              <a:gd name="T135" fmla="*/ 16384 h 16384"/>
            </a:gdLst>
            <a:ahLst/>
            <a:cxnLst>
              <a:cxn ang="T88">
                <a:pos x="T0" y="T1"/>
              </a:cxn>
              <a:cxn ang="T89">
                <a:pos x="T2" y="T3"/>
              </a:cxn>
              <a:cxn ang="T90">
                <a:pos x="T4" y="T5"/>
              </a:cxn>
              <a:cxn ang="T91">
                <a:pos x="T6" y="T7"/>
              </a:cxn>
              <a:cxn ang="T92">
                <a:pos x="T8" y="T9"/>
              </a:cxn>
              <a:cxn ang="T93">
                <a:pos x="T10" y="T11"/>
              </a:cxn>
              <a:cxn ang="T94">
                <a:pos x="T12" y="T13"/>
              </a:cxn>
              <a:cxn ang="T95">
                <a:pos x="T14" y="T15"/>
              </a:cxn>
              <a:cxn ang="T96">
                <a:pos x="T16" y="T17"/>
              </a:cxn>
              <a:cxn ang="T97">
                <a:pos x="T18" y="T19"/>
              </a:cxn>
              <a:cxn ang="T98">
                <a:pos x="T20" y="T21"/>
              </a:cxn>
              <a:cxn ang="T99">
                <a:pos x="T22" y="T23"/>
              </a:cxn>
              <a:cxn ang="T100">
                <a:pos x="T24" y="T25"/>
              </a:cxn>
              <a:cxn ang="T101">
                <a:pos x="T26" y="T27"/>
              </a:cxn>
              <a:cxn ang="T102">
                <a:pos x="T28" y="T29"/>
              </a:cxn>
              <a:cxn ang="T103">
                <a:pos x="T30" y="T31"/>
              </a:cxn>
              <a:cxn ang="T104">
                <a:pos x="T32" y="T33"/>
              </a:cxn>
              <a:cxn ang="T105">
                <a:pos x="T34" y="T35"/>
              </a:cxn>
              <a:cxn ang="T106">
                <a:pos x="T36" y="T37"/>
              </a:cxn>
              <a:cxn ang="T107">
                <a:pos x="T38" y="T39"/>
              </a:cxn>
              <a:cxn ang="T108">
                <a:pos x="T40" y="T41"/>
              </a:cxn>
              <a:cxn ang="T109">
                <a:pos x="T42" y="T43"/>
              </a:cxn>
              <a:cxn ang="T110">
                <a:pos x="T44" y="T45"/>
              </a:cxn>
              <a:cxn ang="T111">
                <a:pos x="T46" y="T47"/>
              </a:cxn>
              <a:cxn ang="T112">
                <a:pos x="T48" y="T49"/>
              </a:cxn>
              <a:cxn ang="T113">
                <a:pos x="T50" y="T51"/>
              </a:cxn>
              <a:cxn ang="T114">
                <a:pos x="T52" y="T53"/>
              </a:cxn>
              <a:cxn ang="T115">
                <a:pos x="T54" y="T55"/>
              </a:cxn>
              <a:cxn ang="T116">
                <a:pos x="T56" y="T57"/>
              </a:cxn>
              <a:cxn ang="T117">
                <a:pos x="T58" y="T59"/>
              </a:cxn>
              <a:cxn ang="T118">
                <a:pos x="T60" y="T61"/>
              </a:cxn>
              <a:cxn ang="T119">
                <a:pos x="T62" y="T63"/>
              </a:cxn>
              <a:cxn ang="T120">
                <a:pos x="T64" y="T65"/>
              </a:cxn>
              <a:cxn ang="T121">
                <a:pos x="T66" y="T67"/>
              </a:cxn>
              <a:cxn ang="T122">
                <a:pos x="T68" y="T69"/>
              </a:cxn>
              <a:cxn ang="T123">
                <a:pos x="T70" y="T71"/>
              </a:cxn>
              <a:cxn ang="T124">
                <a:pos x="T72" y="T73"/>
              </a:cxn>
              <a:cxn ang="T125">
                <a:pos x="T74" y="T75"/>
              </a:cxn>
              <a:cxn ang="T126">
                <a:pos x="T76" y="T77"/>
              </a:cxn>
              <a:cxn ang="T127">
                <a:pos x="T78" y="T79"/>
              </a:cxn>
              <a:cxn ang="T128">
                <a:pos x="T80" y="T81"/>
              </a:cxn>
              <a:cxn ang="T129">
                <a:pos x="T82" y="T83"/>
              </a:cxn>
              <a:cxn ang="T130">
                <a:pos x="T84" y="T85"/>
              </a:cxn>
              <a:cxn ang="T131">
                <a:pos x="T86" y="T87"/>
              </a:cxn>
            </a:cxnLst>
            <a:rect l="T132" t="T133" r="T134" b="T135"/>
            <a:pathLst>
              <a:path w="16384" h="16384">
                <a:moveTo>
                  <a:pt x="1695" y="4525"/>
                </a:moveTo>
                <a:lnTo>
                  <a:pt x="3390" y="2497"/>
                </a:lnTo>
                <a:lnTo>
                  <a:pt x="4896" y="2341"/>
                </a:lnTo>
                <a:lnTo>
                  <a:pt x="6026" y="780"/>
                </a:lnTo>
                <a:lnTo>
                  <a:pt x="6403" y="780"/>
                </a:lnTo>
                <a:lnTo>
                  <a:pt x="6968" y="1092"/>
                </a:lnTo>
                <a:lnTo>
                  <a:pt x="7721" y="624"/>
                </a:lnTo>
                <a:lnTo>
                  <a:pt x="9039" y="780"/>
                </a:lnTo>
                <a:lnTo>
                  <a:pt x="9793" y="624"/>
                </a:lnTo>
                <a:lnTo>
                  <a:pt x="10546" y="0"/>
                </a:lnTo>
                <a:lnTo>
                  <a:pt x="10923" y="156"/>
                </a:lnTo>
                <a:lnTo>
                  <a:pt x="10923" y="1248"/>
                </a:lnTo>
                <a:lnTo>
                  <a:pt x="11864" y="1872"/>
                </a:lnTo>
                <a:lnTo>
                  <a:pt x="12053" y="2965"/>
                </a:lnTo>
                <a:lnTo>
                  <a:pt x="12994" y="3589"/>
                </a:lnTo>
                <a:lnTo>
                  <a:pt x="12241" y="4213"/>
                </a:lnTo>
                <a:lnTo>
                  <a:pt x="11488" y="4837"/>
                </a:lnTo>
                <a:lnTo>
                  <a:pt x="11111" y="5617"/>
                </a:lnTo>
                <a:lnTo>
                  <a:pt x="10734" y="6866"/>
                </a:lnTo>
                <a:lnTo>
                  <a:pt x="10734" y="7958"/>
                </a:lnTo>
                <a:lnTo>
                  <a:pt x="11676" y="8582"/>
                </a:lnTo>
                <a:lnTo>
                  <a:pt x="11864" y="8894"/>
                </a:lnTo>
                <a:lnTo>
                  <a:pt x="12053" y="10299"/>
                </a:lnTo>
                <a:lnTo>
                  <a:pt x="12241" y="11079"/>
                </a:lnTo>
                <a:lnTo>
                  <a:pt x="13183" y="11547"/>
                </a:lnTo>
                <a:lnTo>
                  <a:pt x="14501" y="11703"/>
                </a:lnTo>
                <a:lnTo>
                  <a:pt x="15254" y="11859"/>
                </a:lnTo>
                <a:lnTo>
                  <a:pt x="16007" y="12015"/>
                </a:lnTo>
                <a:lnTo>
                  <a:pt x="16196" y="12639"/>
                </a:lnTo>
                <a:lnTo>
                  <a:pt x="16384" y="13575"/>
                </a:lnTo>
                <a:lnTo>
                  <a:pt x="16196" y="14512"/>
                </a:lnTo>
                <a:lnTo>
                  <a:pt x="15442" y="14824"/>
                </a:lnTo>
                <a:lnTo>
                  <a:pt x="15819" y="15448"/>
                </a:lnTo>
                <a:lnTo>
                  <a:pt x="15631" y="16072"/>
                </a:lnTo>
                <a:lnTo>
                  <a:pt x="14877" y="15448"/>
                </a:lnTo>
                <a:lnTo>
                  <a:pt x="14501" y="15916"/>
                </a:lnTo>
                <a:lnTo>
                  <a:pt x="13936" y="15916"/>
                </a:lnTo>
                <a:lnTo>
                  <a:pt x="13936" y="15292"/>
                </a:lnTo>
                <a:lnTo>
                  <a:pt x="13371" y="14512"/>
                </a:lnTo>
                <a:lnTo>
                  <a:pt x="12241" y="14980"/>
                </a:lnTo>
                <a:lnTo>
                  <a:pt x="13183" y="15136"/>
                </a:lnTo>
                <a:lnTo>
                  <a:pt x="12994" y="15604"/>
                </a:lnTo>
                <a:lnTo>
                  <a:pt x="12241" y="15760"/>
                </a:lnTo>
                <a:lnTo>
                  <a:pt x="11676" y="15916"/>
                </a:lnTo>
                <a:lnTo>
                  <a:pt x="10923" y="16228"/>
                </a:lnTo>
                <a:lnTo>
                  <a:pt x="9604" y="15292"/>
                </a:lnTo>
                <a:lnTo>
                  <a:pt x="9416" y="15916"/>
                </a:lnTo>
                <a:lnTo>
                  <a:pt x="7345" y="16072"/>
                </a:lnTo>
                <a:lnTo>
                  <a:pt x="7345" y="15760"/>
                </a:lnTo>
                <a:lnTo>
                  <a:pt x="6591" y="15760"/>
                </a:lnTo>
                <a:lnTo>
                  <a:pt x="5461" y="15916"/>
                </a:lnTo>
                <a:lnTo>
                  <a:pt x="5085" y="16384"/>
                </a:lnTo>
                <a:lnTo>
                  <a:pt x="3013" y="16072"/>
                </a:lnTo>
                <a:lnTo>
                  <a:pt x="1883" y="16072"/>
                </a:lnTo>
                <a:lnTo>
                  <a:pt x="1507" y="15760"/>
                </a:lnTo>
                <a:lnTo>
                  <a:pt x="565" y="15136"/>
                </a:lnTo>
                <a:lnTo>
                  <a:pt x="1318" y="14512"/>
                </a:lnTo>
                <a:lnTo>
                  <a:pt x="1507" y="13731"/>
                </a:lnTo>
                <a:lnTo>
                  <a:pt x="377" y="12951"/>
                </a:lnTo>
                <a:lnTo>
                  <a:pt x="0" y="12483"/>
                </a:lnTo>
                <a:lnTo>
                  <a:pt x="753" y="12171"/>
                </a:lnTo>
                <a:lnTo>
                  <a:pt x="2072" y="12483"/>
                </a:lnTo>
                <a:lnTo>
                  <a:pt x="2260" y="12327"/>
                </a:lnTo>
                <a:lnTo>
                  <a:pt x="1695" y="11859"/>
                </a:lnTo>
                <a:lnTo>
                  <a:pt x="2637" y="11391"/>
                </a:lnTo>
                <a:lnTo>
                  <a:pt x="1883" y="11235"/>
                </a:lnTo>
                <a:lnTo>
                  <a:pt x="1318" y="11547"/>
                </a:lnTo>
                <a:lnTo>
                  <a:pt x="753" y="11235"/>
                </a:lnTo>
                <a:lnTo>
                  <a:pt x="753" y="10455"/>
                </a:lnTo>
                <a:lnTo>
                  <a:pt x="1883" y="10923"/>
                </a:lnTo>
                <a:lnTo>
                  <a:pt x="2637" y="10767"/>
                </a:lnTo>
                <a:lnTo>
                  <a:pt x="3390" y="10611"/>
                </a:lnTo>
                <a:lnTo>
                  <a:pt x="4520" y="10767"/>
                </a:lnTo>
                <a:lnTo>
                  <a:pt x="4708" y="10299"/>
                </a:lnTo>
                <a:lnTo>
                  <a:pt x="3955" y="10299"/>
                </a:lnTo>
                <a:lnTo>
                  <a:pt x="3013" y="9986"/>
                </a:lnTo>
                <a:lnTo>
                  <a:pt x="2260" y="9674"/>
                </a:lnTo>
                <a:lnTo>
                  <a:pt x="2072" y="9362"/>
                </a:lnTo>
                <a:lnTo>
                  <a:pt x="2260" y="8738"/>
                </a:lnTo>
                <a:lnTo>
                  <a:pt x="2448" y="8114"/>
                </a:lnTo>
                <a:lnTo>
                  <a:pt x="2448" y="7490"/>
                </a:lnTo>
                <a:lnTo>
                  <a:pt x="2072" y="6710"/>
                </a:lnTo>
                <a:lnTo>
                  <a:pt x="1507" y="6085"/>
                </a:lnTo>
                <a:lnTo>
                  <a:pt x="2072" y="5929"/>
                </a:lnTo>
                <a:lnTo>
                  <a:pt x="2637" y="5617"/>
                </a:lnTo>
                <a:lnTo>
                  <a:pt x="2260" y="5305"/>
                </a:lnTo>
                <a:lnTo>
                  <a:pt x="1883" y="4993"/>
                </a:lnTo>
                <a:lnTo>
                  <a:pt x="1695" y="4525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4" name="d14211"/>
          <xdr:cNvSpPr>
            <a:spLocks/>
          </xdr:cNvSpPr>
        </xdr:nvSpPr>
        <xdr:spPr bwMode="auto">
          <a:xfrm>
            <a:off x="3095625" y="12382500"/>
            <a:ext cx="1714500" cy="159067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0 w 16384"/>
              <a:gd name="T59" fmla="*/ 2147483646 h 16384"/>
              <a:gd name="T60" fmla="*/ 0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w 16384"/>
              <a:gd name="T166" fmla="*/ 0 h 16384"/>
              <a:gd name="T167" fmla="*/ 16384 w 16384"/>
              <a:gd name="T168" fmla="*/ 16384 h 16384"/>
            </a:gdLst>
            <a:ahLst/>
            <a:cxnLst>
              <a:cxn ang="T110">
                <a:pos x="T0" y="T1"/>
              </a:cxn>
              <a:cxn ang="T111">
                <a:pos x="T2" y="T3"/>
              </a:cxn>
              <a:cxn ang="T112">
                <a:pos x="T4" y="T5"/>
              </a:cxn>
              <a:cxn ang="T113">
                <a:pos x="T6" y="T7"/>
              </a:cxn>
              <a:cxn ang="T114">
                <a:pos x="T8" y="T9"/>
              </a:cxn>
              <a:cxn ang="T115">
                <a:pos x="T10" y="T11"/>
              </a:cxn>
              <a:cxn ang="T116">
                <a:pos x="T12" y="T13"/>
              </a:cxn>
              <a:cxn ang="T117">
                <a:pos x="T14" y="T15"/>
              </a:cxn>
              <a:cxn ang="T118">
                <a:pos x="T16" y="T17"/>
              </a:cxn>
              <a:cxn ang="T119">
                <a:pos x="T18" y="T19"/>
              </a:cxn>
              <a:cxn ang="T120">
                <a:pos x="T20" y="T21"/>
              </a:cxn>
              <a:cxn ang="T121">
                <a:pos x="T22" y="T23"/>
              </a:cxn>
              <a:cxn ang="T122">
                <a:pos x="T24" y="T25"/>
              </a:cxn>
              <a:cxn ang="T123">
                <a:pos x="T26" y="T27"/>
              </a:cxn>
              <a:cxn ang="T124">
                <a:pos x="T28" y="T29"/>
              </a:cxn>
              <a:cxn ang="T125">
                <a:pos x="T30" y="T31"/>
              </a:cxn>
              <a:cxn ang="T126">
                <a:pos x="T32" y="T33"/>
              </a:cxn>
              <a:cxn ang="T127">
                <a:pos x="T34" y="T35"/>
              </a:cxn>
              <a:cxn ang="T128">
                <a:pos x="T36" y="T37"/>
              </a:cxn>
              <a:cxn ang="T129">
                <a:pos x="T38" y="T39"/>
              </a:cxn>
              <a:cxn ang="T130">
                <a:pos x="T40" y="T41"/>
              </a:cxn>
              <a:cxn ang="T131">
                <a:pos x="T42" y="T43"/>
              </a:cxn>
              <a:cxn ang="T132">
                <a:pos x="T44" y="T45"/>
              </a:cxn>
              <a:cxn ang="T133">
                <a:pos x="T46" y="T47"/>
              </a:cxn>
              <a:cxn ang="T134">
                <a:pos x="T48" y="T49"/>
              </a:cxn>
              <a:cxn ang="T135">
                <a:pos x="T50" y="T51"/>
              </a:cxn>
              <a:cxn ang="T136">
                <a:pos x="T52" y="T53"/>
              </a:cxn>
              <a:cxn ang="T137">
                <a:pos x="T54" y="T55"/>
              </a:cxn>
              <a:cxn ang="T138">
                <a:pos x="T56" y="T57"/>
              </a:cxn>
              <a:cxn ang="T139">
                <a:pos x="T58" y="T59"/>
              </a:cxn>
              <a:cxn ang="T140">
                <a:pos x="T60" y="T61"/>
              </a:cxn>
              <a:cxn ang="T141">
                <a:pos x="T62" y="T63"/>
              </a:cxn>
              <a:cxn ang="T142">
                <a:pos x="T64" y="T65"/>
              </a:cxn>
              <a:cxn ang="T143">
                <a:pos x="T66" y="T67"/>
              </a:cxn>
              <a:cxn ang="T144">
                <a:pos x="T68" y="T69"/>
              </a:cxn>
              <a:cxn ang="T145">
                <a:pos x="T70" y="T71"/>
              </a:cxn>
              <a:cxn ang="T146">
                <a:pos x="T72" y="T73"/>
              </a:cxn>
              <a:cxn ang="T147">
                <a:pos x="T74" y="T75"/>
              </a:cxn>
              <a:cxn ang="T148">
                <a:pos x="T76" y="T77"/>
              </a:cxn>
              <a:cxn ang="T149">
                <a:pos x="T78" y="T79"/>
              </a:cxn>
              <a:cxn ang="T150">
                <a:pos x="T80" y="T81"/>
              </a:cxn>
              <a:cxn ang="T151">
                <a:pos x="T82" y="T83"/>
              </a:cxn>
              <a:cxn ang="T152">
                <a:pos x="T84" y="T85"/>
              </a:cxn>
              <a:cxn ang="T153">
                <a:pos x="T86" y="T87"/>
              </a:cxn>
              <a:cxn ang="T154">
                <a:pos x="T88" y="T89"/>
              </a:cxn>
              <a:cxn ang="T155">
                <a:pos x="T90" y="T91"/>
              </a:cxn>
              <a:cxn ang="T156">
                <a:pos x="T92" y="T93"/>
              </a:cxn>
              <a:cxn ang="T157">
                <a:pos x="T94" y="T95"/>
              </a:cxn>
              <a:cxn ang="T158">
                <a:pos x="T96" y="T97"/>
              </a:cxn>
              <a:cxn ang="T159">
                <a:pos x="T98" y="T99"/>
              </a:cxn>
              <a:cxn ang="T160">
                <a:pos x="T100" y="T101"/>
              </a:cxn>
              <a:cxn ang="T161">
                <a:pos x="T102" y="T103"/>
              </a:cxn>
              <a:cxn ang="T162">
                <a:pos x="T104" y="T105"/>
              </a:cxn>
              <a:cxn ang="T163">
                <a:pos x="T106" y="T107"/>
              </a:cxn>
              <a:cxn ang="T164">
                <a:pos x="T108" y="T109"/>
              </a:cxn>
            </a:cxnLst>
            <a:rect l="T165" t="T166" r="T167" b="T168"/>
            <a:pathLst>
              <a:path w="16384" h="16384">
                <a:moveTo>
                  <a:pt x="16293" y="11479"/>
                </a:moveTo>
                <a:lnTo>
                  <a:pt x="16384" y="12460"/>
                </a:lnTo>
                <a:lnTo>
                  <a:pt x="16111" y="12558"/>
                </a:lnTo>
                <a:lnTo>
                  <a:pt x="15656" y="12460"/>
                </a:lnTo>
                <a:lnTo>
                  <a:pt x="15292" y="12656"/>
                </a:lnTo>
                <a:lnTo>
                  <a:pt x="14746" y="12656"/>
                </a:lnTo>
                <a:lnTo>
                  <a:pt x="14382" y="12754"/>
                </a:lnTo>
                <a:lnTo>
                  <a:pt x="14382" y="13048"/>
                </a:lnTo>
                <a:lnTo>
                  <a:pt x="14382" y="13539"/>
                </a:lnTo>
                <a:lnTo>
                  <a:pt x="14199" y="13539"/>
                </a:lnTo>
                <a:lnTo>
                  <a:pt x="13926" y="14226"/>
                </a:lnTo>
                <a:lnTo>
                  <a:pt x="13744" y="14814"/>
                </a:lnTo>
                <a:lnTo>
                  <a:pt x="13471" y="14912"/>
                </a:lnTo>
                <a:lnTo>
                  <a:pt x="12925" y="14912"/>
                </a:lnTo>
                <a:lnTo>
                  <a:pt x="12470" y="15010"/>
                </a:lnTo>
                <a:lnTo>
                  <a:pt x="12015" y="15207"/>
                </a:lnTo>
                <a:lnTo>
                  <a:pt x="11105" y="15109"/>
                </a:lnTo>
                <a:lnTo>
                  <a:pt x="10468" y="15501"/>
                </a:lnTo>
                <a:lnTo>
                  <a:pt x="9648" y="15305"/>
                </a:lnTo>
                <a:lnTo>
                  <a:pt x="8829" y="15207"/>
                </a:lnTo>
                <a:lnTo>
                  <a:pt x="8192" y="15501"/>
                </a:lnTo>
                <a:lnTo>
                  <a:pt x="7737" y="14912"/>
                </a:lnTo>
                <a:lnTo>
                  <a:pt x="7737" y="14814"/>
                </a:lnTo>
                <a:lnTo>
                  <a:pt x="7646" y="14716"/>
                </a:lnTo>
                <a:lnTo>
                  <a:pt x="7646" y="14422"/>
                </a:lnTo>
                <a:lnTo>
                  <a:pt x="7282" y="14324"/>
                </a:lnTo>
                <a:lnTo>
                  <a:pt x="7191" y="14128"/>
                </a:lnTo>
                <a:lnTo>
                  <a:pt x="6918" y="14128"/>
                </a:lnTo>
                <a:lnTo>
                  <a:pt x="6736" y="14520"/>
                </a:lnTo>
                <a:lnTo>
                  <a:pt x="6372" y="14520"/>
                </a:lnTo>
                <a:lnTo>
                  <a:pt x="6190" y="15109"/>
                </a:lnTo>
                <a:lnTo>
                  <a:pt x="5552" y="15010"/>
                </a:lnTo>
                <a:lnTo>
                  <a:pt x="4733" y="15599"/>
                </a:lnTo>
                <a:lnTo>
                  <a:pt x="4460" y="15795"/>
                </a:lnTo>
                <a:lnTo>
                  <a:pt x="3823" y="16384"/>
                </a:lnTo>
                <a:lnTo>
                  <a:pt x="3368" y="15992"/>
                </a:lnTo>
                <a:lnTo>
                  <a:pt x="2913" y="15010"/>
                </a:lnTo>
                <a:lnTo>
                  <a:pt x="2731" y="14618"/>
                </a:lnTo>
                <a:lnTo>
                  <a:pt x="2094" y="14814"/>
                </a:lnTo>
                <a:lnTo>
                  <a:pt x="1638" y="13833"/>
                </a:lnTo>
                <a:lnTo>
                  <a:pt x="273" y="11577"/>
                </a:lnTo>
                <a:lnTo>
                  <a:pt x="273" y="11184"/>
                </a:lnTo>
                <a:lnTo>
                  <a:pt x="364" y="10399"/>
                </a:lnTo>
                <a:lnTo>
                  <a:pt x="546" y="10007"/>
                </a:lnTo>
                <a:lnTo>
                  <a:pt x="910" y="9811"/>
                </a:lnTo>
                <a:lnTo>
                  <a:pt x="1001" y="9516"/>
                </a:lnTo>
                <a:lnTo>
                  <a:pt x="910" y="9026"/>
                </a:lnTo>
                <a:lnTo>
                  <a:pt x="728" y="8633"/>
                </a:lnTo>
                <a:lnTo>
                  <a:pt x="819" y="8143"/>
                </a:lnTo>
                <a:lnTo>
                  <a:pt x="364" y="7554"/>
                </a:lnTo>
                <a:lnTo>
                  <a:pt x="455" y="7260"/>
                </a:lnTo>
                <a:lnTo>
                  <a:pt x="546" y="7064"/>
                </a:lnTo>
                <a:lnTo>
                  <a:pt x="637" y="6671"/>
                </a:lnTo>
                <a:lnTo>
                  <a:pt x="546" y="6083"/>
                </a:lnTo>
                <a:lnTo>
                  <a:pt x="637" y="5690"/>
                </a:lnTo>
                <a:lnTo>
                  <a:pt x="546" y="5298"/>
                </a:lnTo>
                <a:lnTo>
                  <a:pt x="364" y="5003"/>
                </a:lnTo>
                <a:lnTo>
                  <a:pt x="455" y="4513"/>
                </a:lnTo>
                <a:lnTo>
                  <a:pt x="182" y="4121"/>
                </a:lnTo>
                <a:lnTo>
                  <a:pt x="0" y="3532"/>
                </a:lnTo>
                <a:lnTo>
                  <a:pt x="91" y="3139"/>
                </a:lnTo>
                <a:lnTo>
                  <a:pt x="0" y="2747"/>
                </a:lnTo>
                <a:lnTo>
                  <a:pt x="91" y="2453"/>
                </a:lnTo>
                <a:lnTo>
                  <a:pt x="728" y="2355"/>
                </a:lnTo>
                <a:lnTo>
                  <a:pt x="1365" y="2256"/>
                </a:lnTo>
                <a:lnTo>
                  <a:pt x="1729" y="1668"/>
                </a:lnTo>
                <a:lnTo>
                  <a:pt x="2094" y="1570"/>
                </a:lnTo>
                <a:lnTo>
                  <a:pt x="2367" y="981"/>
                </a:lnTo>
                <a:lnTo>
                  <a:pt x="2549" y="981"/>
                </a:lnTo>
                <a:lnTo>
                  <a:pt x="3095" y="1079"/>
                </a:lnTo>
                <a:lnTo>
                  <a:pt x="3641" y="1275"/>
                </a:lnTo>
                <a:lnTo>
                  <a:pt x="4187" y="2060"/>
                </a:lnTo>
                <a:lnTo>
                  <a:pt x="4460" y="2158"/>
                </a:lnTo>
                <a:lnTo>
                  <a:pt x="4551" y="1766"/>
                </a:lnTo>
                <a:lnTo>
                  <a:pt x="5188" y="1668"/>
                </a:lnTo>
                <a:lnTo>
                  <a:pt x="5916" y="1472"/>
                </a:lnTo>
                <a:lnTo>
                  <a:pt x="6098" y="1472"/>
                </a:lnTo>
                <a:lnTo>
                  <a:pt x="6463" y="981"/>
                </a:lnTo>
                <a:lnTo>
                  <a:pt x="6827" y="883"/>
                </a:lnTo>
                <a:lnTo>
                  <a:pt x="7009" y="294"/>
                </a:lnTo>
                <a:lnTo>
                  <a:pt x="7282" y="392"/>
                </a:lnTo>
                <a:lnTo>
                  <a:pt x="7464" y="294"/>
                </a:lnTo>
                <a:lnTo>
                  <a:pt x="8101" y="0"/>
                </a:lnTo>
                <a:lnTo>
                  <a:pt x="8192" y="98"/>
                </a:lnTo>
                <a:lnTo>
                  <a:pt x="8829" y="294"/>
                </a:lnTo>
                <a:lnTo>
                  <a:pt x="9648" y="883"/>
                </a:lnTo>
                <a:lnTo>
                  <a:pt x="9466" y="1275"/>
                </a:lnTo>
                <a:lnTo>
                  <a:pt x="9375" y="1570"/>
                </a:lnTo>
                <a:lnTo>
                  <a:pt x="9739" y="1962"/>
                </a:lnTo>
                <a:lnTo>
                  <a:pt x="9648" y="2256"/>
                </a:lnTo>
                <a:lnTo>
                  <a:pt x="9739" y="2845"/>
                </a:lnTo>
                <a:lnTo>
                  <a:pt x="9739" y="3041"/>
                </a:lnTo>
                <a:lnTo>
                  <a:pt x="9648" y="3630"/>
                </a:lnTo>
                <a:lnTo>
                  <a:pt x="9830" y="4121"/>
                </a:lnTo>
                <a:lnTo>
                  <a:pt x="10377" y="5396"/>
                </a:lnTo>
                <a:lnTo>
                  <a:pt x="11105" y="6868"/>
                </a:lnTo>
                <a:lnTo>
                  <a:pt x="11651" y="7162"/>
                </a:lnTo>
                <a:lnTo>
                  <a:pt x="11924" y="7751"/>
                </a:lnTo>
                <a:lnTo>
                  <a:pt x="12288" y="8045"/>
                </a:lnTo>
                <a:lnTo>
                  <a:pt x="12288" y="8633"/>
                </a:lnTo>
                <a:lnTo>
                  <a:pt x="12470" y="9026"/>
                </a:lnTo>
                <a:lnTo>
                  <a:pt x="12470" y="9320"/>
                </a:lnTo>
                <a:lnTo>
                  <a:pt x="12288" y="9418"/>
                </a:lnTo>
                <a:lnTo>
                  <a:pt x="11924" y="9909"/>
                </a:lnTo>
                <a:lnTo>
                  <a:pt x="12106" y="11086"/>
                </a:lnTo>
                <a:lnTo>
                  <a:pt x="12470" y="11282"/>
                </a:lnTo>
                <a:lnTo>
                  <a:pt x="13289" y="10890"/>
                </a:lnTo>
                <a:lnTo>
                  <a:pt x="13926" y="10890"/>
                </a:lnTo>
                <a:lnTo>
                  <a:pt x="14928" y="10596"/>
                </a:lnTo>
                <a:lnTo>
                  <a:pt x="15474" y="11282"/>
                </a:lnTo>
                <a:lnTo>
                  <a:pt x="16293" y="1147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5" name="d14212"/>
          <xdr:cNvSpPr>
            <a:spLocks/>
          </xdr:cNvSpPr>
        </xdr:nvSpPr>
        <xdr:spPr bwMode="auto">
          <a:xfrm>
            <a:off x="4076700" y="11496675"/>
            <a:ext cx="1752600" cy="1819275"/>
          </a:xfrm>
          <a:custGeom>
            <a:avLst/>
            <a:gdLst>
              <a:gd name="T0" fmla="*/ 2147483646 w 184"/>
              <a:gd name="T1" fmla="*/ 2147483646 h 191"/>
              <a:gd name="T2" fmla="*/ 2147483646 w 184"/>
              <a:gd name="T3" fmla="*/ 2147483646 h 191"/>
              <a:gd name="T4" fmla="*/ 2147483646 w 184"/>
              <a:gd name="T5" fmla="*/ 2147483646 h 191"/>
              <a:gd name="T6" fmla="*/ 2147483646 w 184"/>
              <a:gd name="T7" fmla="*/ 2147483646 h 191"/>
              <a:gd name="T8" fmla="*/ 2147483646 w 184"/>
              <a:gd name="T9" fmla="*/ 2147483646 h 191"/>
              <a:gd name="T10" fmla="*/ 2147483646 w 184"/>
              <a:gd name="T11" fmla="*/ 2147483646 h 191"/>
              <a:gd name="T12" fmla="*/ 2147483646 w 184"/>
              <a:gd name="T13" fmla="*/ 2147483646 h 191"/>
              <a:gd name="T14" fmla="*/ 2147483646 w 184"/>
              <a:gd name="T15" fmla="*/ 2147483646 h 191"/>
              <a:gd name="T16" fmla="*/ 2147483646 w 184"/>
              <a:gd name="T17" fmla="*/ 2147483646 h 191"/>
              <a:gd name="T18" fmla="*/ 2147483646 w 184"/>
              <a:gd name="T19" fmla="*/ 2147483646 h 191"/>
              <a:gd name="T20" fmla="*/ 2147483646 w 184"/>
              <a:gd name="T21" fmla="*/ 2147483646 h 191"/>
              <a:gd name="T22" fmla="*/ 2147483646 w 184"/>
              <a:gd name="T23" fmla="*/ 2147483646 h 191"/>
              <a:gd name="T24" fmla="*/ 2147483646 w 184"/>
              <a:gd name="T25" fmla="*/ 2147483646 h 191"/>
              <a:gd name="T26" fmla="*/ 2147483646 w 184"/>
              <a:gd name="T27" fmla="*/ 2147483646 h 191"/>
              <a:gd name="T28" fmla="*/ 0 w 184"/>
              <a:gd name="T29" fmla="*/ 2147483646 h 191"/>
              <a:gd name="T30" fmla="*/ 2147483646 w 184"/>
              <a:gd name="T31" fmla="*/ 2147483646 h 191"/>
              <a:gd name="T32" fmla="*/ 2147483646 w 184"/>
              <a:gd name="T33" fmla="*/ 2147483646 h 191"/>
              <a:gd name="T34" fmla="*/ 2147483646 w 184"/>
              <a:gd name="T35" fmla="*/ 2147483646 h 191"/>
              <a:gd name="T36" fmla="*/ 2147483646 w 184"/>
              <a:gd name="T37" fmla="*/ 2147483646 h 191"/>
              <a:gd name="T38" fmla="*/ 2147483646 w 184"/>
              <a:gd name="T39" fmla="*/ 2147483646 h 191"/>
              <a:gd name="T40" fmla="*/ 2147483646 w 184"/>
              <a:gd name="T41" fmla="*/ 2147483646 h 191"/>
              <a:gd name="T42" fmla="*/ 2147483646 w 184"/>
              <a:gd name="T43" fmla="*/ 2147483646 h 191"/>
              <a:gd name="T44" fmla="*/ 2147483646 w 184"/>
              <a:gd name="T45" fmla="*/ 2147483646 h 191"/>
              <a:gd name="T46" fmla="*/ 2147483646 w 184"/>
              <a:gd name="T47" fmla="*/ 2147483646 h 191"/>
              <a:gd name="T48" fmla="*/ 2147483646 w 184"/>
              <a:gd name="T49" fmla="*/ 2147483646 h 191"/>
              <a:gd name="T50" fmla="*/ 2147483646 w 184"/>
              <a:gd name="T51" fmla="*/ 2147483646 h 191"/>
              <a:gd name="T52" fmla="*/ 2147483646 w 184"/>
              <a:gd name="T53" fmla="*/ 2147483646 h 191"/>
              <a:gd name="T54" fmla="*/ 2147483646 w 184"/>
              <a:gd name="T55" fmla="*/ 2147483646 h 191"/>
              <a:gd name="T56" fmla="*/ 2147483646 w 184"/>
              <a:gd name="T57" fmla="*/ 2147483646 h 191"/>
              <a:gd name="T58" fmla="*/ 2147483646 w 184"/>
              <a:gd name="T59" fmla="*/ 2147483646 h 191"/>
              <a:gd name="T60" fmla="*/ 2147483646 w 184"/>
              <a:gd name="T61" fmla="*/ 2147483646 h 191"/>
              <a:gd name="T62" fmla="*/ 2147483646 w 184"/>
              <a:gd name="T63" fmla="*/ 2147483646 h 191"/>
              <a:gd name="T64" fmla="*/ 2147483646 w 184"/>
              <a:gd name="T65" fmla="*/ 2147483646 h 191"/>
              <a:gd name="T66" fmla="*/ 2147483646 w 184"/>
              <a:gd name="T67" fmla="*/ 2147483646 h 191"/>
              <a:gd name="T68" fmla="*/ 2147483646 w 184"/>
              <a:gd name="T69" fmla="*/ 2147483646 h 191"/>
              <a:gd name="T70" fmla="*/ 2147483646 w 184"/>
              <a:gd name="T71" fmla="*/ 2147483646 h 191"/>
              <a:gd name="T72" fmla="*/ 2147483646 w 184"/>
              <a:gd name="T73" fmla="*/ 2147483646 h 191"/>
              <a:gd name="T74" fmla="*/ 2147483646 w 184"/>
              <a:gd name="T75" fmla="*/ 2147483646 h 191"/>
              <a:gd name="T76" fmla="*/ 2147483646 w 184"/>
              <a:gd name="T77" fmla="*/ 2147483646 h 191"/>
              <a:gd name="T78" fmla="*/ 2147483646 w 184"/>
              <a:gd name="T79" fmla="*/ 2147483646 h 191"/>
              <a:gd name="T80" fmla="*/ 2147483646 w 184"/>
              <a:gd name="T81" fmla="*/ 2147483646 h 191"/>
              <a:gd name="T82" fmla="*/ 2147483646 w 184"/>
              <a:gd name="T83" fmla="*/ 2147483646 h 191"/>
              <a:gd name="T84" fmla="*/ 2147483646 w 184"/>
              <a:gd name="T85" fmla="*/ 2147483646 h 191"/>
              <a:gd name="T86" fmla="*/ 2147483646 w 184"/>
              <a:gd name="T87" fmla="*/ 2147483646 h 191"/>
              <a:gd name="T88" fmla="*/ 2147483646 w 184"/>
              <a:gd name="T89" fmla="*/ 2147483646 h 191"/>
              <a:gd name="T90" fmla="*/ 2147483646 w 184"/>
              <a:gd name="T91" fmla="*/ 2147483646 h 191"/>
              <a:gd name="T92" fmla="*/ 2147483646 w 184"/>
              <a:gd name="T93" fmla="*/ 2147483646 h 191"/>
              <a:gd name="T94" fmla="*/ 2147483646 w 184"/>
              <a:gd name="T95" fmla="*/ 2147483646 h 191"/>
              <a:gd name="T96" fmla="*/ 2147483646 w 184"/>
              <a:gd name="T97" fmla="*/ 2147483646 h 191"/>
              <a:gd name="T98" fmla="*/ 2147483646 w 184"/>
              <a:gd name="T99" fmla="*/ 2147483646 h 191"/>
              <a:gd name="T100" fmla="*/ 2147483646 w 184"/>
              <a:gd name="T101" fmla="*/ 2147483646 h 191"/>
              <a:gd name="T102" fmla="*/ 2147483646 w 184"/>
              <a:gd name="T103" fmla="*/ 2147483646 h 191"/>
              <a:gd name="T104" fmla="*/ 2147483646 w 184"/>
              <a:gd name="T105" fmla="*/ 2147483646 h 191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84"/>
              <a:gd name="T160" fmla="*/ 0 h 191"/>
              <a:gd name="T161" fmla="*/ 184 w 184"/>
              <a:gd name="T162" fmla="*/ 191 h 191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84" h="191">
                <a:moveTo>
                  <a:pt x="151" y="190"/>
                </a:moveTo>
                <a:lnTo>
                  <a:pt x="149" y="182"/>
                </a:lnTo>
                <a:lnTo>
                  <a:pt x="145" y="178"/>
                </a:lnTo>
                <a:lnTo>
                  <a:pt x="144" y="173"/>
                </a:lnTo>
                <a:lnTo>
                  <a:pt x="144" y="168"/>
                </a:lnTo>
                <a:lnTo>
                  <a:pt x="144" y="162"/>
                </a:lnTo>
                <a:lnTo>
                  <a:pt x="142" y="160"/>
                </a:lnTo>
                <a:lnTo>
                  <a:pt x="140" y="157"/>
                </a:lnTo>
                <a:lnTo>
                  <a:pt x="135" y="156"/>
                </a:lnTo>
                <a:lnTo>
                  <a:pt x="130" y="150"/>
                </a:lnTo>
                <a:lnTo>
                  <a:pt x="126" y="148"/>
                </a:lnTo>
                <a:lnTo>
                  <a:pt x="122" y="145"/>
                </a:lnTo>
                <a:lnTo>
                  <a:pt x="123" y="142"/>
                </a:lnTo>
                <a:lnTo>
                  <a:pt x="121" y="141"/>
                </a:lnTo>
                <a:lnTo>
                  <a:pt x="118" y="142"/>
                </a:lnTo>
                <a:lnTo>
                  <a:pt x="114" y="142"/>
                </a:lnTo>
                <a:lnTo>
                  <a:pt x="114" y="145"/>
                </a:lnTo>
                <a:lnTo>
                  <a:pt x="105" y="151"/>
                </a:lnTo>
                <a:lnTo>
                  <a:pt x="102" y="148"/>
                </a:lnTo>
                <a:lnTo>
                  <a:pt x="96" y="146"/>
                </a:lnTo>
                <a:lnTo>
                  <a:pt x="93" y="144"/>
                </a:lnTo>
                <a:lnTo>
                  <a:pt x="90" y="139"/>
                </a:lnTo>
                <a:lnTo>
                  <a:pt x="91" y="132"/>
                </a:lnTo>
                <a:lnTo>
                  <a:pt x="82" y="132"/>
                </a:lnTo>
                <a:lnTo>
                  <a:pt x="78" y="128"/>
                </a:lnTo>
                <a:lnTo>
                  <a:pt x="75" y="128"/>
                </a:lnTo>
                <a:lnTo>
                  <a:pt x="74" y="125"/>
                </a:lnTo>
                <a:lnTo>
                  <a:pt x="62" y="123"/>
                </a:lnTo>
                <a:lnTo>
                  <a:pt x="59" y="120"/>
                </a:lnTo>
                <a:lnTo>
                  <a:pt x="47" y="119"/>
                </a:lnTo>
                <a:lnTo>
                  <a:pt x="45" y="117"/>
                </a:lnTo>
                <a:lnTo>
                  <a:pt x="42" y="118"/>
                </a:lnTo>
                <a:lnTo>
                  <a:pt x="40" y="115"/>
                </a:lnTo>
                <a:lnTo>
                  <a:pt x="36" y="114"/>
                </a:lnTo>
                <a:lnTo>
                  <a:pt x="32" y="112"/>
                </a:lnTo>
                <a:lnTo>
                  <a:pt x="27" y="115"/>
                </a:lnTo>
                <a:lnTo>
                  <a:pt x="21" y="114"/>
                </a:lnTo>
                <a:lnTo>
                  <a:pt x="18" y="115"/>
                </a:lnTo>
                <a:lnTo>
                  <a:pt x="15" y="119"/>
                </a:lnTo>
                <a:lnTo>
                  <a:pt x="11" y="123"/>
                </a:lnTo>
                <a:lnTo>
                  <a:pt x="4" y="124"/>
                </a:lnTo>
                <a:lnTo>
                  <a:pt x="4" y="122"/>
                </a:lnTo>
                <a:lnTo>
                  <a:pt x="3" y="116"/>
                </a:lnTo>
                <a:lnTo>
                  <a:pt x="4" y="113"/>
                </a:lnTo>
                <a:lnTo>
                  <a:pt x="0" y="109"/>
                </a:lnTo>
                <a:lnTo>
                  <a:pt x="1" y="106"/>
                </a:lnTo>
                <a:lnTo>
                  <a:pt x="6" y="104"/>
                </a:lnTo>
                <a:lnTo>
                  <a:pt x="12" y="101"/>
                </a:lnTo>
                <a:lnTo>
                  <a:pt x="13" y="98"/>
                </a:lnTo>
                <a:lnTo>
                  <a:pt x="15" y="95"/>
                </a:lnTo>
                <a:lnTo>
                  <a:pt x="18" y="95"/>
                </a:lnTo>
                <a:lnTo>
                  <a:pt x="23" y="91"/>
                </a:lnTo>
                <a:lnTo>
                  <a:pt x="29" y="96"/>
                </a:lnTo>
                <a:lnTo>
                  <a:pt x="35" y="95"/>
                </a:lnTo>
                <a:lnTo>
                  <a:pt x="39" y="93"/>
                </a:lnTo>
                <a:lnTo>
                  <a:pt x="41" y="94"/>
                </a:lnTo>
                <a:lnTo>
                  <a:pt x="45" y="93"/>
                </a:lnTo>
                <a:lnTo>
                  <a:pt x="50" y="92"/>
                </a:lnTo>
                <a:lnTo>
                  <a:pt x="54" y="93"/>
                </a:lnTo>
                <a:lnTo>
                  <a:pt x="60" y="91"/>
                </a:lnTo>
                <a:lnTo>
                  <a:pt x="66" y="91"/>
                </a:lnTo>
                <a:lnTo>
                  <a:pt x="70" y="94"/>
                </a:lnTo>
                <a:lnTo>
                  <a:pt x="76" y="91"/>
                </a:lnTo>
                <a:lnTo>
                  <a:pt x="77" y="92"/>
                </a:lnTo>
                <a:lnTo>
                  <a:pt x="80" y="92"/>
                </a:lnTo>
                <a:lnTo>
                  <a:pt x="82" y="89"/>
                </a:lnTo>
                <a:lnTo>
                  <a:pt x="82" y="82"/>
                </a:lnTo>
                <a:lnTo>
                  <a:pt x="85" y="80"/>
                </a:lnTo>
                <a:lnTo>
                  <a:pt x="85" y="76"/>
                </a:lnTo>
                <a:lnTo>
                  <a:pt x="85" y="72"/>
                </a:lnTo>
                <a:lnTo>
                  <a:pt x="84" y="67"/>
                </a:lnTo>
                <a:lnTo>
                  <a:pt x="81" y="66"/>
                </a:lnTo>
                <a:lnTo>
                  <a:pt x="77" y="64"/>
                </a:lnTo>
                <a:lnTo>
                  <a:pt x="75" y="63"/>
                </a:lnTo>
                <a:lnTo>
                  <a:pt x="74" y="58"/>
                </a:lnTo>
                <a:lnTo>
                  <a:pt x="73" y="54"/>
                </a:lnTo>
                <a:lnTo>
                  <a:pt x="69" y="53"/>
                </a:lnTo>
                <a:lnTo>
                  <a:pt x="67" y="50"/>
                </a:lnTo>
                <a:lnTo>
                  <a:pt x="66" y="47"/>
                </a:lnTo>
                <a:lnTo>
                  <a:pt x="66" y="42"/>
                </a:lnTo>
                <a:lnTo>
                  <a:pt x="62" y="38"/>
                </a:lnTo>
                <a:lnTo>
                  <a:pt x="61" y="33"/>
                </a:lnTo>
                <a:lnTo>
                  <a:pt x="58" y="29"/>
                </a:lnTo>
                <a:lnTo>
                  <a:pt x="58" y="27"/>
                </a:lnTo>
                <a:lnTo>
                  <a:pt x="59" y="21"/>
                </a:lnTo>
                <a:lnTo>
                  <a:pt x="62" y="19"/>
                </a:lnTo>
                <a:lnTo>
                  <a:pt x="66" y="21"/>
                </a:lnTo>
                <a:lnTo>
                  <a:pt x="75" y="17"/>
                </a:lnTo>
                <a:lnTo>
                  <a:pt x="81" y="9"/>
                </a:lnTo>
                <a:lnTo>
                  <a:pt x="86" y="9"/>
                </a:lnTo>
                <a:lnTo>
                  <a:pt x="88" y="7"/>
                </a:lnTo>
                <a:lnTo>
                  <a:pt x="92" y="9"/>
                </a:lnTo>
                <a:lnTo>
                  <a:pt x="96" y="6"/>
                </a:lnTo>
                <a:lnTo>
                  <a:pt x="103" y="9"/>
                </a:lnTo>
                <a:lnTo>
                  <a:pt x="102" y="14"/>
                </a:lnTo>
                <a:lnTo>
                  <a:pt x="106" y="20"/>
                </a:lnTo>
                <a:lnTo>
                  <a:pt x="106" y="27"/>
                </a:lnTo>
                <a:lnTo>
                  <a:pt x="112" y="26"/>
                </a:lnTo>
                <a:lnTo>
                  <a:pt x="115" y="29"/>
                </a:lnTo>
                <a:lnTo>
                  <a:pt x="122" y="29"/>
                </a:lnTo>
                <a:lnTo>
                  <a:pt x="131" y="32"/>
                </a:lnTo>
                <a:lnTo>
                  <a:pt x="136" y="39"/>
                </a:lnTo>
                <a:lnTo>
                  <a:pt x="140" y="41"/>
                </a:lnTo>
                <a:lnTo>
                  <a:pt x="142" y="40"/>
                </a:lnTo>
                <a:lnTo>
                  <a:pt x="144" y="38"/>
                </a:lnTo>
                <a:lnTo>
                  <a:pt x="143" y="32"/>
                </a:lnTo>
                <a:lnTo>
                  <a:pt x="145" y="30"/>
                </a:lnTo>
                <a:lnTo>
                  <a:pt x="144" y="28"/>
                </a:lnTo>
                <a:lnTo>
                  <a:pt x="146" y="27"/>
                </a:lnTo>
                <a:lnTo>
                  <a:pt x="145" y="25"/>
                </a:lnTo>
                <a:lnTo>
                  <a:pt x="147" y="25"/>
                </a:lnTo>
                <a:lnTo>
                  <a:pt x="147" y="23"/>
                </a:lnTo>
                <a:lnTo>
                  <a:pt x="146" y="18"/>
                </a:lnTo>
                <a:lnTo>
                  <a:pt x="145" y="13"/>
                </a:lnTo>
                <a:lnTo>
                  <a:pt x="155" y="10"/>
                </a:lnTo>
                <a:lnTo>
                  <a:pt x="155" y="5"/>
                </a:lnTo>
                <a:lnTo>
                  <a:pt x="151" y="4"/>
                </a:lnTo>
                <a:lnTo>
                  <a:pt x="150" y="3"/>
                </a:lnTo>
                <a:lnTo>
                  <a:pt x="154" y="0"/>
                </a:lnTo>
                <a:lnTo>
                  <a:pt x="157" y="2"/>
                </a:lnTo>
                <a:lnTo>
                  <a:pt x="161" y="8"/>
                </a:lnTo>
                <a:lnTo>
                  <a:pt x="167" y="8"/>
                </a:lnTo>
                <a:lnTo>
                  <a:pt x="179" y="15"/>
                </a:lnTo>
                <a:lnTo>
                  <a:pt x="180" y="22"/>
                </a:lnTo>
                <a:lnTo>
                  <a:pt x="179" y="40"/>
                </a:lnTo>
                <a:lnTo>
                  <a:pt x="177" y="50"/>
                </a:lnTo>
                <a:lnTo>
                  <a:pt x="176" y="55"/>
                </a:lnTo>
                <a:lnTo>
                  <a:pt x="177" y="59"/>
                </a:lnTo>
                <a:lnTo>
                  <a:pt x="177" y="64"/>
                </a:lnTo>
                <a:lnTo>
                  <a:pt x="179" y="68"/>
                </a:lnTo>
                <a:lnTo>
                  <a:pt x="182" y="73"/>
                </a:lnTo>
                <a:lnTo>
                  <a:pt x="183" y="79"/>
                </a:lnTo>
                <a:lnTo>
                  <a:pt x="184" y="83"/>
                </a:lnTo>
                <a:lnTo>
                  <a:pt x="184" y="88"/>
                </a:lnTo>
                <a:lnTo>
                  <a:pt x="183" y="96"/>
                </a:lnTo>
                <a:lnTo>
                  <a:pt x="178" y="104"/>
                </a:lnTo>
                <a:lnTo>
                  <a:pt x="174" y="110"/>
                </a:lnTo>
                <a:lnTo>
                  <a:pt x="172" y="115"/>
                </a:lnTo>
                <a:lnTo>
                  <a:pt x="173" y="121"/>
                </a:lnTo>
                <a:lnTo>
                  <a:pt x="174" y="125"/>
                </a:lnTo>
                <a:lnTo>
                  <a:pt x="176" y="129"/>
                </a:lnTo>
                <a:lnTo>
                  <a:pt x="177" y="137"/>
                </a:lnTo>
                <a:lnTo>
                  <a:pt x="175" y="145"/>
                </a:lnTo>
                <a:lnTo>
                  <a:pt x="173" y="153"/>
                </a:lnTo>
                <a:lnTo>
                  <a:pt x="172" y="159"/>
                </a:lnTo>
                <a:lnTo>
                  <a:pt x="171" y="164"/>
                </a:lnTo>
                <a:lnTo>
                  <a:pt x="170" y="172"/>
                </a:lnTo>
                <a:lnTo>
                  <a:pt x="171" y="178"/>
                </a:lnTo>
                <a:lnTo>
                  <a:pt x="172" y="182"/>
                </a:lnTo>
                <a:lnTo>
                  <a:pt x="174" y="186"/>
                </a:lnTo>
                <a:lnTo>
                  <a:pt x="175" y="191"/>
                </a:lnTo>
                <a:lnTo>
                  <a:pt x="165" y="190"/>
                </a:lnTo>
                <a:lnTo>
                  <a:pt x="158" y="191"/>
                </a:lnTo>
                <a:lnTo>
                  <a:pt x="157" y="189"/>
                </a:lnTo>
                <a:lnTo>
                  <a:pt x="156" y="188"/>
                </a:lnTo>
                <a:lnTo>
                  <a:pt x="156" y="184"/>
                </a:lnTo>
                <a:lnTo>
                  <a:pt x="154" y="182"/>
                </a:lnTo>
                <a:lnTo>
                  <a:pt x="155" y="178"/>
                </a:lnTo>
                <a:lnTo>
                  <a:pt x="153" y="178"/>
                </a:lnTo>
                <a:lnTo>
                  <a:pt x="152" y="190"/>
                </a:lnTo>
                <a:lnTo>
                  <a:pt x="151" y="19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6" name="d14213"/>
          <xdr:cNvSpPr>
            <a:spLocks/>
          </xdr:cNvSpPr>
        </xdr:nvSpPr>
        <xdr:spPr bwMode="auto">
          <a:xfrm>
            <a:off x="6381750" y="11582400"/>
            <a:ext cx="581025" cy="1343025"/>
          </a:xfrm>
          <a:custGeom>
            <a:avLst/>
            <a:gdLst>
              <a:gd name="T0" fmla="*/ 2147483646 w 61"/>
              <a:gd name="T1" fmla="*/ 2147483646 h 141"/>
              <a:gd name="T2" fmla="*/ 2147483646 w 61"/>
              <a:gd name="T3" fmla="*/ 2147483646 h 141"/>
              <a:gd name="T4" fmla="*/ 2147483646 w 61"/>
              <a:gd name="T5" fmla="*/ 2147483646 h 141"/>
              <a:gd name="T6" fmla="*/ 2147483646 w 61"/>
              <a:gd name="T7" fmla="*/ 2147483646 h 141"/>
              <a:gd name="T8" fmla="*/ 2147483646 w 61"/>
              <a:gd name="T9" fmla="*/ 2147483646 h 141"/>
              <a:gd name="T10" fmla="*/ 2147483646 w 61"/>
              <a:gd name="T11" fmla="*/ 2147483646 h 141"/>
              <a:gd name="T12" fmla="*/ 2147483646 w 61"/>
              <a:gd name="T13" fmla="*/ 2147483646 h 141"/>
              <a:gd name="T14" fmla="*/ 2147483646 w 61"/>
              <a:gd name="T15" fmla="*/ 2147483646 h 141"/>
              <a:gd name="T16" fmla="*/ 2147483646 w 61"/>
              <a:gd name="T17" fmla="*/ 2147483646 h 141"/>
              <a:gd name="T18" fmla="*/ 2147483646 w 61"/>
              <a:gd name="T19" fmla="*/ 2147483646 h 141"/>
              <a:gd name="T20" fmla="*/ 2147483646 w 61"/>
              <a:gd name="T21" fmla="*/ 2147483646 h 141"/>
              <a:gd name="T22" fmla="*/ 2147483646 w 61"/>
              <a:gd name="T23" fmla="*/ 2147483646 h 141"/>
              <a:gd name="T24" fmla="*/ 2147483646 w 61"/>
              <a:gd name="T25" fmla="*/ 2147483646 h 141"/>
              <a:gd name="T26" fmla="*/ 2147483646 w 61"/>
              <a:gd name="T27" fmla="*/ 2147483646 h 141"/>
              <a:gd name="T28" fmla="*/ 2147483646 w 61"/>
              <a:gd name="T29" fmla="*/ 2147483646 h 141"/>
              <a:gd name="T30" fmla="*/ 2147483646 w 61"/>
              <a:gd name="T31" fmla="*/ 2147483646 h 141"/>
              <a:gd name="T32" fmla="*/ 2147483646 w 61"/>
              <a:gd name="T33" fmla="*/ 2147483646 h 141"/>
              <a:gd name="T34" fmla="*/ 2147483646 w 61"/>
              <a:gd name="T35" fmla="*/ 2147483646 h 141"/>
              <a:gd name="T36" fmla="*/ 2147483646 w 61"/>
              <a:gd name="T37" fmla="*/ 2147483646 h 141"/>
              <a:gd name="T38" fmla="*/ 2147483646 w 61"/>
              <a:gd name="T39" fmla="*/ 2147483646 h 141"/>
              <a:gd name="T40" fmla="*/ 2147483646 w 61"/>
              <a:gd name="T41" fmla="*/ 2147483646 h 141"/>
              <a:gd name="T42" fmla="*/ 2147483646 w 61"/>
              <a:gd name="T43" fmla="*/ 2147483646 h 141"/>
              <a:gd name="T44" fmla="*/ 2147483646 w 61"/>
              <a:gd name="T45" fmla="*/ 2147483646 h 141"/>
              <a:gd name="T46" fmla="*/ 2147483646 w 61"/>
              <a:gd name="T47" fmla="*/ 2147483646 h 141"/>
              <a:gd name="T48" fmla="*/ 2147483646 w 61"/>
              <a:gd name="T49" fmla="*/ 2147483646 h 141"/>
              <a:gd name="T50" fmla="*/ 2147483646 w 61"/>
              <a:gd name="T51" fmla="*/ 2147483646 h 141"/>
              <a:gd name="T52" fmla="*/ 2147483646 w 61"/>
              <a:gd name="T53" fmla="*/ 2147483646 h 141"/>
              <a:gd name="T54" fmla="*/ 2147483646 w 61"/>
              <a:gd name="T55" fmla="*/ 2147483646 h 141"/>
              <a:gd name="T56" fmla="*/ 2147483646 w 61"/>
              <a:gd name="T57" fmla="*/ 2147483646 h 141"/>
              <a:gd name="T58" fmla="*/ 2147483646 w 61"/>
              <a:gd name="T59" fmla="*/ 2147483646 h 141"/>
              <a:gd name="T60" fmla="*/ 2147483646 w 61"/>
              <a:gd name="T61" fmla="*/ 2147483646 h 141"/>
              <a:gd name="T62" fmla="*/ 2147483646 w 61"/>
              <a:gd name="T63" fmla="*/ 2147483646 h 141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w 61"/>
              <a:gd name="T97" fmla="*/ 0 h 141"/>
              <a:gd name="T98" fmla="*/ 61 w 61"/>
              <a:gd name="T99" fmla="*/ 141 h 141"/>
            </a:gdLst>
            <a:ahLst/>
            <a:cxnLst>
              <a:cxn ang="T64">
                <a:pos x="T0" y="T1"/>
              </a:cxn>
              <a:cxn ang="T65">
                <a:pos x="T2" y="T3"/>
              </a:cxn>
              <a:cxn ang="T66">
                <a:pos x="T4" y="T5"/>
              </a:cxn>
              <a:cxn ang="T67">
                <a:pos x="T6" y="T7"/>
              </a:cxn>
              <a:cxn ang="T68">
                <a:pos x="T8" y="T9"/>
              </a:cxn>
              <a:cxn ang="T69">
                <a:pos x="T10" y="T11"/>
              </a:cxn>
              <a:cxn ang="T70">
                <a:pos x="T12" y="T13"/>
              </a:cxn>
              <a:cxn ang="T71">
                <a:pos x="T14" y="T15"/>
              </a:cxn>
              <a:cxn ang="T72">
                <a:pos x="T16" y="T17"/>
              </a:cxn>
              <a:cxn ang="T73">
                <a:pos x="T18" y="T19"/>
              </a:cxn>
              <a:cxn ang="T74">
                <a:pos x="T20" y="T21"/>
              </a:cxn>
              <a:cxn ang="T75">
                <a:pos x="T22" y="T23"/>
              </a:cxn>
              <a:cxn ang="T76">
                <a:pos x="T24" y="T25"/>
              </a:cxn>
              <a:cxn ang="T77">
                <a:pos x="T26" y="T27"/>
              </a:cxn>
              <a:cxn ang="T78">
                <a:pos x="T28" y="T29"/>
              </a:cxn>
              <a:cxn ang="T79">
                <a:pos x="T30" y="T31"/>
              </a:cxn>
              <a:cxn ang="T80">
                <a:pos x="T32" y="T33"/>
              </a:cxn>
              <a:cxn ang="T81">
                <a:pos x="T34" y="T35"/>
              </a:cxn>
              <a:cxn ang="T82">
                <a:pos x="T36" y="T37"/>
              </a:cxn>
              <a:cxn ang="T83">
                <a:pos x="T38" y="T39"/>
              </a:cxn>
              <a:cxn ang="T84">
                <a:pos x="T40" y="T41"/>
              </a:cxn>
              <a:cxn ang="T85">
                <a:pos x="T42" y="T43"/>
              </a:cxn>
              <a:cxn ang="T86">
                <a:pos x="T44" y="T45"/>
              </a:cxn>
              <a:cxn ang="T87">
                <a:pos x="T46" y="T47"/>
              </a:cxn>
              <a:cxn ang="T88">
                <a:pos x="T48" y="T49"/>
              </a:cxn>
              <a:cxn ang="T89">
                <a:pos x="T50" y="T51"/>
              </a:cxn>
              <a:cxn ang="T90">
                <a:pos x="T52" y="T53"/>
              </a:cxn>
              <a:cxn ang="T91">
                <a:pos x="T54" y="T55"/>
              </a:cxn>
              <a:cxn ang="T92">
                <a:pos x="T56" y="T57"/>
              </a:cxn>
              <a:cxn ang="T93">
                <a:pos x="T58" y="T59"/>
              </a:cxn>
              <a:cxn ang="T94">
                <a:pos x="T60" y="T61"/>
              </a:cxn>
              <a:cxn ang="T95">
                <a:pos x="T62" y="T63"/>
              </a:cxn>
            </a:cxnLst>
            <a:rect l="T96" t="T97" r="T98" b="T99"/>
            <a:pathLst>
              <a:path w="61" h="141">
                <a:moveTo>
                  <a:pt x="33" y="0"/>
                </a:moveTo>
                <a:lnTo>
                  <a:pt x="34" y="1"/>
                </a:lnTo>
                <a:lnTo>
                  <a:pt x="38" y="0"/>
                </a:lnTo>
                <a:lnTo>
                  <a:pt x="42" y="3"/>
                </a:lnTo>
                <a:lnTo>
                  <a:pt x="44" y="5"/>
                </a:lnTo>
                <a:lnTo>
                  <a:pt x="44" y="9"/>
                </a:lnTo>
                <a:lnTo>
                  <a:pt x="44" y="12"/>
                </a:lnTo>
                <a:lnTo>
                  <a:pt x="46" y="16"/>
                </a:lnTo>
                <a:lnTo>
                  <a:pt x="48" y="19"/>
                </a:lnTo>
                <a:lnTo>
                  <a:pt x="48" y="23"/>
                </a:lnTo>
                <a:lnTo>
                  <a:pt x="47" y="27"/>
                </a:lnTo>
                <a:lnTo>
                  <a:pt x="44" y="30"/>
                </a:lnTo>
                <a:lnTo>
                  <a:pt x="42" y="33"/>
                </a:lnTo>
                <a:lnTo>
                  <a:pt x="44" y="36"/>
                </a:lnTo>
                <a:lnTo>
                  <a:pt x="47" y="37"/>
                </a:lnTo>
                <a:lnTo>
                  <a:pt x="51" y="46"/>
                </a:lnTo>
                <a:lnTo>
                  <a:pt x="49" y="51"/>
                </a:lnTo>
                <a:lnTo>
                  <a:pt x="50" y="55"/>
                </a:lnTo>
                <a:lnTo>
                  <a:pt x="50" y="60"/>
                </a:lnTo>
                <a:lnTo>
                  <a:pt x="50" y="65"/>
                </a:lnTo>
                <a:lnTo>
                  <a:pt x="54" y="73"/>
                </a:lnTo>
                <a:lnTo>
                  <a:pt x="54" y="77"/>
                </a:lnTo>
                <a:lnTo>
                  <a:pt x="52" y="82"/>
                </a:lnTo>
                <a:lnTo>
                  <a:pt x="54" y="88"/>
                </a:lnTo>
                <a:lnTo>
                  <a:pt x="58" y="97"/>
                </a:lnTo>
                <a:lnTo>
                  <a:pt x="61" y="105"/>
                </a:lnTo>
                <a:lnTo>
                  <a:pt x="57" y="115"/>
                </a:lnTo>
                <a:lnTo>
                  <a:pt x="52" y="126"/>
                </a:lnTo>
                <a:lnTo>
                  <a:pt x="53" y="130"/>
                </a:lnTo>
                <a:lnTo>
                  <a:pt x="51" y="141"/>
                </a:lnTo>
                <a:lnTo>
                  <a:pt x="44" y="138"/>
                </a:lnTo>
                <a:lnTo>
                  <a:pt x="45" y="128"/>
                </a:lnTo>
                <a:lnTo>
                  <a:pt x="41" y="127"/>
                </a:lnTo>
                <a:lnTo>
                  <a:pt x="39" y="139"/>
                </a:lnTo>
                <a:lnTo>
                  <a:pt x="35" y="137"/>
                </a:lnTo>
                <a:lnTo>
                  <a:pt x="30" y="136"/>
                </a:lnTo>
                <a:lnTo>
                  <a:pt x="26" y="135"/>
                </a:lnTo>
                <a:lnTo>
                  <a:pt x="23" y="132"/>
                </a:lnTo>
                <a:lnTo>
                  <a:pt x="25" y="124"/>
                </a:lnTo>
                <a:lnTo>
                  <a:pt x="25" y="118"/>
                </a:lnTo>
                <a:lnTo>
                  <a:pt x="24" y="110"/>
                </a:lnTo>
                <a:lnTo>
                  <a:pt x="25" y="109"/>
                </a:lnTo>
                <a:lnTo>
                  <a:pt x="28" y="103"/>
                </a:lnTo>
                <a:lnTo>
                  <a:pt x="31" y="100"/>
                </a:lnTo>
                <a:lnTo>
                  <a:pt x="32" y="95"/>
                </a:lnTo>
                <a:lnTo>
                  <a:pt x="30" y="90"/>
                </a:lnTo>
                <a:lnTo>
                  <a:pt x="27" y="87"/>
                </a:lnTo>
                <a:lnTo>
                  <a:pt x="27" y="76"/>
                </a:lnTo>
                <a:lnTo>
                  <a:pt x="9" y="76"/>
                </a:lnTo>
                <a:lnTo>
                  <a:pt x="9" y="72"/>
                </a:lnTo>
                <a:lnTo>
                  <a:pt x="8" y="67"/>
                </a:lnTo>
                <a:lnTo>
                  <a:pt x="5" y="62"/>
                </a:lnTo>
                <a:lnTo>
                  <a:pt x="11" y="56"/>
                </a:lnTo>
                <a:lnTo>
                  <a:pt x="9" y="49"/>
                </a:lnTo>
                <a:lnTo>
                  <a:pt x="3" y="31"/>
                </a:lnTo>
                <a:lnTo>
                  <a:pt x="1" y="23"/>
                </a:lnTo>
                <a:lnTo>
                  <a:pt x="0" y="18"/>
                </a:lnTo>
                <a:lnTo>
                  <a:pt x="2" y="17"/>
                </a:lnTo>
                <a:lnTo>
                  <a:pt x="6" y="17"/>
                </a:lnTo>
                <a:lnTo>
                  <a:pt x="11" y="16"/>
                </a:lnTo>
                <a:lnTo>
                  <a:pt x="17" y="13"/>
                </a:lnTo>
                <a:lnTo>
                  <a:pt x="20" y="8"/>
                </a:lnTo>
                <a:lnTo>
                  <a:pt x="23" y="5"/>
                </a:lnTo>
                <a:lnTo>
                  <a:pt x="27" y="3"/>
                </a:lnTo>
                <a:lnTo>
                  <a:pt x="33" y="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7" name="d14214"/>
          <xdr:cNvSpPr>
            <a:spLocks/>
          </xdr:cNvSpPr>
        </xdr:nvSpPr>
        <xdr:spPr bwMode="auto">
          <a:xfrm>
            <a:off x="4105275" y="12563475"/>
            <a:ext cx="1457325" cy="10763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0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16384"/>
              <a:gd name="T136" fmla="*/ 0 h 16384"/>
              <a:gd name="T137" fmla="*/ 16384 w 16384"/>
              <a:gd name="T138" fmla="*/ 16384 h 16384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16384" h="16384">
                <a:moveTo>
                  <a:pt x="15849" y="11309"/>
                </a:moveTo>
                <a:lnTo>
                  <a:pt x="16063" y="11744"/>
                </a:lnTo>
                <a:lnTo>
                  <a:pt x="16384" y="12324"/>
                </a:lnTo>
                <a:lnTo>
                  <a:pt x="16170" y="13629"/>
                </a:lnTo>
                <a:lnTo>
                  <a:pt x="14992" y="14789"/>
                </a:lnTo>
                <a:lnTo>
                  <a:pt x="15206" y="13774"/>
                </a:lnTo>
                <a:lnTo>
                  <a:pt x="15206" y="12904"/>
                </a:lnTo>
                <a:lnTo>
                  <a:pt x="14885" y="12759"/>
                </a:lnTo>
                <a:lnTo>
                  <a:pt x="14564" y="14499"/>
                </a:lnTo>
                <a:lnTo>
                  <a:pt x="14135" y="14354"/>
                </a:lnTo>
                <a:lnTo>
                  <a:pt x="13600" y="13629"/>
                </a:lnTo>
                <a:lnTo>
                  <a:pt x="13171" y="14209"/>
                </a:lnTo>
                <a:lnTo>
                  <a:pt x="12636" y="14209"/>
                </a:lnTo>
                <a:lnTo>
                  <a:pt x="12208" y="14354"/>
                </a:lnTo>
                <a:lnTo>
                  <a:pt x="12208" y="14644"/>
                </a:lnTo>
                <a:lnTo>
                  <a:pt x="11779" y="14209"/>
                </a:lnTo>
                <a:lnTo>
                  <a:pt x="11565" y="13629"/>
                </a:lnTo>
                <a:lnTo>
                  <a:pt x="11458" y="14499"/>
                </a:lnTo>
                <a:lnTo>
                  <a:pt x="11565" y="15369"/>
                </a:lnTo>
                <a:lnTo>
                  <a:pt x="11565" y="16384"/>
                </a:lnTo>
                <a:lnTo>
                  <a:pt x="10923" y="15949"/>
                </a:lnTo>
                <a:lnTo>
                  <a:pt x="10923" y="14934"/>
                </a:lnTo>
                <a:lnTo>
                  <a:pt x="10601" y="14354"/>
                </a:lnTo>
                <a:lnTo>
                  <a:pt x="10280" y="14064"/>
                </a:lnTo>
                <a:lnTo>
                  <a:pt x="9638" y="14064"/>
                </a:lnTo>
                <a:lnTo>
                  <a:pt x="9316" y="12614"/>
                </a:lnTo>
                <a:lnTo>
                  <a:pt x="9102" y="13194"/>
                </a:lnTo>
                <a:lnTo>
                  <a:pt x="9102" y="13774"/>
                </a:lnTo>
                <a:lnTo>
                  <a:pt x="9102" y="14209"/>
                </a:lnTo>
                <a:lnTo>
                  <a:pt x="8246" y="14064"/>
                </a:lnTo>
                <a:lnTo>
                  <a:pt x="7817" y="14209"/>
                </a:lnTo>
                <a:lnTo>
                  <a:pt x="6853" y="13919"/>
                </a:lnTo>
                <a:lnTo>
                  <a:pt x="6211" y="12904"/>
                </a:lnTo>
                <a:lnTo>
                  <a:pt x="5033" y="13339"/>
                </a:lnTo>
                <a:lnTo>
                  <a:pt x="4283" y="13339"/>
                </a:lnTo>
                <a:lnTo>
                  <a:pt x="3320" y="13919"/>
                </a:lnTo>
                <a:lnTo>
                  <a:pt x="2891" y="13629"/>
                </a:lnTo>
                <a:lnTo>
                  <a:pt x="2677" y="11889"/>
                </a:lnTo>
                <a:lnTo>
                  <a:pt x="3105" y="11164"/>
                </a:lnTo>
                <a:lnTo>
                  <a:pt x="3320" y="11019"/>
                </a:lnTo>
                <a:lnTo>
                  <a:pt x="3320" y="10584"/>
                </a:lnTo>
                <a:lnTo>
                  <a:pt x="3105" y="10004"/>
                </a:lnTo>
                <a:lnTo>
                  <a:pt x="3105" y="9134"/>
                </a:lnTo>
                <a:lnTo>
                  <a:pt x="2677" y="8699"/>
                </a:lnTo>
                <a:lnTo>
                  <a:pt x="2356" y="7830"/>
                </a:lnTo>
                <a:lnTo>
                  <a:pt x="1713" y="7395"/>
                </a:lnTo>
                <a:lnTo>
                  <a:pt x="857" y="5220"/>
                </a:lnTo>
                <a:lnTo>
                  <a:pt x="214" y="3335"/>
                </a:lnTo>
                <a:lnTo>
                  <a:pt x="0" y="2610"/>
                </a:lnTo>
                <a:lnTo>
                  <a:pt x="107" y="1740"/>
                </a:lnTo>
                <a:lnTo>
                  <a:pt x="857" y="1595"/>
                </a:lnTo>
                <a:lnTo>
                  <a:pt x="1285" y="1015"/>
                </a:lnTo>
                <a:lnTo>
                  <a:pt x="1606" y="435"/>
                </a:lnTo>
                <a:lnTo>
                  <a:pt x="1928" y="290"/>
                </a:lnTo>
                <a:lnTo>
                  <a:pt x="2570" y="435"/>
                </a:lnTo>
                <a:lnTo>
                  <a:pt x="3105" y="0"/>
                </a:lnTo>
                <a:lnTo>
                  <a:pt x="3534" y="290"/>
                </a:lnTo>
                <a:lnTo>
                  <a:pt x="3962" y="435"/>
                </a:lnTo>
                <a:lnTo>
                  <a:pt x="4176" y="870"/>
                </a:lnTo>
                <a:lnTo>
                  <a:pt x="4498" y="725"/>
                </a:lnTo>
                <a:lnTo>
                  <a:pt x="4712" y="1015"/>
                </a:lnTo>
                <a:lnTo>
                  <a:pt x="5997" y="1160"/>
                </a:lnTo>
                <a:lnTo>
                  <a:pt x="6318" y="1595"/>
                </a:lnTo>
                <a:lnTo>
                  <a:pt x="7603" y="1885"/>
                </a:lnTo>
                <a:lnTo>
                  <a:pt x="7710" y="2320"/>
                </a:lnTo>
                <a:lnTo>
                  <a:pt x="8031" y="2320"/>
                </a:lnTo>
                <a:lnTo>
                  <a:pt x="8460" y="2900"/>
                </a:lnTo>
                <a:lnTo>
                  <a:pt x="9423" y="2900"/>
                </a:lnTo>
                <a:lnTo>
                  <a:pt x="9316" y="3915"/>
                </a:lnTo>
                <a:lnTo>
                  <a:pt x="9638" y="4640"/>
                </a:lnTo>
                <a:lnTo>
                  <a:pt x="9959" y="4930"/>
                </a:lnTo>
                <a:lnTo>
                  <a:pt x="10601" y="5220"/>
                </a:lnTo>
                <a:lnTo>
                  <a:pt x="10923" y="5655"/>
                </a:lnTo>
                <a:lnTo>
                  <a:pt x="11886" y="4785"/>
                </a:lnTo>
                <a:lnTo>
                  <a:pt x="11886" y="4350"/>
                </a:lnTo>
                <a:lnTo>
                  <a:pt x="12315" y="4350"/>
                </a:lnTo>
                <a:lnTo>
                  <a:pt x="12636" y="4205"/>
                </a:lnTo>
                <a:lnTo>
                  <a:pt x="12850" y="4350"/>
                </a:lnTo>
                <a:lnTo>
                  <a:pt x="12743" y="4785"/>
                </a:lnTo>
                <a:lnTo>
                  <a:pt x="13171" y="5220"/>
                </a:lnTo>
                <a:lnTo>
                  <a:pt x="13600" y="5510"/>
                </a:lnTo>
                <a:lnTo>
                  <a:pt x="14135" y="6380"/>
                </a:lnTo>
                <a:lnTo>
                  <a:pt x="14671" y="6525"/>
                </a:lnTo>
                <a:lnTo>
                  <a:pt x="14885" y="6960"/>
                </a:lnTo>
                <a:lnTo>
                  <a:pt x="15099" y="7250"/>
                </a:lnTo>
                <a:lnTo>
                  <a:pt x="15099" y="8120"/>
                </a:lnTo>
                <a:lnTo>
                  <a:pt x="15099" y="8844"/>
                </a:lnTo>
                <a:lnTo>
                  <a:pt x="15206" y="9569"/>
                </a:lnTo>
                <a:lnTo>
                  <a:pt x="15634" y="10149"/>
                </a:lnTo>
                <a:lnTo>
                  <a:pt x="15849" y="1130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8" name="d14217"/>
          <xdr:cNvSpPr>
            <a:spLocks/>
          </xdr:cNvSpPr>
        </xdr:nvSpPr>
        <xdr:spPr bwMode="auto">
          <a:xfrm>
            <a:off x="1504950" y="13877925"/>
            <a:ext cx="1485900" cy="11049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0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0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w 16384"/>
              <a:gd name="T154" fmla="*/ 0 h 16384"/>
              <a:gd name="T155" fmla="*/ 16384 w 16384"/>
              <a:gd name="T156" fmla="*/ 16384 h 16384"/>
            </a:gdLst>
            <a:ahLst/>
            <a:cxnLst>
              <a:cxn ang="T102">
                <a:pos x="T0" y="T1"/>
              </a:cxn>
              <a:cxn ang="T103">
                <a:pos x="T2" y="T3"/>
              </a:cxn>
              <a:cxn ang="T104">
                <a:pos x="T4" y="T5"/>
              </a:cxn>
              <a:cxn ang="T105">
                <a:pos x="T6" y="T7"/>
              </a:cxn>
              <a:cxn ang="T106">
                <a:pos x="T8" y="T9"/>
              </a:cxn>
              <a:cxn ang="T107">
                <a:pos x="T10" y="T11"/>
              </a:cxn>
              <a:cxn ang="T108">
                <a:pos x="T12" y="T13"/>
              </a:cxn>
              <a:cxn ang="T109">
                <a:pos x="T14" y="T15"/>
              </a:cxn>
              <a:cxn ang="T110">
                <a:pos x="T16" y="T17"/>
              </a:cxn>
              <a:cxn ang="T111">
                <a:pos x="T18" y="T19"/>
              </a:cxn>
              <a:cxn ang="T112">
                <a:pos x="T20" y="T21"/>
              </a:cxn>
              <a:cxn ang="T113">
                <a:pos x="T22" y="T23"/>
              </a:cxn>
              <a:cxn ang="T114">
                <a:pos x="T24" y="T25"/>
              </a:cxn>
              <a:cxn ang="T115">
                <a:pos x="T26" y="T27"/>
              </a:cxn>
              <a:cxn ang="T116">
                <a:pos x="T28" y="T29"/>
              </a:cxn>
              <a:cxn ang="T117">
                <a:pos x="T30" y="T31"/>
              </a:cxn>
              <a:cxn ang="T118">
                <a:pos x="T32" y="T33"/>
              </a:cxn>
              <a:cxn ang="T119">
                <a:pos x="T34" y="T35"/>
              </a:cxn>
              <a:cxn ang="T120">
                <a:pos x="T36" y="T37"/>
              </a:cxn>
              <a:cxn ang="T121">
                <a:pos x="T38" y="T39"/>
              </a:cxn>
              <a:cxn ang="T122">
                <a:pos x="T40" y="T41"/>
              </a:cxn>
              <a:cxn ang="T123">
                <a:pos x="T42" y="T43"/>
              </a:cxn>
              <a:cxn ang="T124">
                <a:pos x="T44" y="T45"/>
              </a:cxn>
              <a:cxn ang="T125">
                <a:pos x="T46" y="T47"/>
              </a:cxn>
              <a:cxn ang="T126">
                <a:pos x="T48" y="T49"/>
              </a:cxn>
              <a:cxn ang="T127">
                <a:pos x="T50" y="T51"/>
              </a:cxn>
              <a:cxn ang="T128">
                <a:pos x="T52" y="T53"/>
              </a:cxn>
              <a:cxn ang="T129">
                <a:pos x="T54" y="T55"/>
              </a:cxn>
              <a:cxn ang="T130">
                <a:pos x="T56" y="T57"/>
              </a:cxn>
              <a:cxn ang="T131">
                <a:pos x="T58" y="T59"/>
              </a:cxn>
              <a:cxn ang="T132">
                <a:pos x="T60" y="T61"/>
              </a:cxn>
              <a:cxn ang="T133">
                <a:pos x="T62" y="T63"/>
              </a:cxn>
              <a:cxn ang="T134">
                <a:pos x="T64" y="T65"/>
              </a:cxn>
              <a:cxn ang="T135">
                <a:pos x="T66" y="T67"/>
              </a:cxn>
              <a:cxn ang="T136">
                <a:pos x="T68" y="T69"/>
              </a:cxn>
              <a:cxn ang="T137">
                <a:pos x="T70" y="T71"/>
              </a:cxn>
              <a:cxn ang="T138">
                <a:pos x="T72" y="T73"/>
              </a:cxn>
              <a:cxn ang="T139">
                <a:pos x="T74" y="T75"/>
              </a:cxn>
              <a:cxn ang="T140">
                <a:pos x="T76" y="T77"/>
              </a:cxn>
              <a:cxn ang="T141">
                <a:pos x="T78" y="T79"/>
              </a:cxn>
              <a:cxn ang="T142">
                <a:pos x="T80" y="T81"/>
              </a:cxn>
              <a:cxn ang="T143">
                <a:pos x="T82" y="T83"/>
              </a:cxn>
              <a:cxn ang="T144">
                <a:pos x="T84" y="T85"/>
              </a:cxn>
              <a:cxn ang="T145">
                <a:pos x="T86" y="T87"/>
              </a:cxn>
              <a:cxn ang="T146">
                <a:pos x="T88" y="T89"/>
              </a:cxn>
              <a:cxn ang="T147">
                <a:pos x="T90" y="T91"/>
              </a:cxn>
              <a:cxn ang="T148">
                <a:pos x="T92" y="T93"/>
              </a:cxn>
              <a:cxn ang="T149">
                <a:pos x="T94" y="T95"/>
              </a:cxn>
              <a:cxn ang="T150">
                <a:pos x="T96" y="T97"/>
              </a:cxn>
              <a:cxn ang="T151">
                <a:pos x="T98" y="T99"/>
              </a:cxn>
              <a:cxn ang="T152">
                <a:pos x="T100" y="T101"/>
              </a:cxn>
            </a:cxnLst>
            <a:rect l="T153" t="T154" r="T155" b="T156"/>
            <a:pathLst>
              <a:path w="16384" h="16384">
                <a:moveTo>
                  <a:pt x="16069" y="7486"/>
                </a:moveTo>
                <a:lnTo>
                  <a:pt x="16279" y="8051"/>
                </a:lnTo>
                <a:lnTo>
                  <a:pt x="16384" y="8333"/>
                </a:lnTo>
                <a:lnTo>
                  <a:pt x="16069" y="8757"/>
                </a:lnTo>
                <a:lnTo>
                  <a:pt x="15964" y="9181"/>
                </a:lnTo>
                <a:lnTo>
                  <a:pt x="16069" y="9604"/>
                </a:lnTo>
                <a:lnTo>
                  <a:pt x="16174" y="10311"/>
                </a:lnTo>
                <a:lnTo>
                  <a:pt x="16174" y="10452"/>
                </a:lnTo>
                <a:lnTo>
                  <a:pt x="16384" y="11723"/>
                </a:lnTo>
                <a:lnTo>
                  <a:pt x="16069" y="11864"/>
                </a:lnTo>
                <a:lnTo>
                  <a:pt x="16174" y="12288"/>
                </a:lnTo>
                <a:lnTo>
                  <a:pt x="16069" y="12712"/>
                </a:lnTo>
                <a:lnTo>
                  <a:pt x="15859" y="13277"/>
                </a:lnTo>
                <a:lnTo>
                  <a:pt x="15439" y="13418"/>
                </a:lnTo>
                <a:lnTo>
                  <a:pt x="14914" y="13277"/>
                </a:lnTo>
                <a:lnTo>
                  <a:pt x="14599" y="13418"/>
                </a:lnTo>
                <a:lnTo>
                  <a:pt x="14599" y="13842"/>
                </a:lnTo>
                <a:lnTo>
                  <a:pt x="14704" y="14548"/>
                </a:lnTo>
                <a:lnTo>
                  <a:pt x="14073" y="14830"/>
                </a:lnTo>
                <a:lnTo>
                  <a:pt x="13758" y="14830"/>
                </a:lnTo>
                <a:lnTo>
                  <a:pt x="13023" y="14972"/>
                </a:lnTo>
                <a:lnTo>
                  <a:pt x="10923" y="15113"/>
                </a:lnTo>
                <a:lnTo>
                  <a:pt x="10713" y="15537"/>
                </a:lnTo>
                <a:lnTo>
                  <a:pt x="9872" y="15678"/>
                </a:lnTo>
                <a:lnTo>
                  <a:pt x="9137" y="16102"/>
                </a:lnTo>
                <a:lnTo>
                  <a:pt x="8717" y="16243"/>
                </a:lnTo>
                <a:lnTo>
                  <a:pt x="7877" y="16102"/>
                </a:lnTo>
                <a:lnTo>
                  <a:pt x="7142" y="16384"/>
                </a:lnTo>
                <a:lnTo>
                  <a:pt x="5881" y="14972"/>
                </a:lnTo>
                <a:lnTo>
                  <a:pt x="5881" y="14407"/>
                </a:lnTo>
                <a:lnTo>
                  <a:pt x="5461" y="14265"/>
                </a:lnTo>
                <a:lnTo>
                  <a:pt x="4936" y="14548"/>
                </a:lnTo>
                <a:lnTo>
                  <a:pt x="4726" y="14830"/>
                </a:lnTo>
                <a:lnTo>
                  <a:pt x="4306" y="14972"/>
                </a:lnTo>
                <a:lnTo>
                  <a:pt x="4096" y="15254"/>
                </a:lnTo>
                <a:lnTo>
                  <a:pt x="3676" y="15537"/>
                </a:lnTo>
                <a:lnTo>
                  <a:pt x="3361" y="15678"/>
                </a:lnTo>
                <a:lnTo>
                  <a:pt x="3046" y="15395"/>
                </a:lnTo>
                <a:lnTo>
                  <a:pt x="2836" y="15113"/>
                </a:lnTo>
                <a:lnTo>
                  <a:pt x="2311" y="14689"/>
                </a:lnTo>
                <a:lnTo>
                  <a:pt x="1890" y="14689"/>
                </a:lnTo>
                <a:lnTo>
                  <a:pt x="1575" y="14830"/>
                </a:lnTo>
                <a:lnTo>
                  <a:pt x="1575" y="14548"/>
                </a:lnTo>
                <a:lnTo>
                  <a:pt x="1470" y="14265"/>
                </a:lnTo>
                <a:lnTo>
                  <a:pt x="1050" y="14265"/>
                </a:lnTo>
                <a:lnTo>
                  <a:pt x="840" y="13983"/>
                </a:lnTo>
                <a:lnTo>
                  <a:pt x="840" y="13700"/>
                </a:lnTo>
                <a:lnTo>
                  <a:pt x="525" y="13135"/>
                </a:lnTo>
                <a:lnTo>
                  <a:pt x="0" y="12570"/>
                </a:lnTo>
                <a:lnTo>
                  <a:pt x="0" y="12288"/>
                </a:lnTo>
                <a:lnTo>
                  <a:pt x="210" y="11582"/>
                </a:lnTo>
                <a:lnTo>
                  <a:pt x="210" y="10593"/>
                </a:lnTo>
                <a:lnTo>
                  <a:pt x="420" y="10169"/>
                </a:lnTo>
                <a:lnTo>
                  <a:pt x="525" y="9604"/>
                </a:lnTo>
                <a:lnTo>
                  <a:pt x="630" y="8898"/>
                </a:lnTo>
                <a:lnTo>
                  <a:pt x="840" y="8333"/>
                </a:lnTo>
                <a:lnTo>
                  <a:pt x="735" y="7768"/>
                </a:lnTo>
                <a:lnTo>
                  <a:pt x="1050" y="7203"/>
                </a:lnTo>
                <a:lnTo>
                  <a:pt x="1260" y="6638"/>
                </a:lnTo>
                <a:lnTo>
                  <a:pt x="1575" y="5932"/>
                </a:lnTo>
                <a:lnTo>
                  <a:pt x="1785" y="5226"/>
                </a:lnTo>
                <a:lnTo>
                  <a:pt x="1785" y="4378"/>
                </a:lnTo>
                <a:lnTo>
                  <a:pt x="2101" y="3955"/>
                </a:lnTo>
                <a:lnTo>
                  <a:pt x="2626" y="4096"/>
                </a:lnTo>
                <a:lnTo>
                  <a:pt x="3046" y="4096"/>
                </a:lnTo>
                <a:lnTo>
                  <a:pt x="3466" y="3955"/>
                </a:lnTo>
                <a:lnTo>
                  <a:pt x="3361" y="3107"/>
                </a:lnTo>
                <a:lnTo>
                  <a:pt x="3571" y="2684"/>
                </a:lnTo>
                <a:lnTo>
                  <a:pt x="4096" y="2260"/>
                </a:lnTo>
                <a:lnTo>
                  <a:pt x="4411" y="1554"/>
                </a:lnTo>
                <a:lnTo>
                  <a:pt x="4831" y="1130"/>
                </a:lnTo>
                <a:lnTo>
                  <a:pt x="5566" y="1130"/>
                </a:lnTo>
                <a:lnTo>
                  <a:pt x="5776" y="989"/>
                </a:lnTo>
                <a:lnTo>
                  <a:pt x="6091" y="282"/>
                </a:lnTo>
                <a:lnTo>
                  <a:pt x="6512" y="141"/>
                </a:lnTo>
                <a:lnTo>
                  <a:pt x="7142" y="141"/>
                </a:lnTo>
                <a:lnTo>
                  <a:pt x="7352" y="424"/>
                </a:lnTo>
                <a:lnTo>
                  <a:pt x="7877" y="847"/>
                </a:lnTo>
                <a:lnTo>
                  <a:pt x="8717" y="1130"/>
                </a:lnTo>
                <a:lnTo>
                  <a:pt x="9347" y="847"/>
                </a:lnTo>
                <a:lnTo>
                  <a:pt x="9767" y="282"/>
                </a:lnTo>
                <a:lnTo>
                  <a:pt x="10293" y="565"/>
                </a:lnTo>
                <a:lnTo>
                  <a:pt x="10818" y="424"/>
                </a:lnTo>
                <a:lnTo>
                  <a:pt x="11238" y="565"/>
                </a:lnTo>
                <a:lnTo>
                  <a:pt x="11763" y="989"/>
                </a:lnTo>
                <a:lnTo>
                  <a:pt x="12393" y="424"/>
                </a:lnTo>
                <a:lnTo>
                  <a:pt x="12813" y="141"/>
                </a:lnTo>
                <a:lnTo>
                  <a:pt x="13443" y="0"/>
                </a:lnTo>
                <a:lnTo>
                  <a:pt x="13443" y="424"/>
                </a:lnTo>
                <a:lnTo>
                  <a:pt x="13338" y="847"/>
                </a:lnTo>
                <a:lnTo>
                  <a:pt x="13023" y="1412"/>
                </a:lnTo>
                <a:lnTo>
                  <a:pt x="13338" y="2119"/>
                </a:lnTo>
                <a:lnTo>
                  <a:pt x="13653" y="2401"/>
                </a:lnTo>
                <a:lnTo>
                  <a:pt x="14073" y="2825"/>
                </a:lnTo>
                <a:lnTo>
                  <a:pt x="14178" y="3390"/>
                </a:lnTo>
                <a:lnTo>
                  <a:pt x="14283" y="4378"/>
                </a:lnTo>
                <a:lnTo>
                  <a:pt x="14599" y="5367"/>
                </a:lnTo>
                <a:lnTo>
                  <a:pt x="14809" y="6356"/>
                </a:lnTo>
                <a:lnTo>
                  <a:pt x="14914" y="6638"/>
                </a:lnTo>
                <a:lnTo>
                  <a:pt x="15334" y="6780"/>
                </a:lnTo>
                <a:lnTo>
                  <a:pt x="15649" y="6921"/>
                </a:lnTo>
                <a:lnTo>
                  <a:pt x="15754" y="7486"/>
                </a:lnTo>
                <a:lnTo>
                  <a:pt x="16069" y="7486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19" name="d14301"/>
          <xdr:cNvSpPr>
            <a:spLocks/>
          </xdr:cNvSpPr>
        </xdr:nvSpPr>
        <xdr:spPr bwMode="auto">
          <a:xfrm>
            <a:off x="7953375" y="14735175"/>
            <a:ext cx="847725" cy="5334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0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w 16384"/>
              <a:gd name="T115" fmla="*/ 0 h 16384"/>
              <a:gd name="T116" fmla="*/ 16384 w 16384"/>
              <a:gd name="T117" fmla="*/ 16384 h 16384"/>
            </a:gdLst>
            <a:ahLst/>
            <a:cxnLst>
              <a:cxn ang="T76">
                <a:pos x="T0" y="T1"/>
              </a:cxn>
              <a:cxn ang="T77">
                <a:pos x="T2" y="T3"/>
              </a:cxn>
              <a:cxn ang="T78">
                <a:pos x="T4" y="T5"/>
              </a:cxn>
              <a:cxn ang="T79">
                <a:pos x="T6" y="T7"/>
              </a:cxn>
              <a:cxn ang="T80">
                <a:pos x="T8" y="T9"/>
              </a:cxn>
              <a:cxn ang="T81">
                <a:pos x="T10" y="T11"/>
              </a:cxn>
              <a:cxn ang="T82">
                <a:pos x="T12" y="T13"/>
              </a:cxn>
              <a:cxn ang="T83">
                <a:pos x="T14" y="T15"/>
              </a:cxn>
              <a:cxn ang="T84">
                <a:pos x="T16" y="T17"/>
              </a:cxn>
              <a:cxn ang="T85">
                <a:pos x="T18" y="T19"/>
              </a:cxn>
              <a:cxn ang="T86">
                <a:pos x="T20" y="T21"/>
              </a:cxn>
              <a:cxn ang="T87">
                <a:pos x="T22" y="T23"/>
              </a:cxn>
              <a:cxn ang="T88">
                <a:pos x="T24" y="T25"/>
              </a:cxn>
              <a:cxn ang="T89">
                <a:pos x="T26" y="T27"/>
              </a:cxn>
              <a:cxn ang="T90">
                <a:pos x="T28" y="T29"/>
              </a:cxn>
              <a:cxn ang="T91">
                <a:pos x="T30" y="T31"/>
              </a:cxn>
              <a:cxn ang="T92">
                <a:pos x="T32" y="T33"/>
              </a:cxn>
              <a:cxn ang="T93">
                <a:pos x="T34" y="T35"/>
              </a:cxn>
              <a:cxn ang="T94">
                <a:pos x="T36" y="T37"/>
              </a:cxn>
              <a:cxn ang="T95">
                <a:pos x="T38" y="T39"/>
              </a:cxn>
              <a:cxn ang="T96">
                <a:pos x="T40" y="T41"/>
              </a:cxn>
              <a:cxn ang="T97">
                <a:pos x="T42" y="T43"/>
              </a:cxn>
              <a:cxn ang="T98">
                <a:pos x="T44" y="T45"/>
              </a:cxn>
              <a:cxn ang="T99">
                <a:pos x="T46" y="T47"/>
              </a:cxn>
              <a:cxn ang="T100">
                <a:pos x="T48" y="T49"/>
              </a:cxn>
              <a:cxn ang="T101">
                <a:pos x="T50" y="T51"/>
              </a:cxn>
              <a:cxn ang="T102">
                <a:pos x="T52" y="T53"/>
              </a:cxn>
              <a:cxn ang="T103">
                <a:pos x="T54" y="T55"/>
              </a:cxn>
              <a:cxn ang="T104">
                <a:pos x="T56" y="T57"/>
              </a:cxn>
              <a:cxn ang="T105">
                <a:pos x="T58" y="T59"/>
              </a:cxn>
              <a:cxn ang="T106">
                <a:pos x="T60" y="T61"/>
              </a:cxn>
              <a:cxn ang="T107">
                <a:pos x="T62" y="T63"/>
              </a:cxn>
              <a:cxn ang="T108">
                <a:pos x="T64" y="T65"/>
              </a:cxn>
              <a:cxn ang="T109">
                <a:pos x="T66" y="T67"/>
              </a:cxn>
              <a:cxn ang="T110">
                <a:pos x="T68" y="T69"/>
              </a:cxn>
              <a:cxn ang="T111">
                <a:pos x="T70" y="T71"/>
              </a:cxn>
              <a:cxn ang="T112">
                <a:pos x="T72" y="T73"/>
              </a:cxn>
              <a:cxn ang="T113">
                <a:pos x="T74" y="T75"/>
              </a:cxn>
            </a:cxnLst>
            <a:rect l="T114" t="T115" r="T116" b="T117"/>
            <a:pathLst>
              <a:path w="16384" h="16384">
                <a:moveTo>
                  <a:pt x="12518" y="5559"/>
                </a:moveTo>
                <a:lnTo>
                  <a:pt x="13070" y="5266"/>
                </a:lnTo>
                <a:lnTo>
                  <a:pt x="13807" y="6729"/>
                </a:lnTo>
                <a:lnTo>
                  <a:pt x="14911" y="7607"/>
                </a:lnTo>
                <a:lnTo>
                  <a:pt x="15648" y="7899"/>
                </a:lnTo>
                <a:lnTo>
                  <a:pt x="16384" y="7899"/>
                </a:lnTo>
                <a:lnTo>
                  <a:pt x="16384" y="8485"/>
                </a:lnTo>
                <a:lnTo>
                  <a:pt x="15832" y="9070"/>
                </a:lnTo>
                <a:lnTo>
                  <a:pt x="15832" y="10533"/>
                </a:lnTo>
                <a:lnTo>
                  <a:pt x="16200" y="11995"/>
                </a:lnTo>
                <a:lnTo>
                  <a:pt x="16016" y="13166"/>
                </a:lnTo>
                <a:lnTo>
                  <a:pt x="15279" y="12873"/>
                </a:lnTo>
                <a:lnTo>
                  <a:pt x="14359" y="13458"/>
                </a:lnTo>
                <a:lnTo>
                  <a:pt x="13807" y="14043"/>
                </a:lnTo>
                <a:lnTo>
                  <a:pt x="13439" y="14336"/>
                </a:lnTo>
                <a:lnTo>
                  <a:pt x="13254" y="15214"/>
                </a:lnTo>
                <a:lnTo>
                  <a:pt x="12702" y="15214"/>
                </a:lnTo>
                <a:lnTo>
                  <a:pt x="11966" y="14629"/>
                </a:lnTo>
                <a:lnTo>
                  <a:pt x="11782" y="13458"/>
                </a:lnTo>
                <a:lnTo>
                  <a:pt x="11414" y="12873"/>
                </a:lnTo>
                <a:lnTo>
                  <a:pt x="11045" y="12581"/>
                </a:lnTo>
                <a:lnTo>
                  <a:pt x="10677" y="13458"/>
                </a:lnTo>
                <a:lnTo>
                  <a:pt x="10125" y="14043"/>
                </a:lnTo>
                <a:lnTo>
                  <a:pt x="9389" y="14043"/>
                </a:lnTo>
                <a:lnTo>
                  <a:pt x="9020" y="14043"/>
                </a:lnTo>
                <a:lnTo>
                  <a:pt x="8284" y="14043"/>
                </a:lnTo>
                <a:lnTo>
                  <a:pt x="7732" y="14043"/>
                </a:lnTo>
                <a:lnTo>
                  <a:pt x="7180" y="14921"/>
                </a:lnTo>
                <a:lnTo>
                  <a:pt x="7180" y="15214"/>
                </a:lnTo>
                <a:lnTo>
                  <a:pt x="6075" y="15214"/>
                </a:lnTo>
                <a:lnTo>
                  <a:pt x="3130" y="15799"/>
                </a:lnTo>
                <a:lnTo>
                  <a:pt x="2761" y="16384"/>
                </a:lnTo>
                <a:lnTo>
                  <a:pt x="1841" y="16384"/>
                </a:lnTo>
                <a:lnTo>
                  <a:pt x="2577" y="14629"/>
                </a:lnTo>
                <a:lnTo>
                  <a:pt x="2025" y="13751"/>
                </a:lnTo>
                <a:lnTo>
                  <a:pt x="1473" y="12581"/>
                </a:lnTo>
                <a:lnTo>
                  <a:pt x="1473" y="11410"/>
                </a:lnTo>
                <a:lnTo>
                  <a:pt x="920" y="11118"/>
                </a:lnTo>
                <a:lnTo>
                  <a:pt x="0" y="10533"/>
                </a:lnTo>
                <a:lnTo>
                  <a:pt x="184" y="9655"/>
                </a:lnTo>
                <a:lnTo>
                  <a:pt x="552" y="8777"/>
                </a:lnTo>
                <a:lnTo>
                  <a:pt x="368" y="7899"/>
                </a:lnTo>
                <a:lnTo>
                  <a:pt x="736" y="6729"/>
                </a:lnTo>
                <a:lnTo>
                  <a:pt x="368" y="4974"/>
                </a:lnTo>
                <a:lnTo>
                  <a:pt x="184" y="3803"/>
                </a:lnTo>
                <a:lnTo>
                  <a:pt x="0" y="2633"/>
                </a:lnTo>
                <a:lnTo>
                  <a:pt x="736" y="2341"/>
                </a:lnTo>
                <a:lnTo>
                  <a:pt x="1473" y="3803"/>
                </a:lnTo>
                <a:lnTo>
                  <a:pt x="2209" y="3218"/>
                </a:lnTo>
                <a:lnTo>
                  <a:pt x="2761" y="2048"/>
                </a:lnTo>
                <a:lnTo>
                  <a:pt x="3498" y="2048"/>
                </a:lnTo>
                <a:lnTo>
                  <a:pt x="4234" y="1463"/>
                </a:lnTo>
                <a:lnTo>
                  <a:pt x="4786" y="0"/>
                </a:lnTo>
                <a:lnTo>
                  <a:pt x="5339" y="293"/>
                </a:lnTo>
                <a:lnTo>
                  <a:pt x="6259" y="0"/>
                </a:lnTo>
                <a:lnTo>
                  <a:pt x="6627" y="293"/>
                </a:lnTo>
                <a:lnTo>
                  <a:pt x="8100" y="293"/>
                </a:lnTo>
                <a:lnTo>
                  <a:pt x="8284" y="878"/>
                </a:lnTo>
                <a:lnTo>
                  <a:pt x="9204" y="585"/>
                </a:lnTo>
                <a:lnTo>
                  <a:pt x="9757" y="1463"/>
                </a:lnTo>
                <a:lnTo>
                  <a:pt x="9389" y="2633"/>
                </a:lnTo>
                <a:lnTo>
                  <a:pt x="8468" y="3803"/>
                </a:lnTo>
                <a:lnTo>
                  <a:pt x="7916" y="3803"/>
                </a:lnTo>
                <a:lnTo>
                  <a:pt x="6995" y="4389"/>
                </a:lnTo>
                <a:lnTo>
                  <a:pt x="6443" y="4389"/>
                </a:lnTo>
                <a:lnTo>
                  <a:pt x="6259" y="4974"/>
                </a:lnTo>
                <a:lnTo>
                  <a:pt x="6811" y="6144"/>
                </a:lnTo>
                <a:lnTo>
                  <a:pt x="7548" y="6144"/>
                </a:lnTo>
                <a:lnTo>
                  <a:pt x="8100" y="6437"/>
                </a:lnTo>
                <a:lnTo>
                  <a:pt x="9020" y="6144"/>
                </a:lnTo>
                <a:lnTo>
                  <a:pt x="9941" y="5851"/>
                </a:lnTo>
                <a:lnTo>
                  <a:pt x="10493" y="6144"/>
                </a:lnTo>
                <a:lnTo>
                  <a:pt x="11229" y="6729"/>
                </a:lnTo>
                <a:lnTo>
                  <a:pt x="12150" y="6729"/>
                </a:lnTo>
                <a:lnTo>
                  <a:pt x="12702" y="5851"/>
                </a:lnTo>
                <a:lnTo>
                  <a:pt x="12518" y="555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20" name="d14321"/>
          <xdr:cNvSpPr>
            <a:spLocks/>
          </xdr:cNvSpPr>
        </xdr:nvSpPr>
        <xdr:spPr bwMode="auto">
          <a:xfrm>
            <a:off x="5686425" y="13220700"/>
            <a:ext cx="409575" cy="714375"/>
          </a:xfrm>
          <a:custGeom>
            <a:avLst/>
            <a:gdLst>
              <a:gd name="T0" fmla="*/ 2147483646 w 43"/>
              <a:gd name="T1" fmla="*/ 2147483646 h 75"/>
              <a:gd name="T2" fmla="*/ 2147483646 w 43"/>
              <a:gd name="T3" fmla="*/ 2147483646 h 75"/>
              <a:gd name="T4" fmla="*/ 2147483646 w 43"/>
              <a:gd name="T5" fmla="*/ 2147483646 h 75"/>
              <a:gd name="T6" fmla="*/ 2147483646 w 43"/>
              <a:gd name="T7" fmla="*/ 2147483646 h 75"/>
              <a:gd name="T8" fmla="*/ 2147483646 w 43"/>
              <a:gd name="T9" fmla="*/ 0 h 75"/>
              <a:gd name="T10" fmla="*/ 2147483646 w 43"/>
              <a:gd name="T11" fmla="*/ 2147483646 h 75"/>
              <a:gd name="T12" fmla="*/ 2147483646 w 43"/>
              <a:gd name="T13" fmla="*/ 2147483646 h 75"/>
              <a:gd name="T14" fmla="*/ 2147483646 w 43"/>
              <a:gd name="T15" fmla="*/ 2147483646 h 75"/>
              <a:gd name="T16" fmla="*/ 2147483646 w 43"/>
              <a:gd name="T17" fmla="*/ 2147483646 h 75"/>
              <a:gd name="T18" fmla="*/ 2147483646 w 43"/>
              <a:gd name="T19" fmla="*/ 2147483646 h 75"/>
              <a:gd name="T20" fmla="*/ 2147483646 w 43"/>
              <a:gd name="T21" fmla="*/ 2147483646 h 75"/>
              <a:gd name="T22" fmla="*/ 2147483646 w 43"/>
              <a:gd name="T23" fmla="*/ 2147483646 h 75"/>
              <a:gd name="T24" fmla="*/ 2147483646 w 43"/>
              <a:gd name="T25" fmla="*/ 2147483646 h 75"/>
              <a:gd name="T26" fmla="*/ 2147483646 w 43"/>
              <a:gd name="T27" fmla="*/ 2147483646 h 75"/>
              <a:gd name="T28" fmla="*/ 2147483646 w 43"/>
              <a:gd name="T29" fmla="*/ 2147483646 h 75"/>
              <a:gd name="T30" fmla="*/ 2147483646 w 43"/>
              <a:gd name="T31" fmla="*/ 2147483646 h 75"/>
              <a:gd name="T32" fmla="*/ 2147483646 w 43"/>
              <a:gd name="T33" fmla="*/ 2147483646 h 75"/>
              <a:gd name="T34" fmla="*/ 2147483646 w 43"/>
              <a:gd name="T35" fmla="*/ 2147483646 h 75"/>
              <a:gd name="T36" fmla="*/ 2147483646 w 43"/>
              <a:gd name="T37" fmla="*/ 2147483646 h 75"/>
              <a:gd name="T38" fmla="*/ 2147483646 w 43"/>
              <a:gd name="T39" fmla="*/ 2147483646 h 75"/>
              <a:gd name="T40" fmla="*/ 2147483646 w 43"/>
              <a:gd name="T41" fmla="*/ 2147483646 h 75"/>
              <a:gd name="T42" fmla="*/ 2147483646 w 43"/>
              <a:gd name="T43" fmla="*/ 2147483646 h 75"/>
              <a:gd name="T44" fmla="*/ 2147483646 w 43"/>
              <a:gd name="T45" fmla="*/ 2147483646 h 75"/>
              <a:gd name="T46" fmla="*/ 2147483646 w 43"/>
              <a:gd name="T47" fmla="*/ 2147483646 h 75"/>
              <a:gd name="T48" fmla="*/ 2147483646 w 43"/>
              <a:gd name="T49" fmla="*/ 2147483646 h 75"/>
              <a:gd name="T50" fmla="*/ 2147483646 w 43"/>
              <a:gd name="T51" fmla="*/ 2147483646 h 75"/>
              <a:gd name="T52" fmla="*/ 2147483646 w 43"/>
              <a:gd name="T53" fmla="*/ 2147483646 h 75"/>
              <a:gd name="T54" fmla="*/ 2147483646 w 43"/>
              <a:gd name="T55" fmla="*/ 2147483646 h 75"/>
              <a:gd name="T56" fmla="*/ 2147483646 w 43"/>
              <a:gd name="T57" fmla="*/ 2147483646 h 75"/>
              <a:gd name="T58" fmla="*/ 0 w 43"/>
              <a:gd name="T59" fmla="*/ 2147483646 h 75"/>
              <a:gd name="T60" fmla="*/ 2147483646 w 43"/>
              <a:gd name="T61" fmla="*/ 2147483646 h 75"/>
              <a:gd name="T62" fmla="*/ 2147483646 w 43"/>
              <a:gd name="T63" fmla="*/ 2147483646 h 75"/>
              <a:gd name="T64" fmla="*/ 2147483646 w 43"/>
              <a:gd name="T65" fmla="*/ 2147483646 h 75"/>
              <a:gd name="T66" fmla="*/ 2147483646 w 43"/>
              <a:gd name="T67" fmla="*/ 2147483646 h 75"/>
              <a:gd name="T68" fmla="*/ 2147483646 w 43"/>
              <a:gd name="T69" fmla="*/ 2147483646 h 75"/>
              <a:gd name="T70" fmla="*/ 2147483646 w 43"/>
              <a:gd name="T71" fmla="*/ 2147483646 h 75"/>
              <a:gd name="T72" fmla="*/ 2147483646 w 43"/>
              <a:gd name="T73" fmla="*/ 2147483646 h 75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43"/>
              <a:gd name="T112" fmla="*/ 0 h 75"/>
              <a:gd name="T113" fmla="*/ 43 w 43"/>
              <a:gd name="T114" fmla="*/ 75 h 75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43" h="75">
                <a:moveTo>
                  <a:pt x="6" y="10"/>
                </a:moveTo>
                <a:lnTo>
                  <a:pt x="5" y="5"/>
                </a:lnTo>
                <a:lnTo>
                  <a:pt x="3" y="1"/>
                </a:lnTo>
                <a:lnTo>
                  <a:pt x="8" y="1"/>
                </a:lnTo>
                <a:lnTo>
                  <a:pt x="15" y="0"/>
                </a:lnTo>
                <a:lnTo>
                  <a:pt x="20" y="2"/>
                </a:lnTo>
                <a:lnTo>
                  <a:pt x="26" y="1"/>
                </a:lnTo>
                <a:lnTo>
                  <a:pt x="32" y="1"/>
                </a:lnTo>
                <a:lnTo>
                  <a:pt x="30" y="5"/>
                </a:lnTo>
                <a:lnTo>
                  <a:pt x="34" y="7"/>
                </a:lnTo>
                <a:lnTo>
                  <a:pt x="32" y="15"/>
                </a:lnTo>
                <a:lnTo>
                  <a:pt x="38" y="16"/>
                </a:lnTo>
                <a:lnTo>
                  <a:pt x="37" y="25"/>
                </a:lnTo>
                <a:lnTo>
                  <a:pt x="41" y="32"/>
                </a:lnTo>
                <a:lnTo>
                  <a:pt x="43" y="34"/>
                </a:lnTo>
                <a:lnTo>
                  <a:pt x="42" y="40"/>
                </a:lnTo>
                <a:lnTo>
                  <a:pt x="39" y="46"/>
                </a:lnTo>
                <a:lnTo>
                  <a:pt x="36" y="50"/>
                </a:lnTo>
                <a:lnTo>
                  <a:pt x="30" y="54"/>
                </a:lnTo>
                <a:lnTo>
                  <a:pt x="30" y="58"/>
                </a:lnTo>
                <a:lnTo>
                  <a:pt x="33" y="62"/>
                </a:lnTo>
                <a:lnTo>
                  <a:pt x="33" y="66"/>
                </a:lnTo>
                <a:lnTo>
                  <a:pt x="30" y="72"/>
                </a:lnTo>
                <a:lnTo>
                  <a:pt x="17" y="73"/>
                </a:lnTo>
                <a:lnTo>
                  <a:pt x="7" y="74"/>
                </a:lnTo>
                <a:lnTo>
                  <a:pt x="1" y="75"/>
                </a:lnTo>
                <a:lnTo>
                  <a:pt x="2" y="67"/>
                </a:lnTo>
                <a:lnTo>
                  <a:pt x="4" y="65"/>
                </a:lnTo>
                <a:lnTo>
                  <a:pt x="3" y="61"/>
                </a:lnTo>
                <a:lnTo>
                  <a:pt x="0" y="54"/>
                </a:lnTo>
                <a:lnTo>
                  <a:pt x="1" y="51"/>
                </a:lnTo>
                <a:lnTo>
                  <a:pt x="4" y="43"/>
                </a:lnTo>
                <a:lnTo>
                  <a:pt x="4" y="35"/>
                </a:lnTo>
                <a:lnTo>
                  <a:pt x="7" y="28"/>
                </a:lnTo>
                <a:lnTo>
                  <a:pt x="7" y="21"/>
                </a:lnTo>
                <a:lnTo>
                  <a:pt x="7" y="15"/>
                </a:lnTo>
                <a:lnTo>
                  <a:pt x="6" y="1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21" name="d14341"/>
          <xdr:cNvSpPr>
            <a:spLocks/>
          </xdr:cNvSpPr>
        </xdr:nvSpPr>
        <xdr:spPr bwMode="auto">
          <a:xfrm>
            <a:off x="4333875" y="14135100"/>
            <a:ext cx="952500" cy="504825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0 h 16384"/>
              <a:gd name="T6" fmla="*/ 2147483646 w 16384"/>
              <a:gd name="T7" fmla="*/ 2147483646 h 16384"/>
              <a:gd name="T8" fmla="*/ 2147483646 w 16384"/>
              <a:gd name="T9" fmla="*/ 0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0 w 16384"/>
              <a:gd name="T73" fmla="*/ 2147483646 h 16384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16384"/>
              <a:gd name="T112" fmla="*/ 0 h 16384"/>
              <a:gd name="T113" fmla="*/ 16384 w 16384"/>
              <a:gd name="T114" fmla="*/ 16384 h 16384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16384" h="16384">
                <a:moveTo>
                  <a:pt x="0" y="2473"/>
                </a:moveTo>
                <a:lnTo>
                  <a:pt x="1147" y="2164"/>
                </a:lnTo>
                <a:lnTo>
                  <a:pt x="2130" y="0"/>
                </a:lnTo>
                <a:lnTo>
                  <a:pt x="3113" y="618"/>
                </a:lnTo>
                <a:lnTo>
                  <a:pt x="4424" y="0"/>
                </a:lnTo>
                <a:lnTo>
                  <a:pt x="5079" y="927"/>
                </a:lnTo>
                <a:lnTo>
                  <a:pt x="6062" y="618"/>
                </a:lnTo>
                <a:lnTo>
                  <a:pt x="6390" y="1546"/>
                </a:lnTo>
                <a:lnTo>
                  <a:pt x="8520" y="1546"/>
                </a:lnTo>
                <a:lnTo>
                  <a:pt x="8847" y="2473"/>
                </a:lnTo>
                <a:lnTo>
                  <a:pt x="8520" y="4019"/>
                </a:lnTo>
                <a:lnTo>
                  <a:pt x="9011" y="4019"/>
                </a:lnTo>
                <a:lnTo>
                  <a:pt x="9503" y="5564"/>
                </a:lnTo>
                <a:lnTo>
                  <a:pt x="10486" y="6183"/>
                </a:lnTo>
                <a:lnTo>
                  <a:pt x="10486" y="6801"/>
                </a:lnTo>
                <a:lnTo>
                  <a:pt x="11960" y="6492"/>
                </a:lnTo>
                <a:lnTo>
                  <a:pt x="12943" y="4946"/>
                </a:lnTo>
                <a:lnTo>
                  <a:pt x="14090" y="4019"/>
                </a:lnTo>
                <a:lnTo>
                  <a:pt x="14418" y="2782"/>
                </a:lnTo>
                <a:lnTo>
                  <a:pt x="14909" y="4019"/>
                </a:lnTo>
                <a:lnTo>
                  <a:pt x="16056" y="4019"/>
                </a:lnTo>
                <a:lnTo>
                  <a:pt x="16384" y="5255"/>
                </a:lnTo>
                <a:lnTo>
                  <a:pt x="15729" y="6183"/>
                </a:lnTo>
                <a:lnTo>
                  <a:pt x="15237" y="6492"/>
                </a:lnTo>
                <a:lnTo>
                  <a:pt x="14909" y="8965"/>
                </a:lnTo>
                <a:lnTo>
                  <a:pt x="15729" y="10201"/>
                </a:lnTo>
                <a:lnTo>
                  <a:pt x="13271" y="11438"/>
                </a:lnTo>
                <a:lnTo>
                  <a:pt x="12780" y="12674"/>
                </a:lnTo>
                <a:lnTo>
                  <a:pt x="9994" y="13911"/>
                </a:lnTo>
                <a:lnTo>
                  <a:pt x="3277" y="16384"/>
                </a:lnTo>
                <a:lnTo>
                  <a:pt x="3277" y="14529"/>
                </a:lnTo>
                <a:lnTo>
                  <a:pt x="2785" y="12674"/>
                </a:lnTo>
                <a:lnTo>
                  <a:pt x="2785" y="11129"/>
                </a:lnTo>
                <a:lnTo>
                  <a:pt x="2458" y="8656"/>
                </a:lnTo>
                <a:lnTo>
                  <a:pt x="1311" y="8656"/>
                </a:lnTo>
                <a:lnTo>
                  <a:pt x="819" y="5874"/>
                </a:lnTo>
                <a:lnTo>
                  <a:pt x="0" y="24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22" name="d14342"/>
          <xdr:cNvSpPr>
            <a:spLocks/>
          </xdr:cNvSpPr>
        </xdr:nvSpPr>
        <xdr:spPr bwMode="auto">
          <a:xfrm>
            <a:off x="4124325" y="14201775"/>
            <a:ext cx="400050" cy="5810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0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0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0 60000 65536"/>
              <a:gd name="T63" fmla="*/ 0 60000 65536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w 16384"/>
              <a:gd name="T94" fmla="*/ 0 h 16384"/>
              <a:gd name="T95" fmla="*/ 16384 w 16384"/>
              <a:gd name="T96" fmla="*/ 16384 h 16384"/>
            </a:gdLst>
            <a:ahLst/>
            <a:cxnLst>
              <a:cxn ang="T62">
                <a:pos x="T0" y="T1"/>
              </a:cxn>
              <a:cxn ang="T63">
                <a:pos x="T2" y="T3"/>
              </a:cxn>
              <a:cxn ang="T64">
                <a:pos x="T4" y="T5"/>
              </a:cxn>
              <a:cxn ang="T65">
                <a:pos x="T6" y="T7"/>
              </a:cxn>
              <a:cxn ang="T66">
                <a:pos x="T8" y="T9"/>
              </a:cxn>
              <a:cxn ang="T67">
                <a:pos x="T10" y="T11"/>
              </a:cxn>
              <a:cxn ang="T68">
                <a:pos x="T12" y="T13"/>
              </a:cxn>
              <a:cxn ang="T69">
                <a:pos x="T14" y="T15"/>
              </a:cxn>
              <a:cxn ang="T70">
                <a:pos x="T16" y="T17"/>
              </a:cxn>
              <a:cxn ang="T71">
                <a:pos x="T18" y="T19"/>
              </a:cxn>
              <a:cxn ang="T72">
                <a:pos x="T20" y="T21"/>
              </a:cxn>
              <a:cxn ang="T73">
                <a:pos x="T22" y="T23"/>
              </a:cxn>
              <a:cxn ang="T74">
                <a:pos x="T24" y="T25"/>
              </a:cxn>
              <a:cxn ang="T75">
                <a:pos x="T26" y="T27"/>
              </a:cxn>
              <a:cxn ang="T76">
                <a:pos x="T28" y="T29"/>
              </a:cxn>
              <a:cxn ang="T77">
                <a:pos x="T30" y="T31"/>
              </a:cxn>
              <a:cxn ang="T78">
                <a:pos x="T32" y="T33"/>
              </a:cxn>
              <a:cxn ang="T79">
                <a:pos x="T34" y="T35"/>
              </a:cxn>
              <a:cxn ang="T80">
                <a:pos x="T36" y="T37"/>
              </a:cxn>
              <a:cxn ang="T81">
                <a:pos x="T38" y="T39"/>
              </a:cxn>
              <a:cxn ang="T82">
                <a:pos x="T40" y="T41"/>
              </a:cxn>
              <a:cxn ang="T83">
                <a:pos x="T42" y="T43"/>
              </a:cxn>
              <a:cxn ang="T84">
                <a:pos x="T44" y="T45"/>
              </a:cxn>
              <a:cxn ang="T85">
                <a:pos x="T46" y="T47"/>
              </a:cxn>
              <a:cxn ang="T86">
                <a:pos x="T48" y="T49"/>
              </a:cxn>
              <a:cxn ang="T87">
                <a:pos x="T50" y="T51"/>
              </a:cxn>
              <a:cxn ang="T88">
                <a:pos x="T52" y="T53"/>
              </a:cxn>
              <a:cxn ang="T89">
                <a:pos x="T54" y="T55"/>
              </a:cxn>
              <a:cxn ang="T90">
                <a:pos x="T56" y="T57"/>
              </a:cxn>
              <a:cxn ang="T91">
                <a:pos x="T58" y="T59"/>
              </a:cxn>
              <a:cxn ang="T92">
                <a:pos x="T60" y="T61"/>
              </a:cxn>
            </a:cxnLst>
            <a:rect l="T93" t="T94" r="T95" b="T96"/>
            <a:pathLst>
              <a:path w="16384" h="16384">
                <a:moveTo>
                  <a:pt x="8582" y="269"/>
                </a:moveTo>
                <a:lnTo>
                  <a:pt x="10533" y="3223"/>
                </a:lnTo>
                <a:lnTo>
                  <a:pt x="11703" y="5640"/>
                </a:lnTo>
                <a:lnTo>
                  <a:pt x="14434" y="5640"/>
                </a:lnTo>
                <a:lnTo>
                  <a:pt x="15214" y="7789"/>
                </a:lnTo>
                <a:lnTo>
                  <a:pt x="15214" y="9132"/>
                </a:lnTo>
                <a:lnTo>
                  <a:pt x="16384" y="10744"/>
                </a:lnTo>
                <a:lnTo>
                  <a:pt x="16384" y="12355"/>
                </a:lnTo>
                <a:lnTo>
                  <a:pt x="13653" y="12892"/>
                </a:lnTo>
                <a:lnTo>
                  <a:pt x="9752" y="13967"/>
                </a:lnTo>
                <a:lnTo>
                  <a:pt x="5461" y="15310"/>
                </a:lnTo>
                <a:lnTo>
                  <a:pt x="1560" y="16384"/>
                </a:lnTo>
                <a:lnTo>
                  <a:pt x="780" y="15041"/>
                </a:lnTo>
                <a:lnTo>
                  <a:pt x="1170" y="13698"/>
                </a:lnTo>
                <a:lnTo>
                  <a:pt x="1950" y="13161"/>
                </a:lnTo>
                <a:lnTo>
                  <a:pt x="1950" y="12624"/>
                </a:lnTo>
                <a:lnTo>
                  <a:pt x="1170" y="12355"/>
                </a:lnTo>
                <a:lnTo>
                  <a:pt x="1950" y="11549"/>
                </a:lnTo>
                <a:lnTo>
                  <a:pt x="2341" y="10206"/>
                </a:lnTo>
                <a:lnTo>
                  <a:pt x="2341" y="9401"/>
                </a:lnTo>
                <a:lnTo>
                  <a:pt x="1950" y="8595"/>
                </a:lnTo>
                <a:lnTo>
                  <a:pt x="1950" y="7521"/>
                </a:lnTo>
                <a:lnTo>
                  <a:pt x="2731" y="5640"/>
                </a:lnTo>
                <a:lnTo>
                  <a:pt x="1170" y="5103"/>
                </a:lnTo>
                <a:lnTo>
                  <a:pt x="390" y="4566"/>
                </a:lnTo>
                <a:lnTo>
                  <a:pt x="0" y="3492"/>
                </a:lnTo>
                <a:lnTo>
                  <a:pt x="1560" y="3760"/>
                </a:lnTo>
                <a:lnTo>
                  <a:pt x="4291" y="1343"/>
                </a:lnTo>
                <a:lnTo>
                  <a:pt x="7412" y="0"/>
                </a:lnTo>
                <a:lnTo>
                  <a:pt x="7802" y="269"/>
                </a:lnTo>
                <a:lnTo>
                  <a:pt x="8582" y="26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23" name="d14361"/>
          <xdr:cNvSpPr>
            <a:spLocks/>
          </xdr:cNvSpPr>
        </xdr:nvSpPr>
        <xdr:spPr bwMode="auto">
          <a:xfrm>
            <a:off x="3590925" y="13754100"/>
            <a:ext cx="762000" cy="71437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0 w 16384"/>
              <a:gd name="T69" fmla="*/ 2147483646 h 16384"/>
              <a:gd name="T70" fmla="*/ 0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0 h 16384"/>
              <a:gd name="T82" fmla="*/ 2147483646 w 16384"/>
              <a:gd name="T83" fmla="*/ 0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6384"/>
              <a:gd name="T160" fmla="*/ 0 h 16384"/>
              <a:gd name="T161" fmla="*/ 16384 w 16384"/>
              <a:gd name="T162" fmla="*/ 16384 h 16384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6384" h="16384">
                <a:moveTo>
                  <a:pt x="16384" y="2403"/>
                </a:moveTo>
                <a:lnTo>
                  <a:pt x="14541" y="2840"/>
                </a:lnTo>
                <a:lnTo>
                  <a:pt x="13312" y="3932"/>
                </a:lnTo>
                <a:lnTo>
                  <a:pt x="13312" y="7646"/>
                </a:lnTo>
                <a:lnTo>
                  <a:pt x="14746" y="8738"/>
                </a:lnTo>
                <a:lnTo>
                  <a:pt x="15360" y="10267"/>
                </a:lnTo>
                <a:lnTo>
                  <a:pt x="13722" y="11360"/>
                </a:lnTo>
                <a:lnTo>
                  <a:pt x="12288" y="13326"/>
                </a:lnTo>
                <a:lnTo>
                  <a:pt x="11469" y="13107"/>
                </a:lnTo>
                <a:lnTo>
                  <a:pt x="11059" y="13544"/>
                </a:lnTo>
                <a:lnTo>
                  <a:pt x="10035" y="14418"/>
                </a:lnTo>
                <a:lnTo>
                  <a:pt x="8806" y="14418"/>
                </a:lnTo>
                <a:lnTo>
                  <a:pt x="7168" y="13763"/>
                </a:lnTo>
                <a:lnTo>
                  <a:pt x="6144" y="15073"/>
                </a:lnTo>
                <a:lnTo>
                  <a:pt x="5325" y="15729"/>
                </a:lnTo>
                <a:lnTo>
                  <a:pt x="4096" y="16384"/>
                </a:lnTo>
                <a:lnTo>
                  <a:pt x="4096" y="15510"/>
                </a:lnTo>
                <a:lnTo>
                  <a:pt x="3482" y="14636"/>
                </a:lnTo>
                <a:lnTo>
                  <a:pt x="3072" y="14636"/>
                </a:lnTo>
                <a:lnTo>
                  <a:pt x="1843" y="13763"/>
                </a:lnTo>
                <a:lnTo>
                  <a:pt x="1024" y="13107"/>
                </a:lnTo>
                <a:lnTo>
                  <a:pt x="410" y="12233"/>
                </a:lnTo>
                <a:lnTo>
                  <a:pt x="1024" y="11578"/>
                </a:lnTo>
                <a:lnTo>
                  <a:pt x="1434" y="10923"/>
                </a:lnTo>
                <a:lnTo>
                  <a:pt x="2048" y="10267"/>
                </a:lnTo>
                <a:lnTo>
                  <a:pt x="1638" y="9830"/>
                </a:lnTo>
                <a:lnTo>
                  <a:pt x="1638" y="9175"/>
                </a:lnTo>
                <a:lnTo>
                  <a:pt x="1229" y="8301"/>
                </a:lnTo>
                <a:lnTo>
                  <a:pt x="819" y="8738"/>
                </a:lnTo>
                <a:lnTo>
                  <a:pt x="614" y="8520"/>
                </a:lnTo>
                <a:lnTo>
                  <a:pt x="1229" y="7427"/>
                </a:lnTo>
                <a:lnTo>
                  <a:pt x="1434" y="6335"/>
                </a:lnTo>
                <a:lnTo>
                  <a:pt x="1024" y="5461"/>
                </a:lnTo>
                <a:lnTo>
                  <a:pt x="410" y="4806"/>
                </a:lnTo>
                <a:lnTo>
                  <a:pt x="0" y="3932"/>
                </a:lnTo>
                <a:lnTo>
                  <a:pt x="0" y="3277"/>
                </a:lnTo>
                <a:lnTo>
                  <a:pt x="1843" y="1966"/>
                </a:lnTo>
                <a:lnTo>
                  <a:pt x="3277" y="2185"/>
                </a:lnTo>
                <a:lnTo>
                  <a:pt x="3686" y="874"/>
                </a:lnTo>
                <a:lnTo>
                  <a:pt x="4506" y="874"/>
                </a:lnTo>
                <a:lnTo>
                  <a:pt x="4915" y="0"/>
                </a:lnTo>
                <a:lnTo>
                  <a:pt x="5530" y="0"/>
                </a:lnTo>
                <a:lnTo>
                  <a:pt x="5734" y="437"/>
                </a:lnTo>
                <a:lnTo>
                  <a:pt x="6554" y="655"/>
                </a:lnTo>
                <a:lnTo>
                  <a:pt x="6554" y="1311"/>
                </a:lnTo>
                <a:lnTo>
                  <a:pt x="6758" y="1529"/>
                </a:lnTo>
                <a:lnTo>
                  <a:pt x="6758" y="1748"/>
                </a:lnTo>
                <a:lnTo>
                  <a:pt x="7782" y="3058"/>
                </a:lnTo>
                <a:lnTo>
                  <a:pt x="9216" y="2403"/>
                </a:lnTo>
                <a:lnTo>
                  <a:pt x="11059" y="2621"/>
                </a:lnTo>
                <a:lnTo>
                  <a:pt x="12902" y="3058"/>
                </a:lnTo>
                <a:lnTo>
                  <a:pt x="14336" y="2185"/>
                </a:lnTo>
                <a:lnTo>
                  <a:pt x="16384" y="240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24" name="d14362"/>
          <xdr:cNvSpPr>
            <a:spLocks/>
          </xdr:cNvSpPr>
        </xdr:nvSpPr>
        <xdr:spPr bwMode="auto">
          <a:xfrm>
            <a:off x="3009900" y="13801725"/>
            <a:ext cx="676275" cy="6191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0 w 16384"/>
              <a:gd name="T39" fmla="*/ 2147483646 h 16384"/>
              <a:gd name="T40" fmla="*/ 0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0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w 16384"/>
              <a:gd name="T157" fmla="*/ 0 h 16384"/>
              <a:gd name="T158" fmla="*/ 16384 w 16384"/>
              <a:gd name="T159" fmla="*/ 16384 h 16384"/>
            </a:gdLst>
            <a:ahLst/>
            <a:cxnLst>
              <a:cxn ang="T104">
                <a:pos x="T0" y="T1"/>
              </a:cxn>
              <a:cxn ang="T105">
                <a:pos x="T2" y="T3"/>
              </a:cxn>
              <a:cxn ang="T106">
                <a:pos x="T4" y="T5"/>
              </a:cxn>
              <a:cxn ang="T107">
                <a:pos x="T6" y="T7"/>
              </a:cxn>
              <a:cxn ang="T108">
                <a:pos x="T8" y="T9"/>
              </a:cxn>
              <a:cxn ang="T109">
                <a:pos x="T10" y="T11"/>
              </a:cxn>
              <a:cxn ang="T110">
                <a:pos x="T12" y="T13"/>
              </a:cxn>
              <a:cxn ang="T111">
                <a:pos x="T14" y="T15"/>
              </a:cxn>
              <a:cxn ang="T112">
                <a:pos x="T16" y="T17"/>
              </a:cxn>
              <a:cxn ang="T113">
                <a:pos x="T18" y="T19"/>
              </a:cxn>
              <a:cxn ang="T114">
                <a:pos x="T20" y="T21"/>
              </a:cxn>
              <a:cxn ang="T115">
                <a:pos x="T22" y="T23"/>
              </a:cxn>
              <a:cxn ang="T116">
                <a:pos x="T24" y="T25"/>
              </a:cxn>
              <a:cxn ang="T117">
                <a:pos x="T26" y="T27"/>
              </a:cxn>
              <a:cxn ang="T118">
                <a:pos x="T28" y="T29"/>
              </a:cxn>
              <a:cxn ang="T119">
                <a:pos x="T30" y="T31"/>
              </a:cxn>
              <a:cxn ang="T120">
                <a:pos x="T32" y="T33"/>
              </a:cxn>
              <a:cxn ang="T121">
                <a:pos x="T34" y="T35"/>
              </a:cxn>
              <a:cxn ang="T122">
                <a:pos x="T36" y="T37"/>
              </a:cxn>
              <a:cxn ang="T123">
                <a:pos x="T38" y="T39"/>
              </a:cxn>
              <a:cxn ang="T124">
                <a:pos x="T40" y="T41"/>
              </a:cxn>
              <a:cxn ang="T125">
                <a:pos x="T42" y="T43"/>
              </a:cxn>
              <a:cxn ang="T126">
                <a:pos x="T44" y="T45"/>
              </a:cxn>
              <a:cxn ang="T127">
                <a:pos x="T46" y="T47"/>
              </a:cxn>
              <a:cxn ang="T128">
                <a:pos x="T48" y="T49"/>
              </a:cxn>
              <a:cxn ang="T129">
                <a:pos x="T50" y="T51"/>
              </a:cxn>
              <a:cxn ang="T130">
                <a:pos x="T52" y="T53"/>
              </a:cxn>
              <a:cxn ang="T131">
                <a:pos x="T54" y="T55"/>
              </a:cxn>
              <a:cxn ang="T132">
                <a:pos x="T56" y="T57"/>
              </a:cxn>
              <a:cxn ang="T133">
                <a:pos x="T58" y="T59"/>
              </a:cxn>
              <a:cxn ang="T134">
                <a:pos x="T60" y="T61"/>
              </a:cxn>
              <a:cxn ang="T135">
                <a:pos x="T62" y="T63"/>
              </a:cxn>
              <a:cxn ang="T136">
                <a:pos x="T64" y="T65"/>
              </a:cxn>
              <a:cxn ang="T137">
                <a:pos x="T66" y="T67"/>
              </a:cxn>
              <a:cxn ang="T138">
                <a:pos x="T68" y="T69"/>
              </a:cxn>
              <a:cxn ang="T139">
                <a:pos x="T70" y="T71"/>
              </a:cxn>
              <a:cxn ang="T140">
                <a:pos x="T72" y="T73"/>
              </a:cxn>
              <a:cxn ang="T141">
                <a:pos x="T74" y="T75"/>
              </a:cxn>
              <a:cxn ang="T142">
                <a:pos x="T76" y="T77"/>
              </a:cxn>
              <a:cxn ang="T143">
                <a:pos x="T78" y="T79"/>
              </a:cxn>
              <a:cxn ang="T144">
                <a:pos x="T80" y="T81"/>
              </a:cxn>
              <a:cxn ang="T145">
                <a:pos x="T82" y="T83"/>
              </a:cxn>
              <a:cxn ang="T146">
                <a:pos x="T84" y="T85"/>
              </a:cxn>
              <a:cxn ang="T147">
                <a:pos x="T86" y="T87"/>
              </a:cxn>
              <a:cxn ang="T148">
                <a:pos x="T88" y="T89"/>
              </a:cxn>
              <a:cxn ang="T149">
                <a:pos x="T90" y="T91"/>
              </a:cxn>
              <a:cxn ang="T150">
                <a:pos x="T92" y="T93"/>
              </a:cxn>
              <a:cxn ang="T151">
                <a:pos x="T94" y="T95"/>
              </a:cxn>
              <a:cxn ang="T152">
                <a:pos x="T96" y="T97"/>
              </a:cxn>
              <a:cxn ang="T153">
                <a:pos x="T98" y="T99"/>
              </a:cxn>
              <a:cxn ang="T154">
                <a:pos x="T100" y="T101"/>
              </a:cxn>
              <a:cxn ang="T155">
                <a:pos x="T102" y="T103"/>
              </a:cxn>
            </a:cxnLst>
            <a:rect l="T156" t="T157" r="T158" b="T159"/>
            <a:pathLst>
              <a:path w="16384" h="16384">
                <a:moveTo>
                  <a:pt x="14538" y="12855"/>
                </a:moveTo>
                <a:lnTo>
                  <a:pt x="13384" y="11091"/>
                </a:lnTo>
                <a:lnTo>
                  <a:pt x="13153" y="10587"/>
                </a:lnTo>
                <a:lnTo>
                  <a:pt x="12692" y="10335"/>
                </a:lnTo>
                <a:lnTo>
                  <a:pt x="12230" y="10839"/>
                </a:lnTo>
                <a:lnTo>
                  <a:pt x="10384" y="11343"/>
                </a:lnTo>
                <a:lnTo>
                  <a:pt x="10153" y="11595"/>
                </a:lnTo>
                <a:lnTo>
                  <a:pt x="9923" y="12855"/>
                </a:lnTo>
                <a:lnTo>
                  <a:pt x="9230" y="13359"/>
                </a:lnTo>
                <a:lnTo>
                  <a:pt x="8769" y="14115"/>
                </a:lnTo>
                <a:lnTo>
                  <a:pt x="8307" y="15124"/>
                </a:lnTo>
                <a:lnTo>
                  <a:pt x="8077" y="14368"/>
                </a:lnTo>
                <a:lnTo>
                  <a:pt x="6923" y="15628"/>
                </a:lnTo>
                <a:lnTo>
                  <a:pt x="5769" y="16384"/>
                </a:lnTo>
                <a:lnTo>
                  <a:pt x="4154" y="16132"/>
                </a:lnTo>
                <a:lnTo>
                  <a:pt x="2077" y="12351"/>
                </a:lnTo>
                <a:lnTo>
                  <a:pt x="1846" y="11847"/>
                </a:lnTo>
                <a:lnTo>
                  <a:pt x="1154" y="10587"/>
                </a:lnTo>
                <a:lnTo>
                  <a:pt x="231" y="9578"/>
                </a:lnTo>
                <a:lnTo>
                  <a:pt x="0" y="8318"/>
                </a:lnTo>
                <a:lnTo>
                  <a:pt x="0" y="7058"/>
                </a:lnTo>
                <a:lnTo>
                  <a:pt x="1385" y="7562"/>
                </a:lnTo>
                <a:lnTo>
                  <a:pt x="2077" y="7310"/>
                </a:lnTo>
                <a:lnTo>
                  <a:pt x="2538" y="6302"/>
                </a:lnTo>
                <a:lnTo>
                  <a:pt x="3231" y="5797"/>
                </a:lnTo>
                <a:lnTo>
                  <a:pt x="4384" y="5293"/>
                </a:lnTo>
                <a:lnTo>
                  <a:pt x="5077" y="4537"/>
                </a:lnTo>
                <a:lnTo>
                  <a:pt x="6231" y="4789"/>
                </a:lnTo>
                <a:lnTo>
                  <a:pt x="6923" y="4033"/>
                </a:lnTo>
                <a:lnTo>
                  <a:pt x="7154" y="3025"/>
                </a:lnTo>
                <a:lnTo>
                  <a:pt x="7384" y="1764"/>
                </a:lnTo>
                <a:lnTo>
                  <a:pt x="7384" y="504"/>
                </a:lnTo>
                <a:lnTo>
                  <a:pt x="9000" y="0"/>
                </a:lnTo>
                <a:lnTo>
                  <a:pt x="9461" y="1008"/>
                </a:lnTo>
                <a:lnTo>
                  <a:pt x="10615" y="3529"/>
                </a:lnTo>
                <a:lnTo>
                  <a:pt x="11769" y="4537"/>
                </a:lnTo>
                <a:lnTo>
                  <a:pt x="13384" y="3025"/>
                </a:lnTo>
                <a:lnTo>
                  <a:pt x="14076" y="2521"/>
                </a:lnTo>
                <a:lnTo>
                  <a:pt x="14076" y="3277"/>
                </a:lnTo>
                <a:lnTo>
                  <a:pt x="14538" y="4285"/>
                </a:lnTo>
                <a:lnTo>
                  <a:pt x="15230" y="5041"/>
                </a:lnTo>
                <a:lnTo>
                  <a:pt x="15692" y="6049"/>
                </a:lnTo>
                <a:lnTo>
                  <a:pt x="15461" y="7310"/>
                </a:lnTo>
                <a:lnTo>
                  <a:pt x="14769" y="8570"/>
                </a:lnTo>
                <a:lnTo>
                  <a:pt x="14999" y="8822"/>
                </a:lnTo>
                <a:lnTo>
                  <a:pt x="15461" y="8318"/>
                </a:lnTo>
                <a:lnTo>
                  <a:pt x="15922" y="9326"/>
                </a:lnTo>
                <a:lnTo>
                  <a:pt x="15922" y="10082"/>
                </a:lnTo>
                <a:lnTo>
                  <a:pt x="16384" y="10587"/>
                </a:lnTo>
                <a:lnTo>
                  <a:pt x="15692" y="11343"/>
                </a:lnTo>
                <a:lnTo>
                  <a:pt x="15230" y="12099"/>
                </a:lnTo>
                <a:lnTo>
                  <a:pt x="14538" y="12855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25" name="d14363"/>
          <xdr:cNvSpPr>
            <a:spLocks/>
          </xdr:cNvSpPr>
        </xdr:nvSpPr>
        <xdr:spPr bwMode="auto">
          <a:xfrm>
            <a:off x="2600325" y="12592050"/>
            <a:ext cx="714375" cy="14954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0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0 h 16384"/>
              <a:gd name="T82" fmla="*/ 2147483646 w 16384"/>
              <a:gd name="T83" fmla="*/ 2147483646 h 16384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w 16384"/>
              <a:gd name="T127" fmla="*/ 0 h 16384"/>
              <a:gd name="T128" fmla="*/ 16384 w 16384"/>
              <a:gd name="T129" fmla="*/ 16384 h 16384"/>
            </a:gdLst>
            <a:ahLst/>
            <a:cxnLst>
              <a:cxn ang="T84">
                <a:pos x="T0" y="T1"/>
              </a:cxn>
              <a:cxn ang="T85">
                <a:pos x="T2" y="T3"/>
              </a:cxn>
              <a:cxn ang="T86">
                <a:pos x="T4" y="T5"/>
              </a:cxn>
              <a:cxn ang="T87">
                <a:pos x="T6" y="T7"/>
              </a:cxn>
              <a:cxn ang="T88">
                <a:pos x="T8" y="T9"/>
              </a:cxn>
              <a:cxn ang="T89">
                <a:pos x="T10" y="T11"/>
              </a:cxn>
              <a:cxn ang="T90">
                <a:pos x="T12" y="T13"/>
              </a:cxn>
              <a:cxn ang="T91">
                <a:pos x="T14" y="T15"/>
              </a:cxn>
              <a:cxn ang="T92">
                <a:pos x="T16" y="T17"/>
              </a:cxn>
              <a:cxn ang="T93">
                <a:pos x="T18" y="T19"/>
              </a:cxn>
              <a:cxn ang="T94">
                <a:pos x="T20" y="T21"/>
              </a:cxn>
              <a:cxn ang="T95">
                <a:pos x="T22" y="T23"/>
              </a:cxn>
              <a:cxn ang="T96">
                <a:pos x="T24" y="T25"/>
              </a:cxn>
              <a:cxn ang="T97">
                <a:pos x="T26" y="T27"/>
              </a:cxn>
              <a:cxn ang="T98">
                <a:pos x="T28" y="T29"/>
              </a:cxn>
              <a:cxn ang="T99">
                <a:pos x="T30" y="T31"/>
              </a:cxn>
              <a:cxn ang="T100">
                <a:pos x="T32" y="T33"/>
              </a:cxn>
              <a:cxn ang="T101">
                <a:pos x="T34" y="T35"/>
              </a:cxn>
              <a:cxn ang="T102">
                <a:pos x="T36" y="T37"/>
              </a:cxn>
              <a:cxn ang="T103">
                <a:pos x="T38" y="T39"/>
              </a:cxn>
              <a:cxn ang="T104">
                <a:pos x="T40" y="T41"/>
              </a:cxn>
              <a:cxn ang="T105">
                <a:pos x="T42" y="T43"/>
              </a:cxn>
              <a:cxn ang="T106">
                <a:pos x="T44" y="T45"/>
              </a:cxn>
              <a:cxn ang="T107">
                <a:pos x="T46" y="T47"/>
              </a:cxn>
              <a:cxn ang="T108">
                <a:pos x="T48" y="T49"/>
              </a:cxn>
              <a:cxn ang="T109">
                <a:pos x="T50" y="T51"/>
              </a:cxn>
              <a:cxn ang="T110">
                <a:pos x="T52" y="T53"/>
              </a:cxn>
              <a:cxn ang="T111">
                <a:pos x="T54" y="T55"/>
              </a:cxn>
              <a:cxn ang="T112">
                <a:pos x="T56" y="T57"/>
              </a:cxn>
              <a:cxn ang="T113">
                <a:pos x="T58" y="T59"/>
              </a:cxn>
              <a:cxn ang="T114">
                <a:pos x="T60" y="T61"/>
              </a:cxn>
              <a:cxn ang="T115">
                <a:pos x="T62" y="T63"/>
              </a:cxn>
              <a:cxn ang="T116">
                <a:pos x="T64" y="T65"/>
              </a:cxn>
              <a:cxn ang="T117">
                <a:pos x="T66" y="T67"/>
              </a:cxn>
              <a:cxn ang="T118">
                <a:pos x="T68" y="T69"/>
              </a:cxn>
              <a:cxn ang="T119">
                <a:pos x="T70" y="T71"/>
              </a:cxn>
              <a:cxn ang="T120">
                <a:pos x="T72" y="T73"/>
              </a:cxn>
              <a:cxn ang="T121">
                <a:pos x="T74" y="T75"/>
              </a:cxn>
              <a:cxn ang="T122">
                <a:pos x="T76" y="T77"/>
              </a:cxn>
              <a:cxn ang="T123">
                <a:pos x="T78" y="T79"/>
              </a:cxn>
              <a:cxn ang="T124">
                <a:pos x="T80" y="T81"/>
              </a:cxn>
              <a:cxn ang="T125">
                <a:pos x="T82" y="T83"/>
              </a:cxn>
            </a:cxnLst>
            <a:rect l="T126" t="T127" r="T128" b="T129"/>
            <a:pathLst>
              <a:path w="16384" h="16384">
                <a:moveTo>
                  <a:pt x="11360" y="626"/>
                </a:moveTo>
                <a:lnTo>
                  <a:pt x="11578" y="1044"/>
                </a:lnTo>
                <a:lnTo>
                  <a:pt x="11360" y="1461"/>
                </a:lnTo>
                <a:lnTo>
                  <a:pt x="11796" y="2087"/>
                </a:lnTo>
                <a:lnTo>
                  <a:pt x="12452" y="2505"/>
                </a:lnTo>
                <a:lnTo>
                  <a:pt x="12233" y="3026"/>
                </a:lnTo>
                <a:lnTo>
                  <a:pt x="12670" y="3339"/>
                </a:lnTo>
                <a:lnTo>
                  <a:pt x="12889" y="3757"/>
                </a:lnTo>
                <a:lnTo>
                  <a:pt x="12670" y="4174"/>
                </a:lnTo>
                <a:lnTo>
                  <a:pt x="12889" y="4800"/>
                </a:lnTo>
                <a:lnTo>
                  <a:pt x="12670" y="5218"/>
                </a:lnTo>
                <a:lnTo>
                  <a:pt x="12452" y="5427"/>
                </a:lnTo>
                <a:lnTo>
                  <a:pt x="12233" y="5740"/>
                </a:lnTo>
                <a:lnTo>
                  <a:pt x="13326" y="6366"/>
                </a:lnTo>
                <a:lnTo>
                  <a:pt x="13107" y="6888"/>
                </a:lnTo>
                <a:lnTo>
                  <a:pt x="13544" y="7305"/>
                </a:lnTo>
                <a:lnTo>
                  <a:pt x="13763" y="7827"/>
                </a:lnTo>
                <a:lnTo>
                  <a:pt x="13544" y="8140"/>
                </a:lnTo>
                <a:lnTo>
                  <a:pt x="12670" y="8349"/>
                </a:lnTo>
                <a:lnTo>
                  <a:pt x="12233" y="8766"/>
                </a:lnTo>
                <a:lnTo>
                  <a:pt x="12015" y="9601"/>
                </a:lnTo>
                <a:lnTo>
                  <a:pt x="12015" y="10018"/>
                </a:lnTo>
                <a:lnTo>
                  <a:pt x="15292" y="12418"/>
                </a:lnTo>
                <a:lnTo>
                  <a:pt x="16384" y="13462"/>
                </a:lnTo>
                <a:lnTo>
                  <a:pt x="16384" y="13984"/>
                </a:lnTo>
                <a:lnTo>
                  <a:pt x="16166" y="14506"/>
                </a:lnTo>
                <a:lnTo>
                  <a:pt x="15947" y="14923"/>
                </a:lnTo>
                <a:lnTo>
                  <a:pt x="15292" y="15236"/>
                </a:lnTo>
                <a:lnTo>
                  <a:pt x="14199" y="15132"/>
                </a:lnTo>
                <a:lnTo>
                  <a:pt x="13544" y="15445"/>
                </a:lnTo>
                <a:lnTo>
                  <a:pt x="12452" y="15654"/>
                </a:lnTo>
                <a:lnTo>
                  <a:pt x="11796" y="15862"/>
                </a:lnTo>
                <a:lnTo>
                  <a:pt x="11360" y="16280"/>
                </a:lnTo>
                <a:lnTo>
                  <a:pt x="10704" y="16384"/>
                </a:lnTo>
                <a:lnTo>
                  <a:pt x="9393" y="16175"/>
                </a:lnTo>
                <a:lnTo>
                  <a:pt x="8738" y="15549"/>
                </a:lnTo>
                <a:lnTo>
                  <a:pt x="7864" y="15236"/>
                </a:lnTo>
                <a:lnTo>
                  <a:pt x="6554" y="14923"/>
                </a:lnTo>
                <a:lnTo>
                  <a:pt x="5680" y="14714"/>
                </a:lnTo>
                <a:lnTo>
                  <a:pt x="4588" y="14297"/>
                </a:lnTo>
                <a:lnTo>
                  <a:pt x="3714" y="14193"/>
                </a:lnTo>
                <a:lnTo>
                  <a:pt x="2840" y="14088"/>
                </a:lnTo>
                <a:lnTo>
                  <a:pt x="3277" y="13671"/>
                </a:lnTo>
                <a:lnTo>
                  <a:pt x="3714" y="13462"/>
                </a:lnTo>
                <a:lnTo>
                  <a:pt x="5024" y="13149"/>
                </a:lnTo>
                <a:lnTo>
                  <a:pt x="6117" y="12627"/>
                </a:lnTo>
                <a:lnTo>
                  <a:pt x="6554" y="12105"/>
                </a:lnTo>
                <a:lnTo>
                  <a:pt x="6335" y="11584"/>
                </a:lnTo>
                <a:lnTo>
                  <a:pt x="6335" y="10957"/>
                </a:lnTo>
                <a:lnTo>
                  <a:pt x="6554" y="10644"/>
                </a:lnTo>
                <a:lnTo>
                  <a:pt x="7646" y="10853"/>
                </a:lnTo>
                <a:lnTo>
                  <a:pt x="7646" y="10644"/>
                </a:lnTo>
                <a:lnTo>
                  <a:pt x="6117" y="10227"/>
                </a:lnTo>
                <a:lnTo>
                  <a:pt x="5898" y="9810"/>
                </a:lnTo>
                <a:lnTo>
                  <a:pt x="4369" y="9496"/>
                </a:lnTo>
                <a:lnTo>
                  <a:pt x="2403" y="9079"/>
                </a:lnTo>
                <a:lnTo>
                  <a:pt x="1092" y="8662"/>
                </a:lnTo>
                <a:lnTo>
                  <a:pt x="0" y="8244"/>
                </a:lnTo>
                <a:lnTo>
                  <a:pt x="218" y="7827"/>
                </a:lnTo>
                <a:lnTo>
                  <a:pt x="218" y="7409"/>
                </a:lnTo>
                <a:lnTo>
                  <a:pt x="437" y="6888"/>
                </a:lnTo>
                <a:lnTo>
                  <a:pt x="655" y="6366"/>
                </a:lnTo>
                <a:lnTo>
                  <a:pt x="655" y="5948"/>
                </a:lnTo>
                <a:lnTo>
                  <a:pt x="1311" y="5844"/>
                </a:lnTo>
                <a:lnTo>
                  <a:pt x="1748" y="5531"/>
                </a:lnTo>
                <a:lnTo>
                  <a:pt x="1748" y="5218"/>
                </a:lnTo>
                <a:lnTo>
                  <a:pt x="1311" y="4905"/>
                </a:lnTo>
                <a:lnTo>
                  <a:pt x="655" y="4487"/>
                </a:lnTo>
                <a:lnTo>
                  <a:pt x="874" y="4070"/>
                </a:lnTo>
                <a:lnTo>
                  <a:pt x="1748" y="3548"/>
                </a:lnTo>
                <a:lnTo>
                  <a:pt x="1748" y="3339"/>
                </a:lnTo>
                <a:lnTo>
                  <a:pt x="1966" y="2922"/>
                </a:lnTo>
                <a:lnTo>
                  <a:pt x="2621" y="2609"/>
                </a:lnTo>
                <a:lnTo>
                  <a:pt x="3495" y="2505"/>
                </a:lnTo>
                <a:lnTo>
                  <a:pt x="4369" y="2296"/>
                </a:lnTo>
                <a:lnTo>
                  <a:pt x="4588" y="1983"/>
                </a:lnTo>
                <a:lnTo>
                  <a:pt x="5024" y="1461"/>
                </a:lnTo>
                <a:lnTo>
                  <a:pt x="6554" y="1148"/>
                </a:lnTo>
                <a:lnTo>
                  <a:pt x="6991" y="939"/>
                </a:lnTo>
                <a:lnTo>
                  <a:pt x="7646" y="626"/>
                </a:lnTo>
                <a:lnTo>
                  <a:pt x="7646" y="209"/>
                </a:lnTo>
                <a:lnTo>
                  <a:pt x="8520" y="0"/>
                </a:lnTo>
                <a:lnTo>
                  <a:pt x="9175" y="313"/>
                </a:lnTo>
                <a:lnTo>
                  <a:pt x="11360" y="626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26" name="d14364" descr="5%"/>
          <xdr:cNvSpPr>
            <a:spLocks/>
          </xdr:cNvSpPr>
        </xdr:nvSpPr>
        <xdr:spPr bwMode="auto">
          <a:xfrm>
            <a:off x="495300" y="11687175"/>
            <a:ext cx="2876550" cy="2486025"/>
          </a:xfrm>
          <a:custGeom>
            <a:avLst/>
            <a:gdLst>
              <a:gd name="T0" fmla="*/ 2147483646 w 302"/>
              <a:gd name="T1" fmla="*/ 2147483646 h 261"/>
              <a:gd name="T2" fmla="*/ 2147483646 w 302"/>
              <a:gd name="T3" fmla="*/ 2147483646 h 261"/>
              <a:gd name="T4" fmla="*/ 2147483646 w 302"/>
              <a:gd name="T5" fmla="*/ 2147483646 h 261"/>
              <a:gd name="T6" fmla="*/ 2147483646 w 302"/>
              <a:gd name="T7" fmla="*/ 2147483646 h 261"/>
              <a:gd name="T8" fmla="*/ 2147483646 w 302"/>
              <a:gd name="T9" fmla="*/ 2147483646 h 261"/>
              <a:gd name="T10" fmla="*/ 2147483646 w 302"/>
              <a:gd name="T11" fmla="*/ 2147483646 h 261"/>
              <a:gd name="T12" fmla="*/ 2147483646 w 302"/>
              <a:gd name="T13" fmla="*/ 2147483646 h 261"/>
              <a:gd name="T14" fmla="*/ 2147483646 w 302"/>
              <a:gd name="T15" fmla="*/ 2147483646 h 261"/>
              <a:gd name="T16" fmla="*/ 2147483646 w 302"/>
              <a:gd name="T17" fmla="*/ 2147483646 h 261"/>
              <a:gd name="T18" fmla="*/ 2147483646 w 302"/>
              <a:gd name="T19" fmla="*/ 2147483646 h 261"/>
              <a:gd name="T20" fmla="*/ 2147483646 w 302"/>
              <a:gd name="T21" fmla="*/ 2147483646 h 261"/>
              <a:gd name="T22" fmla="*/ 2147483646 w 302"/>
              <a:gd name="T23" fmla="*/ 2147483646 h 261"/>
              <a:gd name="T24" fmla="*/ 2147483646 w 302"/>
              <a:gd name="T25" fmla="*/ 2147483646 h 261"/>
              <a:gd name="T26" fmla="*/ 2147483646 w 302"/>
              <a:gd name="T27" fmla="*/ 2147483646 h 261"/>
              <a:gd name="T28" fmla="*/ 2147483646 w 302"/>
              <a:gd name="T29" fmla="*/ 2147483646 h 261"/>
              <a:gd name="T30" fmla="*/ 2147483646 w 302"/>
              <a:gd name="T31" fmla="*/ 2147483646 h 261"/>
              <a:gd name="T32" fmla="*/ 2147483646 w 302"/>
              <a:gd name="T33" fmla="*/ 2147483646 h 261"/>
              <a:gd name="T34" fmla="*/ 2147483646 w 302"/>
              <a:gd name="T35" fmla="*/ 2147483646 h 261"/>
              <a:gd name="T36" fmla="*/ 2147483646 w 302"/>
              <a:gd name="T37" fmla="*/ 2147483646 h 261"/>
              <a:gd name="T38" fmla="*/ 2147483646 w 302"/>
              <a:gd name="T39" fmla="*/ 2147483646 h 261"/>
              <a:gd name="T40" fmla="*/ 2147483646 w 302"/>
              <a:gd name="T41" fmla="*/ 2147483646 h 261"/>
              <a:gd name="T42" fmla="*/ 2147483646 w 302"/>
              <a:gd name="T43" fmla="*/ 2147483646 h 261"/>
              <a:gd name="T44" fmla="*/ 2147483646 w 302"/>
              <a:gd name="T45" fmla="*/ 2147483646 h 261"/>
              <a:gd name="T46" fmla="*/ 2147483646 w 302"/>
              <a:gd name="T47" fmla="*/ 2147483646 h 261"/>
              <a:gd name="T48" fmla="*/ 2147483646 w 302"/>
              <a:gd name="T49" fmla="*/ 2147483646 h 261"/>
              <a:gd name="T50" fmla="*/ 2147483646 w 302"/>
              <a:gd name="T51" fmla="*/ 2147483646 h 261"/>
              <a:gd name="T52" fmla="*/ 2147483646 w 302"/>
              <a:gd name="T53" fmla="*/ 2147483646 h 261"/>
              <a:gd name="T54" fmla="*/ 2147483646 w 302"/>
              <a:gd name="T55" fmla="*/ 2147483646 h 261"/>
              <a:gd name="T56" fmla="*/ 2147483646 w 302"/>
              <a:gd name="T57" fmla="*/ 2147483646 h 261"/>
              <a:gd name="T58" fmla="*/ 2147483646 w 302"/>
              <a:gd name="T59" fmla="*/ 2147483646 h 261"/>
              <a:gd name="T60" fmla="*/ 2147483646 w 302"/>
              <a:gd name="T61" fmla="*/ 2147483646 h 261"/>
              <a:gd name="T62" fmla="*/ 2147483646 w 302"/>
              <a:gd name="T63" fmla="*/ 2147483646 h 261"/>
              <a:gd name="T64" fmla="*/ 2147483646 w 302"/>
              <a:gd name="T65" fmla="*/ 2147483646 h 261"/>
              <a:gd name="T66" fmla="*/ 2147483646 w 302"/>
              <a:gd name="T67" fmla="*/ 2147483646 h 261"/>
              <a:gd name="T68" fmla="*/ 2147483646 w 302"/>
              <a:gd name="T69" fmla="*/ 2147483646 h 261"/>
              <a:gd name="T70" fmla="*/ 2147483646 w 302"/>
              <a:gd name="T71" fmla="*/ 2147483646 h 261"/>
              <a:gd name="T72" fmla="*/ 2147483646 w 302"/>
              <a:gd name="T73" fmla="*/ 2147483646 h 261"/>
              <a:gd name="T74" fmla="*/ 2147483646 w 302"/>
              <a:gd name="T75" fmla="*/ 2147483646 h 261"/>
              <a:gd name="T76" fmla="*/ 2147483646 w 302"/>
              <a:gd name="T77" fmla="*/ 2147483646 h 261"/>
              <a:gd name="T78" fmla="*/ 2147483646 w 302"/>
              <a:gd name="T79" fmla="*/ 2147483646 h 261"/>
              <a:gd name="T80" fmla="*/ 2147483646 w 302"/>
              <a:gd name="T81" fmla="*/ 2147483646 h 261"/>
              <a:gd name="T82" fmla="*/ 2147483646 w 302"/>
              <a:gd name="T83" fmla="*/ 2147483646 h 261"/>
              <a:gd name="T84" fmla="*/ 2147483646 w 302"/>
              <a:gd name="T85" fmla="*/ 2147483646 h 261"/>
              <a:gd name="T86" fmla="*/ 2147483646 w 302"/>
              <a:gd name="T87" fmla="*/ 2147483646 h 261"/>
              <a:gd name="T88" fmla="*/ 2147483646 w 302"/>
              <a:gd name="T89" fmla="*/ 2147483646 h 261"/>
              <a:gd name="T90" fmla="*/ 2147483646 w 302"/>
              <a:gd name="T91" fmla="*/ 2147483646 h 261"/>
              <a:gd name="T92" fmla="*/ 2147483646 w 302"/>
              <a:gd name="T93" fmla="*/ 2147483646 h 261"/>
              <a:gd name="T94" fmla="*/ 2147483646 w 302"/>
              <a:gd name="T95" fmla="*/ 2147483646 h 261"/>
              <a:gd name="T96" fmla="*/ 2147483646 w 302"/>
              <a:gd name="T97" fmla="*/ 2147483646 h 261"/>
              <a:gd name="T98" fmla="*/ 2147483646 w 302"/>
              <a:gd name="T99" fmla="*/ 2147483646 h 261"/>
              <a:gd name="T100" fmla="*/ 2147483646 w 302"/>
              <a:gd name="T101" fmla="*/ 2147483646 h 261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w 302"/>
              <a:gd name="T154" fmla="*/ 0 h 261"/>
              <a:gd name="T155" fmla="*/ 302 w 302"/>
              <a:gd name="T156" fmla="*/ 261 h 261"/>
            </a:gdLst>
            <a:ahLst/>
            <a:cxnLst>
              <a:cxn ang="T102">
                <a:pos x="T0" y="T1"/>
              </a:cxn>
              <a:cxn ang="T103">
                <a:pos x="T2" y="T3"/>
              </a:cxn>
              <a:cxn ang="T104">
                <a:pos x="T4" y="T5"/>
              </a:cxn>
              <a:cxn ang="T105">
                <a:pos x="T6" y="T7"/>
              </a:cxn>
              <a:cxn ang="T106">
                <a:pos x="T8" y="T9"/>
              </a:cxn>
              <a:cxn ang="T107">
                <a:pos x="T10" y="T11"/>
              </a:cxn>
              <a:cxn ang="T108">
                <a:pos x="T12" y="T13"/>
              </a:cxn>
              <a:cxn ang="T109">
                <a:pos x="T14" y="T15"/>
              </a:cxn>
              <a:cxn ang="T110">
                <a:pos x="T16" y="T17"/>
              </a:cxn>
              <a:cxn ang="T111">
                <a:pos x="T18" y="T19"/>
              </a:cxn>
              <a:cxn ang="T112">
                <a:pos x="T20" y="T21"/>
              </a:cxn>
              <a:cxn ang="T113">
                <a:pos x="T22" y="T23"/>
              </a:cxn>
              <a:cxn ang="T114">
                <a:pos x="T24" y="T25"/>
              </a:cxn>
              <a:cxn ang="T115">
                <a:pos x="T26" y="T27"/>
              </a:cxn>
              <a:cxn ang="T116">
                <a:pos x="T28" y="T29"/>
              </a:cxn>
              <a:cxn ang="T117">
                <a:pos x="T30" y="T31"/>
              </a:cxn>
              <a:cxn ang="T118">
                <a:pos x="T32" y="T33"/>
              </a:cxn>
              <a:cxn ang="T119">
                <a:pos x="T34" y="T35"/>
              </a:cxn>
              <a:cxn ang="T120">
                <a:pos x="T36" y="T37"/>
              </a:cxn>
              <a:cxn ang="T121">
                <a:pos x="T38" y="T39"/>
              </a:cxn>
              <a:cxn ang="T122">
                <a:pos x="T40" y="T41"/>
              </a:cxn>
              <a:cxn ang="T123">
                <a:pos x="T42" y="T43"/>
              </a:cxn>
              <a:cxn ang="T124">
                <a:pos x="T44" y="T45"/>
              </a:cxn>
              <a:cxn ang="T125">
                <a:pos x="T46" y="T47"/>
              </a:cxn>
              <a:cxn ang="T126">
                <a:pos x="T48" y="T49"/>
              </a:cxn>
              <a:cxn ang="T127">
                <a:pos x="T50" y="T51"/>
              </a:cxn>
              <a:cxn ang="T128">
                <a:pos x="T52" y="T53"/>
              </a:cxn>
              <a:cxn ang="T129">
                <a:pos x="T54" y="T55"/>
              </a:cxn>
              <a:cxn ang="T130">
                <a:pos x="T56" y="T57"/>
              </a:cxn>
              <a:cxn ang="T131">
                <a:pos x="T58" y="T59"/>
              </a:cxn>
              <a:cxn ang="T132">
                <a:pos x="T60" y="T61"/>
              </a:cxn>
              <a:cxn ang="T133">
                <a:pos x="T62" y="T63"/>
              </a:cxn>
              <a:cxn ang="T134">
                <a:pos x="T64" y="T65"/>
              </a:cxn>
              <a:cxn ang="T135">
                <a:pos x="T66" y="T67"/>
              </a:cxn>
              <a:cxn ang="T136">
                <a:pos x="T68" y="T69"/>
              </a:cxn>
              <a:cxn ang="T137">
                <a:pos x="T70" y="T71"/>
              </a:cxn>
              <a:cxn ang="T138">
                <a:pos x="T72" y="T73"/>
              </a:cxn>
              <a:cxn ang="T139">
                <a:pos x="T74" y="T75"/>
              </a:cxn>
              <a:cxn ang="T140">
                <a:pos x="T76" y="T77"/>
              </a:cxn>
              <a:cxn ang="T141">
                <a:pos x="T78" y="T79"/>
              </a:cxn>
              <a:cxn ang="T142">
                <a:pos x="T80" y="T81"/>
              </a:cxn>
              <a:cxn ang="T143">
                <a:pos x="T82" y="T83"/>
              </a:cxn>
              <a:cxn ang="T144">
                <a:pos x="T84" y="T85"/>
              </a:cxn>
              <a:cxn ang="T145">
                <a:pos x="T86" y="T87"/>
              </a:cxn>
              <a:cxn ang="T146">
                <a:pos x="T88" y="T89"/>
              </a:cxn>
              <a:cxn ang="T147">
                <a:pos x="T90" y="T91"/>
              </a:cxn>
              <a:cxn ang="T148">
                <a:pos x="T92" y="T93"/>
              </a:cxn>
              <a:cxn ang="T149">
                <a:pos x="T94" y="T95"/>
              </a:cxn>
              <a:cxn ang="T150">
                <a:pos x="T96" y="T97"/>
              </a:cxn>
              <a:cxn ang="T151">
                <a:pos x="T98" y="T99"/>
              </a:cxn>
              <a:cxn ang="T152">
                <a:pos x="T100" y="T101"/>
              </a:cxn>
            </a:cxnLst>
            <a:rect l="T153" t="T154" r="T155" b="T156"/>
            <a:pathLst>
              <a:path w="302" h="261">
                <a:moveTo>
                  <a:pt x="4" y="158"/>
                </a:moveTo>
                <a:lnTo>
                  <a:pt x="0" y="155"/>
                </a:lnTo>
                <a:lnTo>
                  <a:pt x="4" y="144"/>
                </a:lnTo>
                <a:lnTo>
                  <a:pt x="11" y="140"/>
                </a:lnTo>
                <a:lnTo>
                  <a:pt x="15" y="137"/>
                </a:lnTo>
                <a:lnTo>
                  <a:pt x="14" y="133"/>
                </a:lnTo>
                <a:lnTo>
                  <a:pt x="19" y="130"/>
                </a:lnTo>
                <a:lnTo>
                  <a:pt x="19" y="124"/>
                </a:lnTo>
                <a:lnTo>
                  <a:pt x="18" y="119"/>
                </a:lnTo>
                <a:lnTo>
                  <a:pt x="15" y="116"/>
                </a:lnTo>
                <a:lnTo>
                  <a:pt x="16" y="110"/>
                </a:lnTo>
                <a:lnTo>
                  <a:pt x="17" y="104"/>
                </a:lnTo>
                <a:lnTo>
                  <a:pt x="21" y="100"/>
                </a:lnTo>
                <a:lnTo>
                  <a:pt x="25" y="95"/>
                </a:lnTo>
                <a:lnTo>
                  <a:pt x="27" y="94"/>
                </a:lnTo>
                <a:lnTo>
                  <a:pt x="30" y="89"/>
                </a:lnTo>
                <a:lnTo>
                  <a:pt x="35" y="86"/>
                </a:lnTo>
                <a:lnTo>
                  <a:pt x="40" y="81"/>
                </a:lnTo>
                <a:lnTo>
                  <a:pt x="45" y="78"/>
                </a:lnTo>
                <a:lnTo>
                  <a:pt x="49" y="73"/>
                </a:lnTo>
                <a:lnTo>
                  <a:pt x="55" y="70"/>
                </a:lnTo>
                <a:lnTo>
                  <a:pt x="59" y="70"/>
                </a:lnTo>
                <a:lnTo>
                  <a:pt x="62" y="68"/>
                </a:lnTo>
                <a:lnTo>
                  <a:pt x="67" y="68"/>
                </a:lnTo>
                <a:lnTo>
                  <a:pt x="69" y="64"/>
                </a:lnTo>
                <a:lnTo>
                  <a:pt x="73" y="63"/>
                </a:lnTo>
                <a:lnTo>
                  <a:pt x="76" y="67"/>
                </a:lnTo>
                <a:lnTo>
                  <a:pt x="79" y="67"/>
                </a:lnTo>
                <a:lnTo>
                  <a:pt x="81" y="63"/>
                </a:lnTo>
                <a:lnTo>
                  <a:pt x="85" y="61"/>
                </a:lnTo>
                <a:lnTo>
                  <a:pt x="87" y="57"/>
                </a:lnTo>
                <a:lnTo>
                  <a:pt x="92" y="53"/>
                </a:lnTo>
                <a:lnTo>
                  <a:pt x="95" y="54"/>
                </a:lnTo>
                <a:lnTo>
                  <a:pt x="101" y="52"/>
                </a:lnTo>
                <a:lnTo>
                  <a:pt x="109" y="52"/>
                </a:lnTo>
                <a:lnTo>
                  <a:pt x="116" y="50"/>
                </a:lnTo>
                <a:lnTo>
                  <a:pt x="120" y="46"/>
                </a:lnTo>
                <a:lnTo>
                  <a:pt x="127" y="46"/>
                </a:lnTo>
                <a:lnTo>
                  <a:pt x="131" y="44"/>
                </a:lnTo>
                <a:lnTo>
                  <a:pt x="135" y="45"/>
                </a:lnTo>
                <a:lnTo>
                  <a:pt x="138" y="38"/>
                </a:lnTo>
                <a:lnTo>
                  <a:pt x="140" y="34"/>
                </a:lnTo>
                <a:lnTo>
                  <a:pt x="145" y="30"/>
                </a:lnTo>
                <a:lnTo>
                  <a:pt x="149" y="28"/>
                </a:lnTo>
                <a:lnTo>
                  <a:pt x="153" y="21"/>
                </a:lnTo>
                <a:lnTo>
                  <a:pt x="157" y="18"/>
                </a:lnTo>
                <a:lnTo>
                  <a:pt x="157" y="12"/>
                </a:lnTo>
                <a:lnTo>
                  <a:pt x="158" y="7"/>
                </a:lnTo>
                <a:lnTo>
                  <a:pt x="162" y="0"/>
                </a:lnTo>
                <a:lnTo>
                  <a:pt x="167" y="3"/>
                </a:lnTo>
                <a:lnTo>
                  <a:pt x="170" y="4"/>
                </a:lnTo>
                <a:lnTo>
                  <a:pt x="174" y="5"/>
                </a:lnTo>
                <a:lnTo>
                  <a:pt x="178" y="4"/>
                </a:lnTo>
                <a:lnTo>
                  <a:pt x="183" y="3"/>
                </a:lnTo>
                <a:lnTo>
                  <a:pt x="187" y="1"/>
                </a:lnTo>
                <a:lnTo>
                  <a:pt x="189" y="5"/>
                </a:lnTo>
                <a:lnTo>
                  <a:pt x="189" y="9"/>
                </a:lnTo>
                <a:lnTo>
                  <a:pt x="188" y="11"/>
                </a:lnTo>
                <a:lnTo>
                  <a:pt x="192" y="15"/>
                </a:lnTo>
                <a:lnTo>
                  <a:pt x="193" y="21"/>
                </a:lnTo>
                <a:lnTo>
                  <a:pt x="195" y="24"/>
                </a:lnTo>
                <a:lnTo>
                  <a:pt x="209" y="27"/>
                </a:lnTo>
                <a:lnTo>
                  <a:pt x="212" y="29"/>
                </a:lnTo>
                <a:lnTo>
                  <a:pt x="215" y="34"/>
                </a:lnTo>
                <a:lnTo>
                  <a:pt x="219" y="35"/>
                </a:lnTo>
                <a:lnTo>
                  <a:pt x="222" y="38"/>
                </a:lnTo>
                <a:lnTo>
                  <a:pt x="225" y="41"/>
                </a:lnTo>
                <a:lnTo>
                  <a:pt x="227" y="47"/>
                </a:lnTo>
                <a:lnTo>
                  <a:pt x="234" y="48"/>
                </a:lnTo>
                <a:lnTo>
                  <a:pt x="247" y="52"/>
                </a:lnTo>
                <a:lnTo>
                  <a:pt x="252" y="51"/>
                </a:lnTo>
                <a:lnTo>
                  <a:pt x="256" y="47"/>
                </a:lnTo>
                <a:lnTo>
                  <a:pt x="262" y="42"/>
                </a:lnTo>
                <a:lnTo>
                  <a:pt x="267" y="37"/>
                </a:lnTo>
                <a:lnTo>
                  <a:pt x="274" y="38"/>
                </a:lnTo>
                <a:lnTo>
                  <a:pt x="279" y="41"/>
                </a:lnTo>
                <a:lnTo>
                  <a:pt x="280" y="48"/>
                </a:lnTo>
                <a:lnTo>
                  <a:pt x="283" y="50"/>
                </a:lnTo>
                <a:lnTo>
                  <a:pt x="287" y="51"/>
                </a:lnTo>
                <a:lnTo>
                  <a:pt x="291" y="49"/>
                </a:lnTo>
                <a:lnTo>
                  <a:pt x="296" y="50"/>
                </a:lnTo>
                <a:lnTo>
                  <a:pt x="299" y="53"/>
                </a:lnTo>
                <a:lnTo>
                  <a:pt x="299" y="58"/>
                </a:lnTo>
                <a:lnTo>
                  <a:pt x="300" y="61"/>
                </a:lnTo>
                <a:lnTo>
                  <a:pt x="302" y="63"/>
                </a:lnTo>
                <a:lnTo>
                  <a:pt x="302" y="71"/>
                </a:lnTo>
                <a:lnTo>
                  <a:pt x="300" y="75"/>
                </a:lnTo>
                <a:lnTo>
                  <a:pt x="301" y="79"/>
                </a:lnTo>
                <a:lnTo>
                  <a:pt x="299" y="83"/>
                </a:lnTo>
                <a:lnTo>
                  <a:pt x="296" y="89"/>
                </a:lnTo>
                <a:lnTo>
                  <a:pt x="292" y="90"/>
                </a:lnTo>
                <a:lnTo>
                  <a:pt x="288" y="96"/>
                </a:lnTo>
                <a:lnTo>
                  <a:pt x="281" y="97"/>
                </a:lnTo>
                <a:lnTo>
                  <a:pt x="274" y="98"/>
                </a:lnTo>
                <a:lnTo>
                  <a:pt x="273" y="101"/>
                </a:lnTo>
                <a:lnTo>
                  <a:pt x="263" y="98"/>
                </a:lnTo>
                <a:lnTo>
                  <a:pt x="260" y="95"/>
                </a:lnTo>
                <a:lnTo>
                  <a:pt x="256" y="97"/>
                </a:lnTo>
                <a:lnTo>
                  <a:pt x="256" y="101"/>
                </a:lnTo>
                <a:lnTo>
                  <a:pt x="253" y="104"/>
                </a:lnTo>
                <a:lnTo>
                  <a:pt x="251" y="106"/>
                </a:lnTo>
                <a:lnTo>
                  <a:pt x="244" y="109"/>
                </a:lnTo>
                <a:lnTo>
                  <a:pt x="242" y="114"/>
                </a:lnTo>
                <a:lnTo>
                  <a:pt x="241" y="117"/>
                </a:lnTo>
                <a:lnTo>
                  <a:pt x="237" y="119"/>
                </a:lnTo>
                <a:lnTo>
                  <a:pt x="233" y="120"/>
                </a:lnTo>
                <a:lnTo>
                  <a:pt x="230" y="123"/>
                </a:lnTo>
                <a:lnTo>
                  <a:pt x="229" y="127"/>
                </a:lnTo>
                <a:lnTo>
                  <a:pt x="229" y="129"/>
                </a:lnTo>
                <a:lnTo>
                  <a:pt x="225" y="134"/>
                </a:lnTo>
                <a:lnTo>
                  <a:pt x="224" y="138"/>
                </a:lnTo>
                <a:lnTo>
                  <a:pt x="227" y="142"/>
                </a:lnTo>
                <a:lnTo>
                  <a:pt x="229" y="145"/>
                </a:lnTo>
                <a:lnTo>
                  <a:pt x="229" y="148"/>
                </a:lnTo>
                <a:lnTo>
                  <a:pt x="227" y="151"/>
                </a:lnTo>
                <a:lnTo>
                  <a:pt x="224" y="152"/>
                </a:lnTo>
                <a:lnTo>
                  <a:pt x="224" y="156"/>
                </a:lnTo>
                <a:lnTo>
                  <a:pt x="223" y="161"/>
                </a:lnTo>
                <a:lnTo>
                  <a:pt x="222" y="166"/>
                </a:lnTo>
                <a:lnTo>
                  <a:pt x="222" y="170"/>
                </a:lnTo>
                <a:lnTo>
                  <a:pt x="221" y="174"/>
                </a:lnTo>
                <a:lnTo>
                  <a:pt x="226" y="178"/>
                </a:lnTo>
                <a:lnTo>
                  <a:pt x="232" y="182"/>
                </a:lnTo>
                <a:lnTo>
                  <a:pt x="241" y="186"/>
                </a:lnTo>
                <a:lnTo>
                  <a:pt x="248" y="189"/>
                </a:lnTo>
                <a:lnTo>
                  <a:pt x="249" y="193"/>
                </a:lnTo>
                <a:lnTo>
                  <a:pt x="256" y="197"/>
                </a:lnTo>
                <a:lnTo>
                  <a:pt x="256" y="199"/>
                </a:lnTo>
                <a:lnTo>
                  <a:pt x="251" y="197"/>
                </a:lnTo>
                <a:lnTo>
                  <a:pt x="250" y="200"/>
                </a:lnTo>
                <a:lnTo>
                  <a:pt x="250" y="206"/>
                </a:lnTo>
                <a:lnTo>
                  <a:pt x="251" y="211"/>
                </a:lnTo>
                <a:lnTo>
                  <a:pt x="249" y="216"/>
                </a:lnTo>
                <a:lnTo>
                  <a:pt x="244" y="221"/>
                </a:lnTo>
                <a:lnTo>
                  <a:pt x="238" y="224"/>
                </a:lnTo>
                <a:lnTo>
                  <a:pt x="236" y="226"/>
                </a:lnTo>
                <a:lnTo>
                  <a:pt x="234" y="230"/>
                </a:lnTo>
                <a:lnTo>
                  <a:pt x="228" y="231"/>
                </a:lnTo>
                <a:lnTo>
                  <a:pt x="224" y="233"/>
                </a:lnTo>
                <a:lnTo>
                  <a:pt x="218" y="237"/>
                </a:lnTo>
                <a:lnTo>
                  <a:pt x="213" y="234"/>
                </a:lnTo>
                <a:lnTo>
                  <a:pt x="209" y="233"/>
                </a:lnTo>
                <a:lnTo>
                  <a:pt x="204" y="234"/>
                </a:lnTo>
                <a:lnTo>
                  <a:pt x="199" y="232"/>
                </a:lnTo>
                <a:lnTo>
                  <a:pt x="195" y="236"/>
                </a:lnTo>
                <a:lnTo>
                  <a:pt x="189" y="238"/>
                </a:lnTo>
                <a:lnTo>
                  <a:pt x="181" y="236"/>
                </a:lnTo>
                <a:lnTo>
                  <a:pt x="176" y="233"/>
                </a:lnTo>
                <a:lnTo>
                  <a:pt x="174" y="231"/>
                </a:lnTo>
                <a:lnTo>
                  <a:pt x="168" y="231"/>
                </a:lnTo>
                <a:lnTo>
                  <a:pt x="164" y="232"/>
                </a:lnTo>
                <a:lnTo>
                  <a:pt x="161" y="237"/>
                </a:lnTo>
                <a:lnTo>
                  <a:pt x="159" y="238"/>
                </a:lnTo>
                <a:lnTo>
                  <a:pt x="152" y="238"/>
                </a:lnTo>
                <a:lnTo>
                  <a:pt x="148" y="241"/>
                </a:lnTo>
                <a:lnTo>
                  <a:pt x="145" y="246"/>
                </a:lnTo>
                <a:lnTo>
                  <a:pt x="140" y="249"/>
                </a:lnTo>
                <a:lnTo>
                  <a:pt x="138" y="252"/>
                </a:lnTo>
                <a:lnTo>
                  <a:pt x="139" y="258"/>
                </a:lnTo>
                <a:lnTo>
                  <a:pt x="135" y="259"/>
                </a:lnTo>
                <a:lnTo>
                  <a:pt x="131" y="259"/>
                </a:lnTo>
                <a:lnTo>
                  <a:pt x="126" y="258"/>
                </a:lnTo>
                <a:lnTo>
                  <a:pt x="123" y="261"/>
                </a:lnTo>
                <a:lnTo>
                  <a:pt x="121" y="258"/>
                </a:lnTo>
                <a:lnTo>
                  <a:pt x="116" y="254"/>
                </a:lnTo>
                <a:lnTo>
                  <a:pt x="114" y="246"/>
                </a:lnTo>
                <a:lnTo>
                  <a:pt x="115" y="241"/>
                </a:lnTo>
                <a:lnTo>
                  <a:pt x="113" y="238"/>
                </a:lnTo>
                <a:lnTo>
                  <a:pt x="111" y="231"/>
                </a:lnTo>
                <a:lnTo>
                  <a:pt x="115" y="226"/>
                </a:lnTo>
                <a:lnTo>
                  <a:pt x="116" y="221"/>
                </a:lnTo>
                <a:lnTo>
                  <a:pt x="112" y="218"/>
                </a:lnTo>
                <a:lnTo>
                  <a:pt x="111" y="212"/>
                </a:lnTo>
                <a:lnTo>
                  <a:pt x="110" y="206"/>
                </a:lnTo>
                <a:lnTo>
                  <a:pt x="108" y="202"/>
                </a:lnTo>
                <a:lnTo>
                  <a:pt x="108" y="195"/>
                </a:lnTo>
                <a:lnTo>
                  <a:pt x="105" y="191"/>
                </a:lnTo>
                <a:lnTo>
                  <a:pt x="104" y="188"/>
                </a:lnTo>
                <a:lnTo>
                  <a:pt x="101" y="186"/>
                </a:lnTo>
                <a:lnTo>
                  <a:pt x="101" y="180"/>
                </a:lnTo>
                <a:lnTo>
                  <a:pt x="104" y="173"/>
                </a:lnTo>
                <a:lnTo>
                  <a:pt x="105" y="167"/>
                </a:lnTo>
                <a:lnTo>
                  <a:pt x="104" y="161"/>
                </a:lnTo>
                <a:lnTo>
                  <a:pt x="101" y="157"/>
                </a:lnTo>
                <a:lnTo>
                  <a:pt x="98" y="155"/>
                </a:lnTo>
                <a:lnTo>
                  <a:pt x="94" y="155"/>
                </a:lnTo>
                <a:lnTo>
                  <a:pt x="89" y="156"/>
                </a:lnTo>
                <a:lnTo>
                  <a:pt x="85" y="158"/>
                </a:lnTo>
                <a:lnTo>
                  <a:pt x="83" y="155"/>
                </a:lnTo>
                <a:lnTo>
                  <a:pt x="75" y="154"/>
                </a:lnTo>
                <a:lnTo>
                  <a:pt x="72" y="154"/>
                </a:lnTo>
                <a:lnTo>
                  <a:pt x="68" y="153"/>
                </a:lnTo>
                <a:lnTo>
                  <a:pt x="62" y="158"/>
                </a:lnTo>
                <a:lnTo>
                  <a:pt x="59" y="158"/>
                </a:lnTo>
                <a:lnTo>
                  <a:pt x="54" y="157"/>
                </a:lnTo>
                <a:lnTo>
                  <a:pt x="51" y="159"/>
                </a:lnTo>
                <a:lnTo>
                  <a:pt x="45" y="157"/>
                </a:lnTo>
                <a:lnTo>
                  <a:pt x="40" y="159"/>
                </a:lnTo>
                <a:lnTo>
                  <a:pt x="36" y="162"/>
                </a:lnTo>
                <a:lnTo>
                  <a:pt x="30" y="161"/>
                </a:lnTo>
                <a:lnTo>
                  <a:pt x="25" y="161"/>
                </a:lnTo>
                <a:lnTo>
                  <a:pt x="20" y="158"/>
                </a:lnTo>
                <a:lnTo>
                  <a:pt x="15" y="159"/>
                </a:lnTo>
                <a:lnTo>
                  <a:pt x="4" y="158"/>
                </a:lnTo>
              </a:path>
            </a:pathLst>
          </a:custGeom>
          <a:pattFill prst="pct5">
            <a:fgClr>
              <a:srgbClr val="000000"/>
            </a:fgClr>
            <a:bgClr>
              <a:srgbClr val="FFFFFF"/>
            </a:bgClr>
          </a:pattFill>
          <a:ln w="952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</xdr:spPr>
      </xdr:sp>
      <xdr:sp macro="" textlink="">
        <xdr:nvSpPr>
          <xdr:cNvPr id="149727" name="d14366"/>
          <xdr:cNvSpPr>
            <a:spLocks/>
          </xdr:cNvSpPr>
        </xdr:nvSpPr>
        <xdr:spPr bwMode="auto">
          <a:xfrm>
            <a:off x="2686050" y="13877925"/>
            <a:ext cx="409575" cy="5048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0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0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w 16384"/>
              <a:gd name="T100" fmla="*/ 0 h 16384"/>
              <a:gd name="T101" fmla="*/ 16384 w 16384"/>
              <a:gd name="T102" fmla="*/ 16384 h 16384"/>
            </a:gdLst>
            <a:ahLst/>
            <a:cxnLst>
              <a:cxn ang="T66">
                <a:pos x="T0" y="T1"/>
              </a:cxn>
              <a:cxn ang="T67">
                <a:pos x="T2" y="T3"/>
              </a:cxn>
              <a:cxn ang="T68">
                <a:pos x="T4" y="T5"/>
              </a:cxn>
              <a:cxn ang="T69">
                <a:pos x="T6" y="T7"/>
              </a:cxn>
              <a:cxn ang="T70">
                <a:pos x="T8" y="T9"/>
              </a:cxn>
              <a:cxn ang="T71">
                <a:pos x="T10" y="T11"/>
              </a:cxn>
              <a:cxn ang="T72">
                <a:pos x="T12" y="T13"/>
              </a:cxn>
              <a:cxn ang="T73">
                <a:pos x="T14" y="T15"/>
              </a:cxn>
              <a:cxn ang="T74">
                <a:pos x="T16" y="T17"/>
              </a:cxn>
              <a:cxn ang="T75">
                <a:pos x="T18" y="T19"/>
              </a:cxn>
              <a:cxn ang="T76">
                <a:pos x="T20" y="T21"/>
              </a:cxn>
              <a:cxn ang="T77">
                <a:pos x="T22" y="T23"/>
              </a:cxn>
              <a:cxn ang="T78">
                <a:pos x="T24" y="T25"/>
              </a:cxn>
              <a:cxn ang="T79">
                <a:pos x="T26" y="T27"/>
              </a:cxn>
              <a:cxn ang="T80">
                <a:pos x="T28" y="T29"/>
              </a:cxn>
              <a:cxn ang="T81">
                <a:pos x="T30" y="T31"/>
              </a:cxn>
              <a:cxn ang="T82">
                <a:pos x="T32" y="T33"/>
              </a:cxn>
              <a:cxn ang="T83">
                <a:pos x="T34" y="T35"/>
              </a:cxn>
              <a:cxn ang="T84">
                <a:pos x="T36" y="T37"/>
              </a:cxn>
              <a:cxn ang="T85">
                <a:pos x="T38" y="T39"/>
              </a:cxn>
              <a:cxn ang="T86">
                <a:pos x="T40" y="T41"/>
              </a:cxn>
              <a:cxn ang="T87">
                <a:pos x="T42" y="T43"/>
              </a:cxn>
              <a:cxn ang="T88">
                <a:pos x="T44" y="T45"/>
              </a:cxn>
              <a:cxn ang="T89">
                <a:pos x="T46" y="T47"/>
              </a:cxn>
              <a:cxn ang="T90">
                <a:pos x="T48" y="T49"/>
              </a:cxn>
              <a:cxn ang="T91">
                <a:pos x="T50" y="T51"/>
              </a:cxn>
              <a:cxn ang="T92">
                <a:pos x="T52" y="T53"/>
              </a:cxn>
              <a:cxn ang="T93">
                <a:pos x="T54" y="T55"/>
              </a:cxn>
              <a:cxn ang="T94">
                <a:pos x="T56" y="T57"/>
              </a:cxn>
              <a:cxn ang="T95">
                <a:pos x="T58" y="T59"/>
              </a:cxn>
              <a:cxn ang="T96">
                <a:pos x="T60" y="T61"/>
              </a:cxn>
              <a:cxn ang="T97">
                <a:pos x="T62" y="T63"/>
              </a:cxn>
              <a:cxn ang="T98">
                <a:pos x="T64" y="T65"/>
              </a:cxn>
            </a:cxnLst>
            <a:rect l="T99" t="T100" r="T101" b="T102"/>
            <a:pathLst>
              <a:path w="16384" h="16384">
                <a:moveTo>
                  <a:pt x="16384" y="12674"/>
                </a:moveTo>
                <a:lnTo>
                  <a:pt x="14860" y="12674"/>
                </a:lnTo>
                <a:lnTo>
                  <a:pt x="14098" y="14220"/>
                </a:lnTo>
                <a:lnTo>
                  <a:pt x="12574" y="14838"/>
                </a:lnTo>
                <a:lnTo>
                  <a:pt x="11431" y="15457"/>
                </a:lnTo>
                <a:lnTo>
                  <a:pt x="11050" y="16384"/>
                </a:lnTo>
                <a:lnTo>
                  <a:pt x="9907" y="16384"/>
                </a:lnTo>
                <a:lnTo>
                  <a:pt x="9526" y="15147"/>
                </a:lnTo>
                <a:lnTo>
                  <a:pt x="8383" y="14838"/>
                </a:lnTo>
                <a:lnTo>
                  <a:pt x="6858" y="14529"/>
                </a:lnTo>
                <a:lnTo>
                  <a:pt x="6477" y="13911"/>
                </a:lnTo>
                <a:lnTo>
                  <a:pt x="5715" y="11747"/>
                </a:lnTo>
                <a:lnTo>
                  <a:pt x="4572" y="9583"/>
                </a:lnTo>
                <a:lnTo>
                  <a:pt x="4191" y="7419"/>
                </a:lnTo>
                <a:lnTo>
                  <a:pt x="3810" y="6183"/>
                </a:lnTo>
                <a:lnTo>
                  <a:pt x="2286" y="5255"/>
                </a:lnTo>
                <a:lnTo>
                  <a:pt x="1143" y="4637"/>
                </a:lnTo>
                <a:lnTo>
                  <a:pt x="0" y="3091"/>
                </a:lnTo>
                <a:lnTo>
                  <a:pt x="1143" y="1855"/>
                </a:lnTo>
                <a:lnTo>
                  <a:pt x="1524" y="927"/>
                </a:lnTo>
                <a:lnTo>
                  <a:pt x="1524" y="0"/>
                </a:lnTo>
                <a:lnTo>
                  <a:pt x="3048" y="309"/>
                </a:lnTo>
                <a:lnTo>
                  <a:pt x="4572" y="618"/>
                </a:lnTo>
                <a:lnTo>
                  <a:pt x="6477" y="1855"/>
                </a:lnTo>
                <a:lnTo>
                  <a:pt x="8001" y="2473"/>
                </a:lnTo>
                <a:lnTo>
                  <a:pt x="10288" y="3400"/>
                </a:lnTo>
                <a:lnTo>
                  <a:pt x="11812" y="4328"/>
                </a:lnTo>
                <a:lnTo>
                  <a:pt x="12955" y="6183"/>
                </a:lnTo>
                <a:lnTo>
                  <a:pt x="12955" y="7728"/>
                </a:lnTo>
                <a:lnTo>
                  <a:pt x="13336" y="9274"/>
                </a:lnTo>
                <a:lnTo>
                  <a:pt x="14860" y="10510"/>
                </a:lnTo>
                <a:lnTo>
                  <a:pt x="16003" y="12056"/>
                </a:lnTo>
                <a:lnTo>
                  <a:pt x="16384" y="12674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28" name="d14382"/>
          <xdr:cNvSpPr>
            <a:spLocks/>
          </xdr:cNvSpPr>
        </xdr:nvSpPr>
        <xdr:spPr bwMode="auto">
          <a:xfrm>
            <a:off x="1143000" y="14725650"/>
            <a:ext cx="1695450" cy="1581150"/>
          </a:xfrm>
          <a:custGeom>
            <a:avLst/>
            <a:gdLst>
              <a:gd name="T0" fmla="*/ 2147483646 w 178"/>
              <a:gd name="T1" fmla="*/ 2147483646 h 166"/>
              <a:gd name="T2" fmla="*/ 2147483646 w 178"/>
              <a:gd name="T3" fmla="*/ 2147483646 h 166"/>
              <a:gd name="T4" fmla="*/ 2147483646 w 178"/>
              <a:gd name="T5" fmla="*/ 2147483646 h 166"/>
              <a:gd name="T6" fmla="*/ 2147483646 w 178"/>
              <a:gd name="T7" fmla="*/ 2147483646 h 166"/>
              <a:gd name="T8" fmla="*/ 2147483646 w 178"/>
              <a:gd name="T9" fmla="*/ 2147483646 h 166"/>
              <a:gd name="T10" fmla="*/ 2147483646 w 178"/>
              <a:gd name="T11" fmla="*/ 2147483646 h 166"/>
              <a:gd name="T12" fmla="*/ 2147483646 w 178"/>
              <a:gd name="T13" fmla="*/ 2147483646 h 166"/>
              <a:gd name="T14" fmla="*/ 2147483646 w 178"/>
              <a:gd name="T15" fmla="*/ 2147483646 h 166"/>
              <a:gd name="T16" fmla="*/ 2147483646 w 178"/>
              <a:gd name="T17" fmla="*/ 2147483646 h 166"/>
              <a:gd name="T18" fmla="*/ 2147483646 w 178"/>
              <a:gd name="T19" fmla="*/ 2147483646 h 166"/>
              <a:gd name="T20" fmla="*/ 2147483646 w 178"/>
              <a:gd name="T21" fmla="*/ 2147483646 h 166"/>
              <a:gd name="T22" fmla="*/ 2147483646 w 178"/>
              <a:gd name="T23" fmla="*/ 2147483646 h 166"/>
              <a:gd name="T24" fmla="*/ 0 w 178"/>
              <a:gd name="T25" fmla="*/ 2147483646 h 166"/>
              <a:gd name="T26" fmla="*/ 2147483646 w 178"/>
              <a:gd name="T27" fmla="*/ 2147483646 h 166"/>
              <a:gd name="T28" fmla="*/ 2147483646 w 178"/>
              <a:gd name="T29" fmla="*/ 2147483646 h 166"/>
              <a:gd name="T30" fmla="*/ 2147483646 w 178"/>
              <a:gd name="T31" fmla="*/ 2147483646 h 166"/>
              <a:gd name="T32" fmla="*/ 2147483646 w 178"/>
              <a:gd name="T33" fmla="*/ 2147483646 h 166"/>
              <a:gd name="T34" fmla="*/ 2147483646 w 178"/>
              <a:gd name="T35" fmla="*/ 0 h 166"/>
              <a:gd name="T36" fmla="*/ 2147483646 w 178"/>
              <a:gd name="T37" fmla="*/ 2147483646 h 166"/>
              <a:gd name="T38" fmla="*/ 2147483646 w 178"/>
              <a:gd name="T39" fmla="*/ 2147483646 h 166"/>
              <a:gd name="T40" fmla="*/ 2147483646 w 178"/>
              <a:gd name="T41" fmla="*/ 2147483646 h 166"/>
              <a:gd name="T42" fmla="*/ 2147483646 w 178"/>
              <a:gd name="T43" fmla="*/ 2147483646 h 166"/>
              <a:gd name="T44" fmla="*/ 2147483646 w 178"/>
              <a:gd name="T45" fmla="*/ 2147483646 h 166"/>
              <a:gd name="T46" fmla="*/ 2147483646 w 178"/>
              <a:gd name="T47" fmla="*/ 2147483646 h 166"/>
              <a:gd name="T48" fmla="*/ 2147483646 w 178"/>
              <a:gd name="T49" fmla="*/ 2147483646 h 166"/>
              <a:gd name="T50" fmla="*/ 2147483646 w 178"/>
              <a:gd name="T51" fmla="*/ 2147483646 h 166"/>
              <a:gd name="T52" fmla="*/ 2147483646 w 178"/>
              <a:gd name="T53" fmla="*/ 2147483646 h 166"/>
              <a:gd name="T54" fmla="*/ 2147483646 w 178"/>
              <a:gd name="T55" fmla="*/ 2147483646 h 166"/>
              <a:gd name="T56" fmla="*/ 2147483646 w 178"/>
              <a:gd name="T57" fmla="*/ 2147483646 h 166"/>
              <a:gd name="T58" fmla="*/ 2147483646 w 178"/>
              <a:gd name="T59" fmla="*/ 2147483646 h 166"/>
              <a:gd name="T60" fmla="*/ 2147483646 w 178"/>
              <a:gd name="T61" fmla="*/ 2147483646 h 166"/>
              <a:gd name="T62" fmla="*/ 2147483646 w 178"/>
              <a:gd name="T63" fmla="*/ 2147483646 h 166"/>
              <a:gd name="T64" fmla="*/ 2147483646 w 178"/>
              <a:gd name="T65" fmla="*/ 2147483646 h 166"/>
              <a:gd name="T66" fmla="*/ 2147483646 w 178"/>
              <a:gd name="T67" fmla="*/ 2147483646 h 166"/>
              <a:gd name="T68" fmla="*/ 2147483646 w 178"/>
              <a:gd name="T69" fmla="*/ 2147483646 h 166"/>
              <a:gd name="T70" fmla="*/ 2147483646 w 178"/>
              <a:gd name="T71" fmla="*/ 2147483646 h 166"/>
              <a:gd name="T72" fmla="*/ 2147483646 w 178"/>
              <a:gd name="T73" fmla="*/ 2147483646 h 166"/>
              <a:gd name="T74" fmla="*/ 2147483646 w 178"/>
              <a:gd name="T75" fmla="*/ 2147483646 h 166"/>
              <a:gd name="T76" fmla="*/ 2147483646 w 178"/>
              <a:gd name="T77" fmla="*/ 2147483646 h 166"/>
              <a:gd name="T78" fmla="*/ 2147483646 w 178"/>
              <a:gd name="T79" fmla="*/ 2147483646 h 166"/>
              <a:gd name="T80" fmla="*/ 2147483646 w 178"/>
              <a:gd name="T81" fmla="*/ 2147483646 h 166"/>
              <a:gd name="T82" fmla="*/ 2147483646 w 178"/>
              <a:gd name="T83" fmla="*/ 2147483646 h 166"/>
              <a:gd name="T84" fmla="*/ 2147483646 w 178"/>
              <a:gd name="T85" fmla="*/ 2147483646 h 166"/>
              <a:gd name="T86" fmla="*/ 2147483646 w 178"/>
              <a:gd name="T87" fmla="*/ 2147483646 h 166"/>
              <a:gd name="T88" fmla="*/ 2147483646 w 178"/>
              <a:gd name="T89" fmla="*/ 2147483646 h 166"/>
              <a:gd name="T90" fmla="*/ 2147483646 w 178"/>
              <a:gd name="T91" fmla="*/ 2147483646 h 166"/>
              <a:gd name="T92" fmla="*/ 2147483646 w 178"/>
              <a:gd name="T93" fmla="*/ 2147483646 h 166"/>
              <a:gd name="T94" fmla="*/ 2147483646 w 178"/>
              <a:gd name="T95" fmla="*/ 2147483646 h 166"/>
              <a:gd name="T96" fmla="*/ 2147483646 w 178"/>
              <a:gd name="T97" fmla="*/ 2147483646 h 166"/>
              <a:gd name="T98" fmla="*/ 2147483646 w 178"/>
              <a:gd name="T99" fmla="*/ 2147483646 h 166"/>
              <a:gd name="T100" fmla="*/ 2147483646 w 178"/>
              <a:gd name="T101" fmla="*/ 2147483646 h 166"/>
              <a:gd name="T102" fmla="*/ 2147483646 w 178"/>
              <a:gd name="T103" fmla="*/ 2147483646 h 166"/>
              <a:gd name="T104" fmla="*/ 2147483646 w 178"/>
              <a:gd name="T105" fmla="*/ 2147483646 h 166"/>
              <a:gd name="T106" fmla="*/ 2147483646 w 178"/>
              <a:gd name="T107" fmla="*/ 2147483646 h 166"/>
              <a:gd name="T108" fmla="*/ 2147483646 w 178"/>
              <a:gd name="T109" fmla="*/ 2147483646 h 166"/>
              <a:gd name="T110" fmla="*/ 2147483646 w 178"/>
              <a:gd name="T111" fmla="*/ 2147483646 h 166"/>
              <a:gd name="T112" fmla="*/ 2147483646 w 178"/>
              <a:gd name="T113" fmla="*/ 2147483646 h 166"/>
              <a:gd name="T114" fmla="*/ 2147483646 w 178"/>
              <a:gd name="T115" fmla="*/ 2147483646 h 166"/>
              <a:gd name="T116" fmla="*/ 2147483646 w 178"/>
              <a:gd name="T117" fmla="*/ 2147483646 h 166"/>
              <a:gd name="T118" fmla="*/ 2147483646 w 178"/>
              <a:gd name="T119" fmla="*/ 2147483646 h 166"/>
              <a:gd name="T120" fmla="*/ 2147483646 w 178"/>
              <a:gd name="T121" fmla="*/ 2147483646 h 166"/>
              <a:gd name="T122" fmla="*/ 2147483646 w 178"/>
              <a:gd name="T123" fmla="*/ 2147483646 h 166"/>
              <a:gd name="T124" fmla="*/ 2147483646 w 178"/>
              <a:gd name="T125" fmla="*/ 2147483646 h 16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60000 65536"/>
              <a:gd name="T187" fmla="*/ 0 60000 65536"/>
              <a:gd name="T188" fmla="*/ 0 60000 65536"/>
              <a:gd name="T189" fmla="*/ 0 w 178"/>
              <a:gd name="T190" fmla="*/ 0 h 166"/>
              <a:gd name="T191" fmla="*/ 178 w 178"/>
              <a:gd name="T192" fmla="*/ 166 h 166"/>
            </a:gdLst>
            <a:ahLst/>
            <a:cxnLst>
              <a:cxn ang="T126">
                <a:pos x="T0" y="T1"/>
              </a:cxn>
              <a:cxn ang="T127">
                <a:pos x="T2" y="T3"/>
              </a:cxn>
              <a:cxn ang="T128">
                <a:pos x="T4" y="T5"/>
              </a:cxn>
              <a:cxn ang="T129">
                <a:pos x="T6" y="T7"/>
              </a:cxn>
              <a:cxn ang="T130">
                <a:pos x="T8" y="T9"/>
              </a:cxn>
              <a:cxn ang="T131">
                <a:pos x="T10" y="T11"/>
              </a:cxn>
              <a:cxn ang="T132">
                <a:pos x="T12" y="T13"/>
              </a:cxn>
              <a:cxn ang="T133">
                <a:pos x="T14" y="T15"/>
              </a:cxn>
              <a:cxn ang="T134">
                <a:pos x="T16" y="T17"/>
              </a:cxn>
              <a:cxn ang="T135">
                <a:pos x="T18" y="T19"/>
              </a:cxn>
              <a:cxn ang="T136">
                <a:pos x="T20" y="T21"/>
              </a:cxn>
              <a:cxn ang="T137">
                <a:pos x="T22" y="T23"/>
              </a:cxn>
              <a:cxn ang="T138">
                <a:pos x="T24" y="T25"/>
              </a:cxn>
              <a:cxn ang="T139">
                <a:pos x="T26" y="T27"/>
              </a:cxn>
              <a:cxn ang="T140">
                <a:pos x="T28" y="T29"/>
              </a:cxn>
              <a:cxn ang="T141">
                <a:pos x="T30" y="T31"/>
              </a:cxn>
              <a:cxn ang="T142">
                <a:pos x="T32" y="T33"/>
              </a:cxn>
              <a:cxn ang="T143">
                <a:pos x="T34" y="T35"/>
              </a:cxn>
              <a:cxn ang="T144">
                <a:pos x="T36" y="T37"/>
              </a:cxn>
              <a:cxn ang="T145">
                <a:pos x="T38" y="T39"/>
              </a:cxn>
              <a:cxn ang="T146">
                <a:pos x="T40" y="T41"/>
              </a:cxn>
              <a:cxn ang="T147">
                <a:pos x="T42" y="T43"/>
              </a:cxn>
              <a:cxn ang="T148">
                <a:pos x="T44" y="T45"/>
              </a:cxn>
              <a:cxn ang="T149">
                <a:pos x="T46" y="T47"/>
              </a:cxn>
              <a:cxn ang="T150">
                <a:pos x="T48" y="T49"/>
              </a:cxn>
              <a:cxn ang="T151">
                <a:pos x="T50" y="T51"/>
              </a:cxn>
              <a:cxn ang="T152">
                <a:pos x="T52" y="T53"/>
              </a:cxn>
              <a:cxn ang="T153">
                <a:pos x="T54" y="T55"/>
              </a:cxn>
              <a:cxn ang="T154">
                <a:pos x="T56" y="T57"/>
              </a:cxn>
              <a:cxn ang="T155">
                <a:pos x="T58" y="T59"/>
              </a:cxn>
              <a:cxn ang="T156">
                <a:pos x="T60" y="T61"/>
              </a:cxn>
              <a:cxn ang="T157">
                <a:pos x="T62" y="T63"/>
              </a:cxn>
              <a:cxn ang="T158">
                <a:pos x="T64" y="T65"/>
              </a:cxn>
              <a:cxn ang="T159">
                <a:pos x="T66" y="T67"/>
              </a:cxn>
              <a:cxn ang="T160">
                <a:pos x="T68" y="T69"/>
              </a:cxn>
              <a:cxn ang="T161">
                <a:pos x="T70" y="T71"/>
              </a:cxn>
              <a:cxn ang="T162">
                <a:pos x="T72" y="T73"/>
              </a:cxn>
              <a:cxn ang="T163">
                <a:pos x="T74" y="T75"/>
              </a:cxn>
              <a:cxn ang="T164">
                <a:pos x="T76" y="T77"/>
              </a:cxn>
              <a:cxn ang="T165">
                <a:pos x="T78" y="T79"/>
              </a:cxn>
              <a:cxn ang="T166">
                <a:pos x="T80" y="T81"/>
              </a:cxn>
              <a:cxn ang="T167">
                <a:pos x="T82" y="T83"/>
              </a:cxn>
              <a:cxn ang="T168">
                <a:pos x="T84" y="T85"/>
              </a:cxn>
              <a:cxn ang="T169">
                <a:pos x="T86" y="T87"/>
              </a:cxn>
              <a:cxn ang="T170">
                <a:pos x="T88" y="T89"/>
              </a:cxn>
              <a:cxn ang="T171">
                <a:pos x="T90" y="T91"/>
              </a:cxn>
              <a:cxn ang="T172">
                <a:pos x="T92" y="T93"/>
              </a:cxn>
              <a:cxn ang="T173">
                <a:pos x="T94" y="T95"/>
              </a:cxn>
              <a:cxn ang="T174">
                <a:pos x="T96" y="T97"/>
              </a:cxn>
              <a:cxn ang="T175">
                <a:pos x="T98" y="T99"/>
              </a:cxn>
              <a:cxn ang="T176">
                <a:pos x="T100" y="T101"/>
              </a:cxn>
              <a:cxn ang="T177">
                <a:pos x="T102" y="T103"/>
              </a:cxn>
              <a:cxn ang="T178">
                <a:pos x="T104" y="T105"/>
              </a:cxn>
              <a:cxn ang="T179">
                <a:pos x="T106" y="T107"/>
              </a:cxn>
              <a:cxn ang="T180">
                <a:pos x="T108" y="T109"/>
              </a:cxn>
              <a:cxn ang="T181">
                <a:pos x="T110" y="T111"/>
              </a:cxn>
              <a:cxn ang="T182">
                <a:pos x="T112" y="T113"/>
              </a:cxn>
              <a:cxn ang="T183">
                <a:pos x="T114" y="T115"/>
              </a:cxn>
              <a:cxn ang="T184">
                <a:pos x="T116" y="T117"/>
              </a:cxn>
              <a:cxn ang="T185">
                <a:pos x="T118" y="T119"/>
              </a:cxn>
              <a:cxn ang="T186">
                <a:pos x="T120" y="T121"/>
              </a:cxn>
              <a:cxn ang="T187">
                <a:pos x="T122" y="T123"/>
              </a:cxn>
              <a:cxn ang="T188">
                <a:pos x="T124" y="T125"/>
              </a:cxn>
            </a:cxnLst>
            <a:rect l="T189" t="T190" r="T191" b="T192"/>
            <a:pathLst>
              <a:path w="178" h="166">
                <a:moveTo>
                  <a:pt x="63" y="166"/>
                </a:moveTo>
                <a:lnTo>
                  <a:pt x="51" y="156"/>
                </a:lnTo>
                <a:lnTo>
                  <a:pt x="48" y="155"/>
                </a:lnTo>
                <a:lnTo>
                  <a:pt x="47" y="156"/>
                </a:lnTo>
                <a:lnTo>
                  <a:pt x="42" y="153"/>
                </a:lnTo>
                <a:lnTo>
                  <a:pt x="36" y="146"/>
                </a:lnTo>
                <a:lnTo>
                  <a:pt x="35" y="146"/>
                </a:lnTo>
                <a:lnTo>
                  <a:pt x="31" y="138"/>
                </a:lnTo>
                <a:lnTo>
                  <a:pt x="28" y="137"/>
                </a:lnTo>
                <a:lnTo>
                  <a:pt x="23" y="131"/>
                </a:lnTo>
                <a:lnTo>
                  <a:pt x="19" y="128"/>
                </a:lnTo>
                <a:lnTo>
                  <a:pt x="18" y="124"/>
                </a:lnTo>
                <a:lnTo>
                  <a:pt x="18" y="118"/>
                </a:lnTo>
                <a:lnTo>
                  <a:pt x="17" y="113"/>
                </a:lnTo>
                <a:lnTo>
                  <a:pt x="13" y="107"/>
                </a:lnTo>
                <a:lnTo>
                  <a:pt x="12" y="104"/>
                </a:lnTo>
                <a:lnTo>
                  <a:pt x="12" y="99"/>
                </a:lnTo>
                <a:lnTo>
                  <a:pt x="8" y="88"/>
                </a:lnTo>
                <a:lnTo>
                  <a:pt x="9" y="84"/>
                </a:lnTo>
                <a:lnTo>
                  <a:pt x="6" y="79"/>
                </a:lnTo>
                <a:lnTo>
                  <a:pt x="6" y="72"/>
                </a:lnTo>
                <a:lnTo>
                  <a:pt x="3" y="71"/>
                </a:lnTo>
                <a:lnTo>
                  <a:pt x="2" y="66"/>
                </a:lnTo>
                <a:lnTo>
                  <a:pt x="1" y="58"/>
                </a:lnTo>
                <a:lnTo>
                  <a:pt x="3" y="53"/>
                </a:lnTo>
                <a:lnTo>
                  <a:pt x="0" y="47"/>
                </a:lnTo>
                <a:lnTo>
                  <a:pt x="1" y="41"/>
                </a:lnTo>
                <a:lnTo>
                  <a:pt x="5" y="34"/>
                </a:lnTo>
                <a:lnTo>
                  <a:pt x="10" y="29"/>
                </a:lnTo>
                <a:lnTo>
                  <a:pt x="12" y="24"/>
                </a:lnTo>
                <a:lnTo>
                  <a:pt x="16" y="17"/>
                </a:lnTo>
                <a:lnTo>
                  <a:pt x="22" y="12"/>
                </a:lnTo>
                <a:lnTo>
                  <a:pt x="25" y="8"/>
                </a:lnTo>
                <a:lnTo>
                  <a:pt x="26" y="5"/>
                </a:lnTo>
                <a:lnTo>
                  <a:pt x="31" y="3"/>
                </a:lnTo>
                <a:lnTo>
                  <a:pt x="38" y="0"/>
                </a:lnTo>
                <a:lnTo>
                  <a:pt x="43" y="4"/>
                </a:lnTo>
                <a:lnTo>
                  <a:pt x="46" y="8"/>
                </a:lnTo>
                <a:lnTo>
                  <a:pt x="46" y="10"/>
                </a:lnTo>
                <a:lnTo>
                  <a:pt x="48" y="12"/>
                </a:lnTo>
                <a:lnTo>
                  <a:pt x="52" y="12"/>
                </a:lnTo>
                <a:lnTo>
                  <a:pt x="53" y="14"/>
                </a:lnTo>
                <a:lnTo>
                  <a:pt x="53" y="16"/>
                </a:lnTo>
                <a:lnTo>
                  <a:pt x="56" y="15"/>
                </a:lnTo>
                <a:lnTo>
                  <a:pt x="60" y="15"/>
                </a:lnTo>
                <a:lnTo>
                  <a:pt x="65" y="18"/>
                </a:lnTo>
                <a:lnTo>
                  <a:pt x="67" y="20"/>
                </a:lnTo>
                <a:lnTo>
                  <a:pt x="70" y="22"/>
                </a:lnTo>
                <a:lnTo>
                  <a:pt x="73" y="21"/>
                </a:lnTo>
                <a:lnTo>
                  <a:pt x="77" y="19"/>
                </a:lnTo>
                <a:lnTo>
                  <a:pt x="79" y="17"/>
                </a:lnTo>
                <a:lnTo>
                  <a:pt x="83" y="16"/>
                </a:lnTo>
                <a:lnTo>
                  <a:pt x="85" y="14"/>
                </a:lnTo>
                <a:lnTo>
                  <a:pt x="90" y="12"/>
                </a:lnTo>
                <a:lnTo>
                  <a:pt x="94" y="13"/>
                </a:lnTo>
                <a:lnTo>
                  <a:pt x="94" y="17"/>
                </a:lnTo>
                <a:lnTo>
                  <a:pt x="106" y="27"/>
                </a:lnTo>
                <a:lnTo>
                  <a:pt x="106" y="30"/>
                </a:lnTo>
                <a:lnTo>
                  <a:pt x="107" y="33"/>
                </a:lnTo>
                <a:lnTo>
                  <a:pt x="110" y="37"/>
                </a:lnTo>
                <a:lnTo>
                  <a:pt x="111" y="42"/>
                </a:lnTo>
                <a:lnTo>
                  <a:pt x="111" y="47"/>
                </a:lnTo>
                <a:lnTo>
                  <a:pt x="112" y="49"/>
                </a:lnTo>
                <a:lnTo>
                  <a:pt x="115" y="50"/>
                </a:lnTo>
                <a:lnTo>
                  <a:pt x="114" y="54"/>
                </a:lnTo>
                <a:lnTo>
                  <a:pt x="110" y="55"/>
                </a:lnTo>
                <a:lnTo>
                  <a:pt x="106" y="59"/>
                </a:lnTo>
                <a:lnTo>
                  <a:pt x="106" y="62"/>
                </a:lnTo>
                <a:lnTo>
                  <a:pt x="107" y="64"/>
                </a:lnTo>
                <a:lnTo>
                  <a:pt x="110" y="64"/>
                </a:lnTo>
                <a:lnTo>
                  <a:pt x="114" y="71"/>
                </a:lnTo>
                <a:lnTo>
                  <a:pt x="116" y="71"/>
                </a:lnTo>
                <a:lnTo>
                  <a:pt x="119" y="68"/>
                </a:lnTo>
                <a:lnTo>
                  <a:pt x="121" y="69"/>
                </a:lnTo>
                <a:lnTo>
                  <a:pt x="124" y="72"/>
                </a:lnTo>
                <a:lnTo>
                  <a:pt x="127" y="76"/>
                </a:lnTo>
                <a:lnTo>
                  <a:pt x="132" y="79"/>
                </a:lnTo>
                <a:lnTo>
                  <a:pt x="135" y="78"/>
                </a:lnTo>
                <a:lnTo>
                  <a:pt x="142" y="75"/>
                </a:lnTo>
                <a:lnTo>
                  <a:pt x="142" y="73"/>
                </a:lnTo>
                <a:lnTo>
                  <a:pt x="143" y="69"/>
                </a:lnTo>
                <a:lnTo>
                  <a:pt x="146" y="67"/>
                </a:lnTo>
                <a:lnTo>
                  <a:pt x="149" y="68"/>
                </a:lnTo>
                <a:lnTo>
                  <a:pt x="151" y="70"/>
                </a:lnTo>
                <a:lnTo>
                  <a:pt x="154" y="73"/>
                </a:lnTo>
                <a:lnTo>
                  <a:pt x="156" y="73"/>
                </a:lnTo>
                <a:lnTo>
                  <a:pt x="160" y="73"/>
                </a:lnTo>
                <a:lnTo>
                  <a:pt x="164" y="74"/>
                </a:lnTo>
                <a:lnTo>
                  <a:pt x="168" y="75"/>
                </a:lnTo>
                <a:lnTo>
                  <a:pt x="177" y="72"/>
                </a:lnTo>
                <a:lnTo>
                  <a:pt x="178" y="74"/>
                </a:lnTo>
                <a:lnTo>
                  <a:pt x="177" y="79"/>
                </a:lnTo>
                <a:lnTo>
                  <a:pt x="173" y="81"/>
                </a:lnTo>
                <a:lnTo>
                  <a:pt x="172" y="84"/>
                </a:lnTo>
                <a:lnTo>
                  <a:pt x="172" y="87"/>
                </a:lnTo>
                <a:lnTo>
                  <a:pt x="172" y="90"/>
                </a:lnTo>
                <a:lnTo>
                  <a:pt x="168" y="93"/>
                </a:lnTo>
                <a:lnTo>
                  <a:pt x="163" y="92"/>
                </a:lnTo>
                <a:lnTo>
                  <a:pt x="158" y="93"/>
                </a:lnTo>
                <a:lnTo>
                  <a:pt x="156" y="95"/>
                </a:lnTo>
                <a:lnTo>
                  <a:pt x="152" y="95"/>
                </a:lnTo>
                <a:lnTo>
                  <a:pt x="147" y="99"/>
                </a:lnTo>
                <a:lnTo>
                  <a:pt x="143" y="101"/>
                </a:lnTo>
                <a:lnTo>
                  <a:pt x="140" y="105"/>
                </a:lnTo>
                <a:lnTo>
                  <a:pt x="137" y="107"/>
                </a:lnTo>
                <a:lnTo>
                  <a:pt x="134" y="110"/>
                </a:lnTo>
                <a:lnTo>
                  <a:pt x="135" y="113"/>
                </a:lnTo>
                <a:lnTo>
                  <a:pt x="134" y="118"/>
                </a:lnTo>
                <a:lnTo>
                  <a:pt x="131" y="122"/>
                </a:lnTo>
                <a:lnTo>
                  <a:pt x="130" y="128"/>
                </a:lnTo>
                <a:lnTo>
                  <a:pt x="126" y="130"/>
                </a:lnTo>
                <a:lnTo>
                  <a:pt x="122" y="129"/>
                </a:lnTo>
                <a:lnTo>
                  <a:pt x="118" y="133"/>
                </a:lnTo>
                <a:lnTo>
                  <a:pt x="115" y="136"/>
                </a:lnTo>
                <a:lnTo>
                  <a:pt x="111" y="137"/>
                </a:lnTo>
                <a:lnTo>
                  <a:pt x="107" y="143"/>
                </a:lnTo>
                <a:lnTo>
                  <a:pt x="100" y="145"/>
                </a:lnTo>
                <a:lnTo>
                  <a:pt x="92" y="148"/>
                </a:lnTo>
                <a:lnTo>
                  <a:pt x="88" y="153"/>
                </a:lnTo>
                <a:lnTo>
                  <a:pt x="87" y="157"/>
                </a:lnTo>
                <a:lnTo>
                  <a:pt x="85" y="160"/>
                </a:lnTo>
                <a:lnTo>
                  <a:pt x="83" y="160"/>
                </a:lnTo>
                <a:lnTo>
                  <a:pt x="80" y="164"/>
                </a:lnTo>
                <a:lnTo>
                  <a:pt x="75" y="165"/>
                </a:lnTo>
                <a:lnTo>
                  <a:pt x="69" y="164"/>
                </a:lnTo>
                <a:lnTo>
                  <a:pt x="63" y="166"/>
                </a:lnTo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729" name="d14383"/>
          <xdr:cNvSpPr>
            <a:spLocks/>
          </xdr:cNvSpPr>
        </xdr:nvSpPr>
        <xdr:spPr bwMode="auto">
          <a:xfrm>
            <a:off x="2647950" y="16144875"/>
            <a:ext cx="628650" cy="657225"/>
          </a:xfrm>
          <a:custGeom>
            <a:avLst/>
            <a:gdLst>
              <a:gd name="T0" fmla="*/ 0 w 16384"/>
              <a:gd name="T1" fmla="*/ 0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0 w 16384"/>
              <a:gd name="T103" fmla="*/ 2147483646 h 16384"/>
              <a:gd name="T104" fmla="*/ 0 w 16384"/>
              <a:gd name="T105" fmla="*/ 0 h 16384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6384"/>
              <a:gd name="T160" fmla="*/ 0 h 16384"/>
              <a:gd name="T161" fmla="*/ 16384 w 16384"/>
              <a:gd name="T162" fmla="*/ 16384 h 16384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6384" h="16384">
                <a:moveTo>
                  <a:pt x="0" y="0"/>
                </a:moveTo>
                <a:lnTo>
                  <a:pt x="1241" y="237"/>
                </a:lnTo>
                <a:lnTo>
                  <a:pt x="2482" y="475"/>
                </a:lnTo>
                <a:lnTo>
                  <a:pt x="5213" y="1662"/>
                </a:lnTo>
                <a:lnTo>
                  <a:pt x="9185" y="3799"/>
                </a:lnTo>
                <a:lnTo>
                  <a:pt x="9930" y="3324"/>
                </a:lnTo>
                <a:lnTo>
                  <a:pt x="10178" y="3799"/>
                </a:lnTo>
                <a:lnTo>
                  <a:pt x="10674" y="4512"/>
                </a:lnTo>
                <a:lnTo>
                  <a:pt x="11667" y="5224"/>
                </a:lnTo>
                <a:lnTo>
                  <a:pt x="12164" y="5936"/>
                </a:lnTo>
                <a:lnTo>
                  <a:pt x="11419" y="6886"/>
                </a:lnTo>
                <a:lnTo>
                  <a:pt x="11171" y="8073"/>
                </a:lnTo>
                <a:lnTo>
                  <a:pt x="10923" y="9261"/>
                </a:lnTo>
                <a:lnTo>
                  <a:pt x="11171" y="9498"/>
                </a:lnTo>
                <a:lnTo>
                  <a:pt x="11419" y="9973"/>
                </a:lnTo>
                <a:lnTo>
                  <a:pt x="11916" y="10685"/>
                </a:lnTo>
                <a:lnTo>
                  <a:pt x="11916" y="11872"/>
                </a:lnTo>
                <a:lnTo>
                  <a:pt x="11171" y="11872"/>
                </a:lnTo>
                <a:lnTo>
                  <a:pt x="11916" y="12347"/>
                </a:lnTo>
                <a:lnTo>
                  <a:pt x="12909" y="13297"/>
                </a:lnTo>
                <a:lnTo>
                  <a:pt x="13902" y="13772"/>
                </a:lnTo>
                <a:lnTo>
                  <a:pt x="15143" y="14010"/>
                </a:lnTo>
                <a:lnTo>
                  <a:pt x="15888" y="14247"/>
                </a:lnTo>
                <a:lnTo>
                  <a:pt x="15888" y="15197"/>
                </a:lnTo>
                <a:lnTo>
                  <a:pt x="16384" y="15909"/>
                </a:lnTo>
                <a:lnTo>
                  <a:pt x="15888" y="16147"/>
                </a:lnTo>
                <a:lnTo>
                  <a:pt x="15391" y="15909"/>
                </a:lnTo>
                <a:lnTo>
                  <a:pt x="14895" y="16147"/>
                </a:lnTo>
                <a:lnTo>
                  <a:pt x="14646" y="16384"/>
                </a:lnTo>
                <a:lnTo>
                  <a:pt x="14150" y="16147"/>
                </a:lnTo>
                <a:lnTo>
                  <a:pt x="13653" y="16147"/>
                </a:lnTo>
                <a:lnTo>
                  <a:pt x="13405" y="15672"/>
                </a:lnTo>
                <a:lnTo>
                  <a:pt x="12660" y="15434"/>
                </a:lnTo>
                <a:lnTo>
                  <a:pt x="12660" y="14722"/>
                </a:lnTo>
                <a:lnTo>
                  <a:pt x="11916" y="14722"/>
                </a:lnTo>
                <a:lnTo>
                  <a:pt x="10923" y="14484"/>
                </a:lnTo>
                <a:lnTo>
                  <a:pt x="10178" y="14010"/>
                </a:lnTo>
                <a:lnTo>
                  <a:pt x="9930" y="13535"/>
                </a:lnTo>
                <a:lnTo>
                  <a:pt x="9681" y="13535"/>
                </a:lnTo>
                <a:lnTo>
                  <a:pt x="9930" y="13060"/>
                </a:lnTo>
                <a:lnTo>
                  <a:pt x="8937" y="11872"/>
                </a:lnTo>
                <a:lnTo>
                  <a:pt x="7696" y="10448"/>
                </a:lnTo>
                <a:lnTo>
                  <a:pt x="6454" y="9973"/>
                </a:lnTo>
                <a:lnTo>
                  <a:pt x="6206" y="9023"/>
                </a:lnTo>
                <a:lnTo>
                  <a:pt x="6454" y="8548"/>
                </a:lnTo>
                <a:lnTo>
                  <a:pt x="6703" y="7598"/>
                </a:lnTo>
                <a:lnTo>
                  <a:pt x="5958" y="6411"/>
                </a:lnTo>
                <a:lnTo>
                  <a:pt x="3475" y="4749"/>
                </a:lnTo>
                <a:lnTo>
                  <a:pt x="2979" y="2612"/>
                </a:lnTo>
                <a:lnTo>
                  <a:pt x="1738" y="2374"/>
                </a:lnTo>
                <a:lnTo>
                  <a:pt x="1241" y="1900"/>
                </a:lnTo>
                <a:lnTo>
                  <a:pt x="0" y="1187"/>
                </a:lnTo>
                <a:lnTo>
                  <a:pt x="0" y="0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730" name="d14384"/>
          <xdr:cNvSpPr>
            <a:spLocks/>
          </xdr:cNvSpPr>
        </xdr:nvSpPr>
        <xdr:spPr bwMode="auto">
          <a:xfrm>
            <a:off x="1743075" y="15954375"/>
            <a:ext cx="1285875" cy="8477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0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0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w 16384"/>
              <a:gd name="T115" fmla="*/ 0 h 16384"/>
              <a:gd name="T116" fmla="*/ 16384 w 16384"/>
              <a:gd name="T117" fmla="*/ 16384 h 16384"/>
            </a:gdLst>
            <a:ahLst/>
            <a:cxnLst>
              <a:cxn ang="T76">
                <a:pos x="T0" y="T1"/>
              </a:cxn>
              <a:cxn ang="T77">
                <a:pos x="T2" y="T3"/>
              </a:cxn>
              <a:cxn ang="T78">
                <a:pos x="T4" y="T5"/>
              </a:cxn>
              <a:cxn ang="T79">
                <a:pos x="T6" y="T7"/>
              </a:cxn>
              <a:cxn ang="T80">
                <a:pos x="T8" y="T9"/>
              </a:cxn>
              <a:cxn ang="T81">
                <a:pos x="T10" y="T11"/>
              </a:cxn>
              <a:cxn ang="T82">
                <a:pos x="T12" y="T13"/>
              </a:cxn>
              <a:cxn ang="T83">
                <a:pos x="T14" y="T15"/>
              </a:cxn>
              <a:cxn ang="T84">
                <a:pos x="T16" y="T17"/>
              </a:cxn>
              <a:cxn ang="T85">
                <a:pos x="T18" y="T19"/>
              </a:cxn>
              <a:cxn ang="T86">
                <a:pos x="T20" y="T21"/>
              </a:cxn>
              <a:cxn ang="T87">
                <a:pos x="T22" y="T23"/>
              </a:cxn>
              <a:cxn ang="T88">
                <a:pos x="T24" y="T25"/>
              </a:cxn>
              <a:cxn ang="T89">
                <a:pos x="T26" y="T27"/>
              </a:cxn>
              <a:cxn ang="T90">
                <a:pos x="T28" y="T29"/>
              </a:cxn>
              <a:cxn ang="T91">
                <a:pos x="T30" y="T31"/>
              </a:cxn>
              <a:cxn ang="T92">
                <a:pos x="T32" y="T33"/>
              </a:cxn>
              <a:cxn ang="T93">
                <a:pos x="T34" y="T35"/>
              </a:cxn>
              <a:cxn ang="T94">
                <a:pos x="T36" y="T37"/>
              </a:cxn>
              <a:cxn ang="T95">
                <a:pos x="T38" y="T39"/>
              </a:cxn>
              <a:cxn ang="T96">
                <a:pos x="T40" y="T41"/>
              </a:cxn>
              <a:cxn ang="T97">
                <a:pos x="T42" y="T43"/>
              </a:cxn>
              <a:cxn ang="T98">
                <a:pos x="T44" y="T45"/>
              </a:cxn>
              <a:cxn ang="T99">
                <a:pos x="T46" y="T47"/>
              </a:cxn>
              <a:cxn ang="T100">
                <a:pos x="T48" y="T49"/>
              </a:cxn>
              <a:cxn ang="T101">
                <a:pos x="T50" y="T51"/>
              </a:cxn>
              <a:cxn ang="T102">
                <a:pos x="T52" y="T53"/>
              </a:cxn>
              <a:cxn ang="T103">
                <a:pos x="T54" y="T55"/>
              </a:cxn>
              <a:cxn ang="T104">
                <a:pos x="T56" y="T57"/>
              </a:cxn>
              <a:cxn ang="T105">
                <a:pos x="T58" y="T59"/>
              </a:cxn>
              <a:cxn ang="T106">
                <a:pos x="T60" y="T61"/>
              </a:cxn>
              <a:cxn ang="T107">
                <a:pos x="T62" y="T63"/>
              </a:cxn>
              <a:cxn ang="T108">
                <a:pos x="T64" y="T65"/>
              </a:cxn>
              <a:cxn ang="T109">
                <a:pos x="T66" y="T67"/>
              </a:cxn>
              <a:cxn ang="T110">
                <a:pos x="T68" y="T69"/>
              </a:cxn>
              <a:cxn ang="T111">
                <a:pos x="T70" y="T71"/>
              </a:cxn>
              <a:cxn ang="T112">
                <a:pos x="T72" y="T73"/>
              </a:cxn>
              <a:cxn ang="T113">
                <a:pos x="T74" y="T75"/>
              </a:cxn>
            </a:cxnLst>
            <a:rect l="T114" t="T115" r="T116" b="T117"/>
            <a:pathLst>
              <a:path w="16384" h="16384">
                <a:moveTo>
                  <a:pt x="11529" y="3682"/>
                </a:moveTo>
                <a:lnTo>
                  <a:pt x="11529" y="4602"/>
                </a:lnTo>
                <a:lnTo>
                  <a:pt x="12136" y="5155"/>
                </a:lnTo>
                <a:lnTo>
                  <a:pt x="12379" y="5523"/>
                </a:lnTo>
                <a:lnTo>
                  <a:pt x="12986" y="5707"/>
                </a:lnTo>
                <a:lnTo>
                  <a:pt x="13229" y="7364"/>
                </a:lnTo>
                <a:lnTo>
                  <a:pt x="14442" y="8652"/>
                </a:lnTo>
                <a:lnTo>
                  <a:pt x="14806" y="9573"/>
                </a:lnTo>
                <a:lnTo>
                  <a:pt x="14685" y="10309"/>
                </a:lnTo>
                <a:lnTo>
                  <a:pt x="14564" y="10677"/>
                </a:lnTo>
                <a:lnTo>
                  <a:pt x="14685" y="11414"/>
                </a:lnTo>
                <a:lnTo>
                  <a:pt x="15292" y="11782"/>
                </a:lnTo>
                <a:lnTo>
                  <a:pt x="15899" y="12886"/>
                </a:lnTo>
                <a:lnTo>
                  <a:pt x="16384" y="13807"/>
                </a:lnTo>
                <a:lnTo>
                  <a:pt x="16263" y="14175"/>
                </a:lnTo>
                <a:lnTo>
                  <a:pt x="16020" y="13991"/>
                </a:lnTo>
                <a:lnTo>
                  <a:pt x="15899" y="13623"/>
                </a:lnTo>
                <a:lnTo>
                  <a:pt x="15049" y="13807"/>
                </a:lnTo>
                <a:lnTo>
                  <a:pt x="14078" y="13623"/>
                </a:lnTo>
                <a:lnTo>
                  <a:pt x="13471" y="14359"/>
                </a:lnTo>
                <a:lnTo>
                  <a:pt x="12986" y="15279"/>
                </a:lnTo>
                <a:lnTo>
                  <a:pt x="12500" y="16016"/>
                </a:lnTo>
                <a:lnTo>
                  <a:pt x="12136" y="15648"/>
                </a:lnTo>
                <a:lnTo>
                  <a:pt x="11651" y="16016"/>
                </a:lnTo>
                <a:lnTo>
                  <a:pt x="11165" y="16200"/>
                </a:lnTo>
                <a:lnTo>
                  <a:pt x="10680" y="16384"/>
                </a:lnTo>
                <a:lnTo>
                  <a:pt x="10316" y="16384"/>
                </a:lnTo>
                <a:lnTo>
                  <a:pt x="10073" y="16200"/>
                </a:lnTo>
                <a:lnTo>
                  <a:pt x="9588" y="16200"/>
                </a:lnTo>
                <a:lnTo>
                  <a:pt x="9345" y="16200"/>
                </a:lnTo>
                <a:lnTo>
                  <a:pt x="8859" y="16200"/>
                </a:lnTo>
                <a:lnTo>
                  <a:pt x="8253" y="16016"/>
                </a:lnTo>
                <a:lnTo>
                  <a:pt x="8010" y="16016"/>
                </a:lnTo>
                <a:lnTo>
                  <a:pt x="7646" y="15648"/>
                </a:lnTo>
                <a:lnTo>
                  <a:pt x="7403" y="15279"/>
                </a:lnTo>
                <a:lnTo>
                  <a:pt x="7039" y="14911"/>
                </a:lnTo>
                <a:lnTo>
                  <a:pt x="6190" y="15095"/>
                </a:lnTo>
                <a:lnTo>
                  <a:pt x="5219" y="15095"/>
                </a:lnTo>
                <a:lnTo>
                  <a:pt x="4490" y="14359"/>
                </a:lnTo>
                <a:lnTo>
                  <a:pt x="3884" y="14543"/>
                </a:lnTo>
                <a:lnTo>
                  <a:pt x="3155" y="13623"/>
                </a:lnTo>
                <a:lnTo>
                  <a:pt x="2306" y="13991"/>
                </a:lnTo>
                <a:lnTo>
                  <a:pt x="1578" y="13070"/>
                </a:lnTo>
                <a:lnTo>
                  <a:pt x="1214" y="12886"/>
                </a:lnTo>
                <a:lnTo>
                  <a:pt x="485" y="13623"/>
                </a:lnTo>
                <a:lnTo>
                  <a:pt x="364" y="12886"/>
                </a:lnTo>
                <a:lnTo>
                  <a:pt x="485" y="11966"/>
                </a:lnTo>
                <a:lnTo>
                  <a:pt x="728" y="11229"/>
                </a:lnTo>
                <a:lnTo>
                  <a:pt x="121" y="10677"/>
                </a:lnTo>
                <a:lnTo>
                  <a:pt x="485" y="9757"/>
                </a:lnTo>
                <a:lnTo>
                  <a:pt x="364" y="8836"/>
                </a:lnTo>
                <a:lnTo>
                  <a:pt x="485" y="8284"/>
                </a:lnTo>
                <a:lnTo>
                  <a:pt x="243" y="7916"/>
                </a:lnTo>
                <a:lnTo>
                  <a:pt x="0" y="6811"/>
                </a:lnTo>
                <a:lnTo>
                  <a:pt x="728" y="6443"/>
                </a:lnTo>
                <a:lnTo>
                  <a:pt x="1456" y="6627"/>
                </a:lnTo>
                <a:lnTo>
                  <a:pt x="2063" y="6443"/>
                </a:lnTo>
                <a:lnTo>
                  <a:pt x="2427" y="5707"/>
                </a:lnTo>
                <a:lnTo>
                  <a:pt x="2670" y="5707"/>
                </a:lnTo>
                <a:lnTo>
                  <a:pt x="2913" y="5155"/>
                </a:lnTo>
                <a:lnTo>
                  <a:pt x="3034" y="4418"/>
                </a:lnTo>
                <a:lnTo>
                  <a:pt x="3520" y="3498"/>
                </a:lnTo>
                <a:lnTo>
                  <a:pt x="4490" y="2945"/>
                </a:lnTo>
                <a:lnTo>
                  <a:pt x="5340" y="2577"/>
                </a:lnTo>
                <a:lnTo>
                  <a:pt x="5825" y="1473"/>
                </a:lnTo>
                <a:lnTo>
                  <a:pt x="6311" y="1289"/>
                </a:lnTo>
                <a:lnTo>
                  <a:pt x="6675" y="736"/>
                </a:lnTo>
                <a:lnTo>
                  <a:pt x="7160" y="0"/>
                </a:lnTo>
                <a:lnTo>
                  <a:pt x="7646" y="184"/>
                </a:lnTo>
                <a:lnTo>
                  <a:pt x="7646" y="1105"/>
                </a:lnTo>
                <a:lnTo>
                  <a:pt x="8010" y="1289"/>
                </a:lnTo>
                <a:lnTo>
                  <a:pt x="8738" y="1841"/>
                </a:lnTo>
                <a:lnTo>
                  <a:pt x="9102" y="1657"/>
                </a:lnTo>
                <a:lnTo>
                  <a:pt x="9588" y="2025"/>
                </a:lnTo>
                <a:lnTo>
                  <a:pt x="10073" y="3130"/>
                </a:lnTo>
                <a:lnTo>
                  <a:pt x="10801" y="3314"/>
                </a:lnTo>
                <a:lnTo>
                  <a:pt x="11529" y="3682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731" name="d14401"/>
          <xdr:cNvSpPr>
            <a:spLocks/>
          </xdr:cNvSpPr>
        </xdr:nvSpPr>
        <xdr:spPr bwMode="auto">
          <a:xfrm>
            <a:off x="4276725" y="11068050"/>
            <a:ext cx="1276350" cy="81915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0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16384"/>
              <a:gd name="T136" fmla="*/ 0 h 16384"/>
              <a:gd name="T137" fmla="*/ 16384 w 16384"/>
              <a:gd name="T138" fmla="*/ 16384 h 16384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16384" h="16384">
                <a:moveTo>
                  <a:pt x="16262" y="8573"/>
                </a:moveTo>
                <a:lnTo>
                  <a:pt x="15773" y="9145"/>
                </a:lnTo>
                <a:lnTo>
                  <a:pt x="15895" y="9335"/>
                </a:lnTo>
                <a:lnTo>
                  <a:pt x="16384" y="9526"/>
                </a:lnTo>
                <a:lnTo>
                  <a:pt x="16384" y="10478"/>
                </a:lnTo>
                <a:lnTo>
                  <a:pt x="15161" y="11050"/>
                </a:lnTo>
                <a:lnTo>
                  <a:pt x="15284" y="12002"/>
                </a:lnTo>
                <a:lnTo>
                  <a:pt x="15406" y="12955"/>
                </a:lnTo>
                <a:lnTo>
                  <a:pt x="15406" y="13336"/>
                </a:lnTo>
                <a:lnTo>
                  <a:pt x="15161" y="13336"/>
                </a:lnTo>
                <a:lnTo>
                  <a:pt x="15284" y="13717"/>
                </a:lnTo>
                <a:lnTo>
                  <a:pt x="15039" y="13907"/>
                </a:lnTo>
                <a:lnTo>
                  <a:pt x="15161" y="14288"/>
                </a:lnTo>
                <a:lnTo>
                  <a:pt x="14917" y="14669"/>
                </a:lnTo>
                <a:lnTo>
                  <a:pt x="15039" y="15812"/>
                </a:lnTo>
                <a:lnTo>
                  <a:pt x="14795" y="16193"/>
                </a:lnTo>
                <a:lnTo>
                  <a:pt x="14550" y="16384"/>
                </a:lnTo>
                <a:lnTo>
                  <a:pt x="14061" y="16003"/>
                </a:lnTo>
                <a:lnTo>
                  <a:pt x="13450" y="14669"/>
                </a:lnTo>
                <a:lnTo>
                  <a:pt x="12349" y="14098"/>
                </a:lnTo>
                <a:lnTo>
                  <a:pt x="11493" y="14098"/>
                </a:lnTo>
                <a:lnTo>
                  <a:pt x="11126" y="13526"/>
                </a:lnTo>
                <a:lnTo>
                  <a:pt x="10393" y="13717"/>
                </a:lnTo>
                <a:lnTo>
                  <a:pt x="10393" y="12383"/>
                </a:lnTo>
                <a:lnTo>
                  <a:pt x="9904" y="11240"/>
                </a:lnTo>
                <a:lnTo>
                  <a:pt x="10026" y="10288"/>
                </a:lnTo>
                <a:lnTo>
                  <a:pt x="9170" y="9716"/>
                </a:lnTo>
                <a:lnTo>
                  <a:pt x="8681" y="10288"/>
                </a:lnTo>
                <a:lnTo>
                  <a:pt x="8192" y="9907"/>
                </a:lnTo>
                <a:lnTo>
                  <a:pt x="7947" y="10288"/>
                </a:lnTo>
                <a:lnTo>
                  <a:pt x="7336" y="10288"/>
                </a:lnTo>
                <a:lnTo>
                  <a:pt x="6603" y="11812"/>
                </a:lnTo>
                <a:lnTo>
                  <a:pt x="5502" y="12574"/>
                </a:lnTo>
                <a:lnTo>
                  <a:pt x="5013" y="12193"/>
                </a:lnTo>
                <a:lnTo>
                  <a:pt x="4646" y="12574"/>
                </a:lnTo>
                <a:lnTo>
                  <a:pt x="4524" y="13717"/>
                </a:lnTo>
                <a:lnTo>
                  <a:pt x="4524" y="14098"/>
                </a:lnTo>
                <a:lnTo>
                  <a:pt x="3913" y="14098"/>
                </a:lnTo>
                <a:lnTo>
                  <a:pt x="3546" y="13526"/>
                </a:lnTo>
                <a:lnTo>
                  <a:pt x="3057" y="13145"/>
                </a:lnTo>
                <a:lnTo>
                  <a:pt x="2812" y="12002"/>
                </a:lnTo>
                <a:lnTo>
                  <a:pt x="2445" y="10669"/>
                </a:lnTo>
                <a:lnTo>
                  <a:pt x="1712" y="10288"/>
                </a:lnTo>
                <a:lnTo>
                  <a:pt x="1467" y="9526"/>
                </a:lnTo>
                <a:lnTo>
                  <a:pt x="1100" y="9335"/>
                </a:lnTo>
                <a:lnTo>
                  <a:pt x="978" y="8764"/>
                </a:lnTo>
                <a:lnTo>
                  <a:pt x="489" y="8383"/>
                </a:lnTo>
                <a:lnTo>
                  <a:pt x="245" y="7811"/>
                </a:lnTo>
                <a:lnTo>
                  <a:pt x="0" y="6477"/>
                </a:lnTo>
                <a:lnTo>
                  <a:pt x="367" y="5334"/>
                </a:lnTo>
                <a:lnTo>
                  <a:pt x="611" y="4763"/>
                </a:lnTo>
                <a:lnTo>
                  <a:pt x="489" y="3810"/>
                </a:lnTo>
                <a:lnTo>
                  <a:pt x="611" y="3429"/>
                </a:lnTo>
                <a:lnTo>
                  <a:pt x="978" y="2858"/>
                </a:lnTo>
                <a:lnTo>
                  <a:pt x="1467" y="2286"/>
                </a:lnTo>
                <a:lnTo>
                  <a:pt x="1956" y="2286"/>
                </a:lnTo>
                <a:lnTo>
                  <a:pt x="2568" y="2096"/>
                </a:lnTo>
                <a:lnTo>
                  <a:pt x="3057" y="1715"/>
                </a:lnTo>
                <a:lnTo>
                  <a:pt x="3301" y="2096"/>
                </a:lnTo>
                <a:lnTo>
                  <a:pt x="3668" y="2096"/>
                </a:lnTo>
                <a:lnTo>
                  <a:pt x="3790" y="2477"/>
                </a:lnTo>
                <a:lnTo>
                  <a:pt x="4524" y="2667"/>
                </a:lnTo>
                <a:lnTo>
                  <a:pt x="4768" y="3239"/>
                </a:lnTo>
                <a:lnTo>
                  <a:pt x="5013" y="3239"/>
                </a:lnTo>
                <a:lnTo>
                  <a:pt x="5135" y="2667"/>
                </a:lnTo>
                <a:lnTo>
                  <a:pt x="5135" y="1905"/>
                </a:lnTo>
                <a:lnTo>
                  <a:pt x="5380" y="1334"/>
                </a:lnTo>
                <a:lnTo>
                  <a:pt x="5991" y="1143"/>
                </a:lnTo>
                <a:lnTo>
                  <a:pt x="5991" y="572"/>
                </a:lnTo>
                <a:lnTo>
                  <a:pt x="6725" y="0"/>
                </a:lnTo>
                <a:lnTo>
                  <a:pt x="7092" y="381"/>
                </a:lnTo>
                <a:lnTo>
                  <a:pt x="7458" y="381"/>
                </a:lnTo>
                <a:lnTo>
                  <a:pt x="7703" y="572"/>
                </a:lnTo>
                <a:lnTo>
                  <a:pt x="8192" y="1143"/>
                </a:lnTo>
                <a:lnTo>
                  <a:pt x="8559" y="1524"/>
                </a:lnTo>
                <a:lnTo>
                  <a:pt x="8803" y="2477"/>
                </a:lnTo>
                <a:lnTo>
                  <a:pt x="9048" y="2667"/>
                </a:lnTo>
                <a:lnTo>
                  <a:pt x="9415" y="3620"/>
                </a:lnTo>
                <a:lnTo>
                  <a:pt x="9659" y="3810"/>
                </a:lnTo>
                <a:lnTo>
                  <a:pt x="10026" y="4191"/>
                </a:lnTo>
                <a:lnTo>
                  <a:pt x="10271" y="4763"/>
                </a:lnTo>
                <a:lnTo>
                  <a:pt x="10637" y="5334"/>
                </a:lnTo>
                <a:lnTo>
                  <a:pt x="11004" y="5144"/>
                </a:lnTo>
                <a:lnTo>
                  <a:pt x="11493" y="4572"/>
                </a:lnTo>
                <a:lnTo>
                  <a:pt x="11860" y="4763"/>
                </a:lnTo>
                <a:lnTo>
                  <a:pt x="12105" y="4382"/>
                </a:lnTo>
                <a:lnTo>
                  <a:pt x="13083" y="4953"/>
                </a:lnTo>
                <a:lnTo>
                  <a:pt x="14305" y="6096"/>
                </a:lnTo>
                <a:lnTo>
                  <a:pt x="15406" y="7430"/>
                </a:lnTo>
                <a:lnTo>
                  <a:pt x="16262" y="85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32" name="d14402" descr="5%"/>
          <xdr:cNvSpPr>
            <a:spLocks/>
          </xdr:cNvSpPr>
        </xdr:nvSpPr>
        <xdr:spPr bwMode="auto">
          <a:xfrm>
            <a:off x="3343275" y="11258550"/>
            <a:ext cx="1543050" cy="133350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0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0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0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w 16384"/>
              <a:gd name="T166" fmla="*/ 0 h 16384"/>
              <a:gd name="T167" fmla="*/ 16384 w 16384"/>
              <a:gd name="T168" fmla="*/ 16384 h 16384"/>
            </a:gdLst>
            <a:ahLst/>
            <a:cxnLst>
              <a:cxn ang="T110">
                <a:pos x="T0" y="T1"/>
              </a:cxn>
              <a:cxn ang="T111">
                <a:pos x="T2" y="T3"/>
              </a:cxn>
              <a:cxn ang="T112">
                <a:pos x="T4" y="T5"/>
              </a:cxn>
              <a:cxn ang="T113">
                <a:pos x="T6" y="T7"/>
              </a:cxn>
              <a:cxn ang="T114">
                <a:pos x="T8" y="T9"/>
              </a:cxn>
              <a:cxn ang="T115">
                <a:pos x="T10" y="T11"/>
              </a:cxn>
              <a:cxn ang="T116">
                <a:pos x="T12" y="T13"/>
              </a:cxn>
              <a:cxn ang="T117">
                <a:pos x="T14" y="T15"/>
              </a:cxn>
              <a:cxn ang="T118">
                <a:pos x="T16" y="T17"/>
              </a:cxn>
              <a:cxn ang="T119">
                <a:pos x="T18" y="T19"/>
              </a:cxn>
              <a:cxn ang="T120">
                <a:pos x="T20" y="T21"/>
              </a:cxn>
              <a:cxn ang="T121">
                <a:pos x="T22" y="T23"/>
              </a:cxn>
              <a:cxn ang="T122">
                <a:pos x="T24" y="T25"/>
              </a:cxn>
              <a:cxn ang="T123">
                <a:pos x="T26" y="T27"/>
              </a:cxn>
              <a:cxn ang="T124">
                <a:pos x="T28" y="T29"/>
              </a:cxn>
              <a:cxn ang="T125">
                <a:pos x="T30" y="T31"/>
              </a:cxn>
              <a:cxn ang="T126">
                <a:pos x="T32" y="T33"/>
              </a:cxn>
              <a:cxn ang="T127">
                <a:pos x="T34" y="T35"/>
              </a:cxn>
              <a:cxn ang="T128">
                <a:pos x="T36" y="T37"/>
              </a:cxn>
              <a:cxn ang="T129">
                <a:pos x="T38" y="T39"/>
              </a:cxn>
              <a:cxn ang="T130">
                <a:pos x="T40" y="T41"/>
              </a:cxn>
              <a:cxn ang="T131">
                <a:pos x="T42" y="T43"/>
              </a:cxn>
              <a:cxn ang="T132">
                <a:pos x="T44" y="T45"/>
              </a:cxn>
              <a:cxn ang="T133">
                <a:pos x="T46" y="T47"/>
              </a:cxn>
              <a:cxn ang="T134">
                <a:pos x="T48" y="T49"/>
              </a:cxn>
              <a:cxn ang="T135">
                <a:pos x="T50" y="T51"/>
              </a:cxn>
              <a:cxn ang="T136">
                <a:pos x="T52" y="T53"/>
              </a:cxn>
              <a:cxn ang="T137">
                <a:pos x="T54" y="T55"/>
              </a:cxn>
              <a:cxn ang="T138">
                <a:pos x="T56" y="T57"/>
              </a:cxn>
              <a:cxn ang="T139">
                <a:pos x="T58" y="T59"/>
              </a:cxn>
              <a:cxn ang="T140">
                <a:pos x="T60" y="T61"/>
              </a:cxn>
              <a:cxn ang="T141">
                <a:pos x="T62" y="T63"/>
              </a:cxn>
              <a:cxn ang="T142">
                <a:pos x="T64" y="T65"/>
              </a:cxn>
              <a:cxn ang="T143">
                <a:pos x="T66" y="T67"/>
              </a:cxn>
              <a:cxn ang="T144">
                <a:pos x="T68" y="T69"/>
              </a:cxn>
              <a:cxn ang="T145">
                <a:pos x="T70" y="T71"/>
              </a:cxn>
              <a:cxn ang="T146">
                <a:pos x="T72" y="T73"/>
              </a:cxn>
              <a:cxn ang="T147">
                <a:pos x="T74" y="T75"/>
              </a:cxn>
              <a:cxn ang="T148">
                <a:pos x="T76" y="T77"/>
              </a:cxn>
              <a:cxn ang="T149">
                <a:pos x="T78" y="T79"/>
              </a:cxn>
              <a:cxn ang="T150">
                <a:pos x="T80" y="T81"/>
              </a:cxn>
              <a:cxn ang="T151">
                <a:pos x="T82" y="T83"/>
              </a:cxn>
              <a:cxn ang="T152">
                <a:pos x="T84" y="T85"/>
              </a:cxn>
              <a:cxn ang="T153">
                <a:pos x="T86" y="T87"/>
              </a:cxn>
              <a:cxn ang="T154">
                <a:pos x="T88" y="T89"/>
              </a:cxn>
              <a:cxn ang="T155">
                <a:pos x="T90" y="T91"/>
              </a:cxn>
              <a:cxn ang="T156">
                <a:pos x="T92" y="T93"/>
              </a:cxn>
              <a:cxn ang="T157">
                <a:pos x="T94" y="T95"/>
              </a:cxn>
              <a:cxn ang="T158">
                <a:pos x="T96" y="T97"/>
              </a:cxn>
              <a:cxn ang="T159">
                <a:pos x="T98" y="T99"/>
              </a:cxn>
              <a:cxn ang="T160">
                <a:pos x="T100" y="T101"/>
              </a:cxn>
              <a:cxn ang="T161">
                <a:pos x="T102" y="T103"/>
              </a:cxn>
              <a:cxn ang="T162">
                <a:pos x="T104" y="T105"/>
              </a:cxn>
              <a:cxn ang="T163">
                <a:pos x="T106" y="T107"/>
              </a:cxn>
              <a:cxn ang="T164">
                <a:pos x="T108" y="T109"/>
              </a:cxn>
            </a:cxnLst>
            <a:rect l="T165" t="T166" r="T167" b="T168"/>
            <a:pathLst>
              <a:path w="16384" h="16384">
                <a:moveTo>
                  <a:pt x="7889" y="15331"/>
                </a:moveTo>
                <a:lnTo>
                  <a:pt x="8091" y="14863"/>
                </a:lnTo>
                <a:lnTo>
                  <a:pt x="7181" y="14160"/>
                </a:lnTo>
                <a:lnTo>
                  <a:pt x="6473" y="13926"/>
                </a:lnTo>
                <a:lnTo>
                  <a:pt x="6372" y="13809"/>
                </a:lnTo>
                <a:lnTo>
                  <a:pt x="5664" y="14160"/>
                </a:lnTo>
                <a:lnTo>
                  <a:pt x="5461" y="14277"/>
                </a:lnTo>
                <a:lnTo>
                  <a:pt x="5158" y="14160"/>
                </a:lnTo>
                <a:lnTo>
                  <a:pt x="4956" y="14863"/>
                </a:lnTo>
                <a:lnTo>
                  <a:pt x="4551" y="14980"/>
                </a:lnTo>
                <a:lnTo>
                  <a:pt x="4147" y="15565"/>
                </a:lnTo>
                <a:lnTo>
                  <a:pt x="3944" y="15565"/>
                </a:lnTo>
                <a:lnTo>
                  <a:pt x="3135" y="15799"/>
                </a:lnTo>
                <a:lnTo>
                  <a:pt x="2427" y="15916"/>
                </a:lnTo>
                <a:lnTo>
                  <a:pt x="2326" y="16384"/>
                </a:lnTo>
                <a:lnTo>
                  <a:pt x="2023" y="16267"/>
                </a:lnTo>
                <a:lnTo>
                  <a:pt x="1416" y="15331"/>
                </a:lnTo>
                <a:lnTo>
                  <a:pt x="809" y="15097"/>
                </a:lnTo>
                <a:lnTo>
                  <a:pt x="202" y="14980"/>
                </a:lnTo>
                <a:lnTo>
                  <a:pt x="0" y="14980"/>
                </a:lnTo>
                <a:lnTo>
                  <a:pt x="202" y="14512"/>
                </a:lnTo>
                <a:lnTo>
                  <a:pt x="101" y="14043"/>
                </a:lnTo>
                <a:lnTo>
                  <a:pt x="303" y="13575"/>
                </a:lnTo>
                <a:lnTo>
                  <a:pt x="303" y="12639"/>
                </a:lnTo>
                <a:lnTo>
                  <a:pt x="101" y="12405"/>
                </a:lnTo>
                <a:lnTo>
                  <a:pt x="0" y="12054"/>
                </a:lnTo>
                <a:lnTo>
                  <a:pt x="0" y="11469"/>
                </a:lnTo>
                <a:lnTo>
                  <a:pt x="202" y="11235"/>
                </a:lnTo>
                <a:lnTo>
                  <a:pt x="202" y="10533"/>
                </a:lnTo>
                <a:lnTo>
                  <a:pt x="607" y="10064"/>
                </a:lnTo>
                <a:lnTo>
                  <a:pt x="1214" y="9362"/>
                </a:lnTo>
                <a:lnTo>
                  <a:pt x="2023" y="8192"/>
                </a:lnTo>
                <a:lnTo>
                  <a:pt x="2832" y="7256"/>
                </a:lnTo>
                <a:lnTo>
                  <a:pt x="3135" y="6671"/>
                </a:lnTo>
                <a:lnTo>
                  <a:pt x="3641" y="6203"/>
                </a:lnTo>
                <a:lnTo>
                  <a:pt x="4147" y="6203"/>
                </a:lnTo>
                <a:lnTo>
                  <a:pt x="4551" y="5851"/>
                </a:lnTo>
                <a:lnTo>
                  <a:pt x="4956" y="5149"/>
                </a:lnTo>
                <a:lnTo>
                  <a:pt x="5360" y="4798"/>
                </a:lnTo>
                <a:lnTo>
                  <a:pt x="5562" y="4681"/>
                </a:lnTo>
                <a:lnTo>
                  <a:pt x="5866" y="4213"/>
                </a:lnTo>
                <a:lnTo>
                  <a:pt x="6169" y="3862"/>
                </a:lnTo>
                <a:lnTo>
                  <a:pt x="6574" y="3511"/>
                </a:lnTo>
                <a:lnTo>
                  <a:pt x="6877" y="2692"/>
                </a:lnTo>
                <a:lnTo>
                  <a:pt x="7282" y="2458"/>
                </a:lnTo>
                <a:lnTo>
                  <a:pt x="7282" y="2107"/>
                </a:lnTo>
                <a:lnTo>
                  <a:pt x="6978" y="1755"/>
                </a:lnTo>
                <a:lnTo>
                  <a:pt x="6877" y="1521"/>
                </a:lnTo>
                <a:lnTo>
                  <a:pt x="7383" y="1053"/>
                </a:lnTo>
                <a:lnTo>
                  <a:pt x="7787" y="702"/>
                </a:lnTo>
                <a:lnTo>
                  <a:pt x="7889" y="819"/>
                </a:lnTo>
                <a:lnTo>
                  <a:pt x="8495" y="1872"/>
                </a:lnTo>
                <a:lnTo>
                  <a:pt x="8597" y="1755"/>
                </a:lnTo>
                <a:lnTo>
                  <a:pt x="9203" y="1638"/>
                </a:lnTo>
                <a:lnTo>
                  <a:pt x="9203" y="1170"/>
                </a:lnTo>
                <a:lnTo>
                  <a:pt x="9507" y="1170"/>
                </a:lnTo>
                <a:lnTo>
                  <a:pt x="9507" y="585"/>
                </a:lnTo>
                <a:lnTo>
                  <a:pt x="10316" y="0"/>
                </a:lnTo>
                <a:lnTo>
                  <a:pt x="10417" y="585"/>
                </a:lnTo>
                <a:lnTo>
                  <a:pt x="10215" y="936"/>
                </a:lnTo>
                <a:lnTo>
                  <a:pt x="9911" y="1638"/>
                </a:lnTo>
                <a:lnTo>
                  <a:pt x="10114" y="2458"/>
                </a:lnTo>
                <a:lnTo>
                  <a:pt x="10316" y="2809"/>
                </a:lnTo>
                <a:lnTo>
                  <a:pt x="10720" y="3043"/>
                </a:lnTo>
                <a:lnTo>
                  <a:pt x="10822" y="3394"/>
                </a:lnTo>
                <a:lnTo>
                  <a:pt x="11125" y="3511"/>
                </a:lnTo>
                <a:lnTo>
                  <a:pt x="11327" y="3979"/>
                </a:lnTo>
                <a:lnTo>
                  <a:pt x="11934" y="4213"/>
                </a:lnTo>
                <a:lnTo>
                  <a:pt x="12237" y="5032"/>
                </a:lnTo>
                <a:lnTo>
                  <a:pt x="12440" y="5734"/>
                </a:lnTo>
                <a:lnTo>
                  <a:pt x="12844" y="5968"/>
                </a:lnTo>
                <a:lnTo>
                  <a:pt x="13148" y="6320"/>
                </a:lnTo>
                <a:lnTo>
                  <a:pt x="13653" y="6320"/>
                </a:lnTo>
                <a:lnTo>
                  <a:pt x="13957" y="6788"/>
                </a:lnTo>
                <a:lnTo>
                  <a:pt x="14058" y="7373"/>
                </a:lnTo>
                <a:lnTo>
                  <a:pt x="14462" y="7841"/>
                </a:lnTo>
                <a:lnTo>
                  <a:pt x="14462" y="8426"/>
                </a:lnTo>
                <a:lnTo>
                  <a:pt x="14564" y="8777"/>
                </a:lnTo>
                <a:lnTo>
                  <a:pt x="14766" y="9128"/>
                </a:lnTo>
                <a:lnTo>
                  <a:pt x="15170" y="9245"/>
                </a:lnTo>
                <a:lnTo>
                  <a:pt x="15272" y="9713"/>
                </a:lnTo>
                <a:lnTo>
                  <a:pt x="15373" y="10299"/>
                </a:lnTo>
                <a:lnTo>
                  <a:pt x="15575" y="10416"/>
                </a:lnTo>
                <a:lnTo>
                  <a:pt x="15979" y="10650"/>
                </a:lnTo>
                <a:lnTo>
                  <a:pt x="16283" y="10767"/>
                </a:lnTo>
                <a:lnTo>
                  <a:pt x="16384" y="11352"/>
                </a:lnTo>
                <a:lnTo>
                  <a:pt x="16384" y="11820"/>
                </a:lnTo>
                <a:lnTo>
                  <a:pt x="16384" y="12288"/>
                </a:lnTo>
                <a:lnTo>
                  <a:pt x="16081" y="12522"/>
                </a:lnTo>
                <a:lnTo>
                  <a:pt x="16081" y="13341"/>
                </a:lnTo>
                <a:lnTo>
                  <a:pt x="15878" y="13692"/>
                </a:lnTo>
                <a:lnTo>
                  <a:pt x="15575" y="13692"/>
                </a:lnTo>
                <a:lnTo>
                  <a:pt x="15474" y="13575"/>
                </a:lnTo>
                <a:lnTo>
                  <a:pt x="14867" y="13926"/>
                </a:lnTo>
                <a:lnTo>
                  <a:pt x="14462" y="13575"/>
                </a:lnTo>
                <a:lnTo>
                  <a:pt x="13856" y="13575"/>
                </a:lnTo>
                <a:lnTo>
                  <a:pt x="13249" y="13809"/>
                </a:lnTo>
                <a:lnTo>
                  <a:pt x="12844" y="13692"/>
                </a:lnTo>
                <a:lnTo>
                  <a:pt x="12339" y="13809"/>
                </a:lnTo>
                <a:lnTo>
                  <a:pt x="11934" y="13926"/>
                </a:lnTo>
                <a:lnTo>
                  <a:pt x="11732" y="13809"/>
                </a:lnTo>
                <a:lnTo>
                  <a:pt x="11327" y="14043"/>
                </a:lnTo>
                <a:lnTo>
                  <a:pt x="10720" y="14160"/>
                </a:lnTo>
                <a:lnTo>
                  <a:pt x="10114" y="13575"/>
                </a:lnTo>
                <a:lnTo>
                  <a:pt x="9608" y="14043"/>
                </a:lnTo>
                <a:lnTo>
                  <a:pt x="9304" y="14043"/>
                </a:lnTo>
                <a:lnTo>
                  <a:pt x="9102" y="14395"/>
                </a:lnTo>
                <a:lnTo>
                  <a:pt x="9001" y="14746"/>
                </a:lnTo>
                <a:lnTo>
                  <a:pt x="8394" y="15097"/>
                </a:lnTo>
                <a:lnTo>
                  <a:pt x="7889" y="15331"/>
                </a:lnTo>
                <a:close/>
              </a:path>
            </a:pathLst>
          </a:custGeom>
          <a:pattFill prst="pct5">
            <a:fgClr>
              <a:srgbClr val="000000"/>
            </a:fgClr>
            <a:bgClr>
              <a:srgbClr val="FFFFFF"/>
            </a:bgClr>
          </a:patt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33" name="d14130_1"/>
          <xdr:cNvSpPr>
            <a:spLocks/>
          </xdr:cNvSpPr>
        </xdr:nvSpPr>
        <xdr:spPr bwMode="auto">
          <a:xfrm>
            <a:off x="9648825" y="11953875"/>
            <a:ext cx="285750" cy="238125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0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0 w 16384"/>
              <a:gd name="T9" fmla="*/ 2147483646 h 16384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  <a:gd name="T15" fmla="*/ 0 w 16384"/>
              <a:gd name="T16" fmla="*/ 0 h 16384"/>
              <a:gd name="T17" fmla="*/ 16384 w 16384"/>
              <a:gd name="T18" fmla="*/ 16384 h 16384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T15" t="T16" r="T17" b="T18"/>
            <a:pathLst>
              <a:path w="16384" h="16384">
                <a:moveTo>
                  <a:pt x="0" y="7864"/>
                </a:moveTo>
                <a:lnTo>
                  <a:pt x="12561" y="0"/>
                </a:lnTo>
                <a:lnTo>
                  <a:pt x="16384" y="8520"/>
                </a:lnTo>
                <a:lnTo>
                  <a:pt x="4369" y="16384"/>
                </a:lnTo>
                <a:lnTo>
                  <a:pt x="0" y="7864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34" name="d14205_1"/>
          <xdr:cNvSpPr>
            <a:spLocks/>
          </xdr:cNvSpPr>
        </xdr:nvSpPr>
        <xdr:spPr bwMode="auto">
          <a:xfrm>
            <a:off x="6886575" y="14525625"/>
            <a:ext cx="142875" cy="857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0 w 16384"/>
              <a:gd name="T9" fmla="*/ 2147483646 h 16384"/>
              <a:gd name="T10" fmla="*/ 2147483646 w 16384"/>
              <a:gd name="T11" fmla="*/ 0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0 60000 65536"/>
              <a:gd name="T19" fmla="*/ 0 60000 65536"/>
              <a:gd name="T20" fmla="*/ 0 60000 65536"/>
              <a:gd name="T21" fmla="*/ 0 60000 65536"/>
              <a:gd name="T22" fmla="*/ 0 60000 65536"/>
              <a:gd name="T23" fmla="*/ 0 60000 65536"/>
              <a:gd name="T24" fmla="*/ 0 60000 65536"/>
              <a:gd name="T25" fmla="*/ 0 60000 65536"/>
              <a:gd name="T26" fmla="*/ 0 60000 65536"/>
              <a:gd name="T27" fmla="*/ 0 w 16384"/>
              <a:gd name="T28" fmla="*/ 0 h 16384"/>
              <a:gd name="T29" fmla="*/ 16384 w 16384"/>
              <a:gd name="T30" fmla="*/ 16384 h 16384"/>
            </a:gdLst>
            <a:ahLst/>
            <a:cxnLst>
              <a:cxn ang="T18">
                <a:pos x="T0" y="T1"/>
              </a:cxn>
              <a:cxn ang="T19">
                <a:pos x="T2" y="T3"/>
              </a:cxn>
              <a:cxn ang="T20">
                <a:pos x="T4" y="T5"/>
              </a:cxn>
              <a:cxn ang="T21">
                <a:pos x="T6" y="T7"/>
              </a:cxn>
              <a:cxn ang="T22">
                <a:pos x="T8" y="T9"/>
              </a:cxn>
              <a:cxn ang="T23">
                <a:pos x="T10" y="T11"/>
              </a:cxn>
              <a:cxn ang="T24">
                <a:pos x="T12" y="T13"/>
              </a:cxn>
              <a:cxn ang="T25">
                <a:pos x="T14" y="T15"/>
              </a:cxn>
              <a:cxn ang="T26">
                <a:pos x="T16" y="T17"/>
              </a:cxn>
            </a:cxnLst>
            <a:rect l="T27" t="T28" r="T29" b="T30"/>
            <a:pathLst>
              <a:path w="16384" h="16384">
                <a:moveTo>
                  <a:pt x="16384" y="10923"/>
                </a:moveTo>
                <a:lnTo>
                  <a:pt x="7646" y="16384"/>
                </a:lnTo>
                <a:lnTo>
                  <a:pt x="4369" y="12743"/>
                </a:lnTo>
                <a:lnTo>
                  <a:pt x="1092" y="14564"/>
                </a:lnTo>
                <a:lnTo>
                  <a:pt x="0" y="10923"/>
                </a:lnTo>
                <a:lnTo>
                  <a:pt x="8738" y="0"/>
                </a:lnTo>
                <a:lnTo>
                  <a:pt x="12015" y="3641"/>
                </a:lnTo>
                <a:lnTo>
                  <a:pt x="13107" y="9102"/>
                </a:lnTo>
                <a:lnTo>
                  <a:pt x="16384" y="1092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35" name="d14210_1"/>
          <xdr:cNvSpPr>
            <a:spLocks/>
          </xdr:cNvSpPr>
        </xdr:nvSpPr>
        <xdr:spPr bwMode="auto">
          <a:xfrm>
            <a:off x="8401050" y="16840200"/>
            <a:ext cx="257175" cy="13335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0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0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  <a:gd name="T51" fmla="*/ 0 w 16384"/>
              <a:gd name="T52" fmla="*/ 0 h 16384"/>
              <a:gd name="T53" fmla="*/ 16384 w 16384"/>
              <a:gd name="T54" fmla="*/ 16384 h 16384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T51" t="T52" r="T53" b="T54"/>
            <a:pathLst>
              <a:path w="16384" h="16384">
                <a:moveTo>
                  <a:pt x="13957" y="5851"/>
                </a:moveTo>
                <a:lnTo>
                  <a:pt x="13957" y="9362"/>
                </a:lnTo>
                <a:lnTo>
                  <a:pt x="16384" y="14043"/>
                </a:lnTo>
                <a:lnTo>
                  <a:pt x="15777" y="16384"/>
                </a:lnTo>
                <a:lnTo>
                  <a:pt x="12743" y="15214"/>
                </a:lnTo>
                <a:lnTo>
                  <a:pt x="9709" y="9362"/>
                </a:lnTo>
                <a:lnTo>
                  <a:pt x="6675" y="11703"/>
                </a:lnTo>
                <a:lnTo>
                  <a:pt x="5461" y="9362"/>
                </a:lnTo>
                <a:lnTo>
                  <a:pt x="2427" y="9362"/>
                </a:lnTo>
                <a:lnTo>
                  <a:pt x="1214" y="8192"/>
                </a:lnTo>
                <a:lnTo>
                  <a:pt x="0" y="4681"/>
                </a:lnTo>
                <a:lnTo>
                  <a:pt x="1820" y="3511"/>
                </a:lnTo>
                <a:lnTo>
                  <a:pt x="1214" y="0"/>
                </a:lnTo>
                <a:lnTo>
                  <a:pt x="4248" y="2341"/>
                </a:lnTo>
                <a:lnTo>
                  <a:pt x="5461" y="2341"/>
                </a:lnTo>
                <a:lnTo>
                  <a:pt x="9709" y="2341"/>
                </a:lnTo>
                <a:lnTo>
                  <a:pt x="13957" y="585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36" name="d14100_2"/>
          <xdr:cNvSpPr>
            <a:spLocks/>
          </xdr:cNvSpPr>
        </xdr:nvSpPr>
        <xdr:spPr bwMode="auto">
          <a:xfrm>
            <a:off x="9496425" y="12068175"/>
            <a:ext cx="228600" cy="209550"/>
          </a:xfrm>
          <a:custGeom>
            <a:avLst/>
            <a:gdLst>
              <a:gd name="T0" fmla="*/ 2147483646 w 16384"/>
              <a:gd name="T1" fmla="*/ 0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0 w 16384"/>
              <a:gd name="T7" fmla="*/ 2147483646 h 16384"/>
              <a:gd name="T8" fmla="*/ 2147483646 w 16384"/>
              <a:gd name="T9" fmla="*/ 0 h 16384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  <a:gd name="T15" fmla="*/ 0 w 16384"/>
              <a:gd name="T16" fmla="*/ 0 h 16384"/>
              <a:gd name="T17" fmla="*/ 16384 w 16384"/>
              <a:gd name="T18" fmla="*/ 16384 h 16384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T15" t="T16" r="T17" b="T18"/>
            <a:pathLst>
              <a:path w="16384" h="16384">
                <a:moveTo>
                  <a:pt x="10923" y="0"/>
                </a:moveTo>
                <a:lnTo>
                  <a:pt x="16384" y="9681"/>
                </a:lnTo>
                <a:lnTo>
                  <a:pt x="4779" y="16384"/>
                </a:lnTo>
                <a:lnTo>
                  <a:pt x="0" y="6703"/>
                </a:lnTo>
                <a:lnTo>
                  <a:pt x="10923" y="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37" name="d14130_2"/>
          <xdr:cNvSpPr>
            <a:spLocks/>
          </xdr:cNvSpPr>
        </xdr:nvSpPr>
        <xdr:spPr bwMode="auto">
          <a:xfrm>
            <a:off x="9915525" y="11811000"/>
            <a:ext cx="323850" cy="219075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0 h 16384"/>
              <a:gd name="T4" fmla="*/ 2147483646 w 16384"/>
              <a:gd name="T5" fmla="*/ 0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0 w 16384"/>
              <a:gd name="T11" fmla="*/ 2147483646 h 16384"/>
              <a:gd name="T12" fmla="*/ 0 60000 65536"/>
              <a:gd name="T13" fmla="*/ 0 60000 65536"/>
              <a:gd name="T14" fmla="*/ 0 60000 65536"/>
              <a:gd name="T15" fmla="*/ 0 60000 65536"/>
              <a:gd name="T16" fmla="*/ 0 60000 65536"/>
              <a:gd name="T17" fmla="*/ 0 60000 65536"/>
              <a:gd name="T18" fmla="*/ 0 w 16384"/>
              <a:gd name="T19" fmla="*/ 0 h 16384"/>
              <a:gd name="T20" fmla="*/ 16384 w 16384"/>
              <a:gd name="T21" fmla="*/ 16384 h 16384"/>
            </a:gdLst>
            <a:ahLst/>
            <a:cxnLst>
              <a:cxn ang="T12">
                <a:pos x="T0" y="T1"/>
              </a:cxn>
              <a:cxn ang="T13">
                <a:pos x="T2" y="T3"/>
              </a:cxn>
              <a:cxn ang="T14">
                <a:pos x="T4" y="T5"/>
              </a:cxn>
              <a:cxn ang="T15">
                <a:pos x="T6" y="T7"/>
              </a:cxn>
              <a:cxn ang="T16">
                <a:pos x="T8" y="T9"/>
              </a:cxn>
              <a:cxn ang="T17">
                <a:pos x="T10" y="T11"/>
              </a:cxn>
            </a:cxnLst>
            <a:rect l="T18" t="T19" r="T20" b="T21"/>
            <a:pathLst>
              <a:path w="16384" h="16384">
                <a:moveTo>
                  <a:pt x="0" y="9973"/>
                </a:moveTo>
                <a:lnTo>
                  <a:pt x="13011" y="0"/>
                </a:lnTo>
                <a:lnTo>
                  <a:pt x="15902" y="0"/>
                </a:lnTo>
                <a:lnTo>
                  <a:pt x="16384" y="4274"/>
                </a:lnTo>
                <a:lnTo>
                  <a:pt x="2409" y="16384"/>
                </a:lnTo>
                <a:lnTo>
                  <a:pt x="0" y="99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38" name="d14209"/>
          <xdr:cNvSpPr>
            <a:spLocks/>
          </xdr:cNvSpPr>
        </xdr:nvSpPr>
        <xdr:spPr bwMode="auto">
          <a:xfrm>
            <a:off x="2276475" y="9467850"/>
            <a:ext cx="4429125" cy="2724150"/>
          </a:xfrm>
          <a:custGeom>
            <a:avLst/>
            <a:gdLst>
              <a:gd name="T0" fmla="*/ 2147483646 w 465"/>
              <a:gd name="T1" fmla="*/ 2147483646 h 286"/>
              <a:gd name="T2" fmla="*/ 2147483646 w 465"/>
              <a:gd name="T3" fmla="*/ 2147483646 h 286"/>
              <a:gd name="T4" fmla="*/ 2147483646 w 465"/>
              <a:gd name="T5" fmla="*/ 2147483646 h 286"/>
              <a:gd name="T6" fmla="*/ 2147483646 w 465"/>
              <a:gd name="T7" fmla="*/ 2147483646 h 286"/>
              <a:gd name="T8" fmla="*/ 2147483646 w 465"/>
              <a:gd name="T9" fmla="*/ 2147483646 h 286"/>
              <a:gd name="T10" fmla="*/ 2147483646 w 465"/>
              <a:gd name="T11" fmla="*/ 2147483646 h 286"/>
              <a:gd name="T12" fmla="*/ 2147483646 w 465"/>
              <a:gd name="T13" fmla="*/ 2147483646 h 286"/>
              <a:gd name="T14" fmla="*/ 2147483646 w 465"/>
              <a:gd name="T15" fmla="*/ 2147483646 h 286"/>
              <a:gd name="T16" fmla="*/ 2147483646 w 465"/>
              <a:gd name="T17" fmla="*/ 2147483646 h 286"/>
              <a:gd name="T18" fmla="*/ 2147483646 w 465"/>
              <a:gd name="T19" fmla="*/ 2147483646 h 286"/>
              <a:gd name="T20" fmla="*/ 2147483646 w 465"/>
              <a:gd name="T21" fmla="*/ 2147483646 h 286"/>
              <a:gd name="T22" fmla="*/ 2147483646 w 465"/>
              <a:gd name="T23" fmla="*/ 2147483646 h 286"/>
              <a:gd name="T24" fmla="*/ 2147483646 w 465"/>
              <a:gd name="T25" fmla="*/ 2147483646 h 286"/>
              <a:gd name="T26" fmla="*/ 2147483646 w 465"/>
              <a:gd name="T27" fmla="*/ 2147483646 h 286"/>
              <a:gd name="T28" fmla="*/ 2147483646 w 465"/>
              <a:gd name="T29" fmla="*/ 2147483646 h 286"/>
              <a:gd name="T30" fmla="*/ 2147483646 w 465"/>
              <a:gd name="T31" fmla="*/ 2147483646 h 286"/>
              <a:gd name="T32" fmla="*/ 2147483646 w 465"/>
              <a:gd name="T33" fmla="*/ 2147483646 h 286"/>
              <a:gd name="T34" fmla="*/ 2147483646 w 465"/>
              <a:gd name="T35" fmla="*/ 2147483646 h 286"/>
              <a:gd name="T36" fmla="*/ 2147483646 w 465"/>
              <a:gd name="T37" fmla="*/ 2147483646 h 286"/>
              <a:gd name="T38" fmla="*/ 2147483646 w 465"/>
              <a:gd name="T39" fmla="*/ 2147483646 h 286"/>
              <a:gd name="T40" fmla="*/ 2147483646 w 465"/>
              <a:gd name="T41" fmla="*/ 2147483646 h 286"/>
              <a:gd name="T42" fmla="*/ 2147483646 w 465"/>
              <a:gd name="T43" fmla="*/ 2147483646 h 286"/>
              <a:gd name="T44" fmla="*/ 2147483646 w 465"/>
              <a:gd name="T45" fmla="*/ 2147483646 h 286"/>
              <a:gd name="T46" fmla="*/ 2147483646 w 465"/>
              <a:gd name="T47" fmla="*/ 2147483646 h 286"/>
              <a:gd name="T48" fmla="*/ 2147483646 w 465"/>
              <a:gd name="T49" fmla="*/ 2147483646 h 286"/>
              <a:gd name="T50" fmla="*/ 2147483646 w 465"/>
              <a:gd name="T51" fmla="*/ 2147483646 h 286"/>
              <a:gd name="T52" fmla="*/ 2147483646 w 465"/>
              <a:gd name="T53" fmla="*/ 2147483646 h 286"/>
              <a:gd name="T54" fmla="*/ 2147483646 w 465"/>
              <a:gd name="T55" fmla="*/ 2147483646 h 286"/>
              <a:gd name="T56" fmla="*/ 2147483646 w 465"/>
              <a:gd name="T57" fmla="*/ 2147483646 h 286"/>
              <a:gd name="T58" fmla="*/ 2147483646 w 465"/>
              <a:gd name="T59" fmla="*/ 2147483646 h 286"/>
              <a:gd name="T60" fmla="*/ 2147483646 w 465"/>
              <a:gd name="T61" fmla="*/ 2147483646 h 286"/>
              <a:gd name="T62" fmla="*/ 2147483646 w 465"/>
              <a:gd name="T63" fmla="*/ 2147483646 h 286"/>
              <a:gd name="T64" fmla="*/ 2147483646 w 465"/>
              <a:gd name="T65" fmla="*/ 2147483646 h 286"/>
              <a:gd name="T66" fmla="*/ 2147483646 w 465"/>
              <a:gd name="T67" fmla="*/ 2147483646 h 286"/>
              <a:gd name="T68" fmla="*/ 2147483646 w 465"/>
              <a:gd name="T69" fmla="*/ 2147483646 h 286"/>
              <a:gd name="T70" fmla="*/ 2147483646 w 465"/>
              <a:gd name="T71" fmla="*/ 2147483646 h 286"/>
              <a:gd name="T72" fmla="*/ 2147483646 w 465"/>
              <a:gd name="T73" fmla="*/ 2147483646 h 286"/>
              <a:gd name="T74" fmla="*/ 2147483646 w 465"/>
              <a:gd name="T75" fmla="*/ 2147483646 h 286"/>
              <a:gd name="T76" fmla="*/ 2147483646 w 465"/>
              <a:gd name="T77" fmla="*/ 2147483646 h 286"/>
              <a:gd name="T78" fmla="*/ 2147483646 w 465"/>
              <a:gd name="T79" fmla="*/ 2147483646 h 286"/>
              <a:gd name="T80" fmla="*/ 2147483646 w 465"/>
              <a:gd name="T81" fmla="*/ 2147483646 h 286"/>
              <a:gd name="T82" fmla="*/ 2147483646 w 465"/>
              <a:gd name="T83" fmla="*/ 2147483646 h 286"/>
              <a:gd name="T84" fmla="*/ 2147483646 w 465"/>
              <a:gd name="T85" fmla="*/ 2147483646 h 286"/>
              <a:gd name="T86" fmla="*/ 2147483646 w 465"/>
              <a:gd name="T87" fmla="*/ 2147483646 h 286"/>
              <a:gd name="T88" fmla="*/ 2147483646 w 465"/>
              <a:gd name="T89" fmla="*/ 2147483646 h 286"/>
              <a:gd name="T90" fmla="*/ 2147483646 w 465"/>
              <a:gd name="T91" fmla="*/ 2147483646 h 286"/>
              <a:gd name="T92" fmla="*/ 2147483646 w 465"/>
              <a:gd name="T93" fmla="*/ 2147483646 h 286"/>
              <a:gd name="T94" fmla="*/ 2147483646 w 465"/>
              <a:gd name="T95" fmla="*/ 2147483646 h 286"/>
              <a:gd name="T96" fmla="*/ 2147483646 w 465"/>
              <a:gd name="T97" fmla="*/ 2147483646 h 286"/>
              <a:gd name="T98" fmla="*/ 2147483646 w 465"/>
              <a:gd name="T99" fmla="*/ 2147483646 h 286"/>
              <a:gd name="T100" fmla="*/ 2147483646 w 465"/>
              <a:gd name="T101" fmla="*/ 2147483646 h 286"/>
              <a:gd name="T102" fmla="*/ 2147483646 w 465"/>
              <a:gd name="T103" fmla="*/ 2147483646 h 28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w 465"/>
              <a:gd name="T157" fmla="*/ 0 h 286"/>
              <a:gd name="T158" fmla="*/ 465 w 465"/>
              <a:gd name="T159" fmla="*/ 286 h 286"/>
            </a:gdLst>
            <a:ahLst/>
            <a:cxnLst>
              <a:cxn ang="T104">
                <a:pos x="T0" y="T1"/>
              </a:cxn>
              <a:cxn ang="T105">
                <a:pos x="T2" y="T3"/>
              </a:cxn>
              <a:cxn ang="T106">
                <a:pos x="T4" y="T5"/>
              </a:cxn>
              <a:cxn ang="T107">
                <a:pos x="T6" y="T7"/>
              </a:cxn>
              <a:cxn ang="T108">
                <a:pos x="T8" y="T9"/>
              </a:cxn>
              <a:cxn ang="T109">
                <a:pos x="T10" y="T11"/>
              </a:cxn>
              <a:cxn ang="T110">
                <a:pos x="T12" y="T13"/>
              </a:cxn>
              <a:cxn ang="T111">
                <a:pos x="T14" y="T15"/>
              </a:cxn>
              <a:cxn ang="T112">
                <a:pos x="T16" y="T17"/>
              </a:cxn>
              <a:cxn ang="T113">
                <a:pos x="T18" y="T19"/>
              </a:cxn>
              <a:cxn ang="T114">
                <a:pos x="T20" y="T21"/>
              </a:cxn>
              <a:cxn ang="T115">
                <a:pos x="T22" y="T23"/>
              </a:cxn>
              <a:cxn ang="T116">
                <a:pos x="T24" y="T25"/>
              </a:cxn>
              <a:cxn ang="T117">
                <a:pos x="T26" y="T27"/>
              </a:cxn>
              <a:cxn ang="T118">
                <a:pos x="T28" y="T29"/>
              </a:cxn>
              <a:cxn ang="T119">
                <a:pos x="T30" y="T31"/>
              </a:cxn>
              <a:cxn ang="T120">
                <a:pos x="T32" y="T33"/>
              </a:cxn>
              <a:cxn ang="T121">
                <a:pos x="T34" y="T35"/>
              </a:cxn>
              <a:cxn ang="T122">
                <a:pos x="T36" y="T37"/>
              </a:cxn>
              <a:cxn ang="T123">
                <a:pos x="T38" y="T39"/>
              </a:cxn>
              <a:cxn ang="T124">
                <a:pos x="T40" y="T41"/>
              </a:cxn>
              <a:cxn ang="T125">
                <a:pos x="T42" y="T43"/>
              </a:cxn>
              <a:cxn ang="T126">
                <a:pos x="T44" y="T45"/>
              </a:cxn>
              <a:cxn ang="T127">
                <a:pos x="T46" y="T47"/>
              </a:cxn>
              <a:cxn ang="T128">
                <a:pos x="T48" y="T49"/>
              </a:cxn>
              <a:cxn ang="T129">
                <a:pos x="T50" y="T51"/>
              </a:cxn>
              <a:cxn ang="T130">
                <a:pos x="T52" y="T53"/>
              </a:cxn>
              <a:cxn ang="T131">
                <a:pos x="T54" y="T55"/>
              </a:cxn>
              <a:cxn ang="T132">
                <a:pos x="T56" y="T57"/>
              </a:cxn>
              <a:cxn ang="T133">
                <a:pos x="T58" y="T59"/>
              </a:cxn>
              <a:cxn ang="T134">
                <a:pos x="T60" y="T61"/>
              </a:cxn>
              <a:cxn ang="T135">
                <a:pos x="T62" y="T63"/>
              </a:cxn>
              <a:cxn ang="T136">
                <a:pos x="T64" y="T65"/>
              </a:cxn>
              <a:cxn ang="T137">
                <a:pos x="T66" y="T67"/>
              </a:cxn>
              <a:cxn ang="T138">
                <a:pos x="T68" y="T69"/>
              </a:cxn>
              <a:cxn ang="T139">
                <a:pos x="T70" y="T71"/>
              </a:cxn>
              <a:cxn ang="T140">
                <a:pos x="T72" y="T73"/>
              </a:cxn>
              <a:cxn ang="T141">
                <a:pos x="T74" y="T75"/>
              </a:cxn>
              <a:cxn ang="T142">
                <a:pos x="T76" y="T77"/>
              </a:cxn>
              <a:cxn ang="T143">
                <a:pos x="T78" y="T79"/>
              </a:cxn>
              <a:cxn ang="T144">
                <a:pos x="T80" y="T81"/>
              </a:cxn>
              <a:cxn ang="T145">
                <a:pos x="T82" y="T83"/>
              </a:cxn>
              <a:cxn ang="T146">
                <a:pos x="T84" y="T85"/>
              </a:cxn>
              <a:cxn ang="T147">
                <a:pos x="T86" y="T87"/>
              </a:cxn>
              <a:cxn ang="T148">
                <a:pos x="T88" y="T89"/>
              </a:cxn>
              <a:cxn ang="T149">
                <a:pos x="T90" y="T91"/>
              </a:cxn>
              <a:cxn ang="T150">
                <a:pos x="T92" y="T93"/>
              </a:cxn>
              <a:cxn ang="T151">
                <a:pos x="T94" y="T95"/>
              </a:cxn>
              <a:cxn ang="T152">
                <a:pos x="T96" y="T97"/>
              </a:cxn>
              <a:cxn ang="T153">
                <a:pos x="T98" y="T99"/>
              </a:cxn>
              <a:cxn ang="T154">
                <a:pos x="T100" y="T101"/>
              </a:cxn>
              <a:cxn ang="T155">
                <a:pos x="T102" y="T103"/>
              </a:cxn>
            </a:cxnLst>
            <a:rect l="T156" t="T157" r="T158" b="T159"/>
            <a:pathLst>
              <a:path w="465" h="286">
                <a:moveTo>
                  <a:pt x="464" y="223"/>
                </a:moveTo>
                <a:lnTo>
                  <a:pt x="462" y="222"/>
                </a:lnTo>
                <a:lnTo>
                  <a:pt x="462" y="218"/>
                </a:lnTo>
                <a:lnTo>
                  <a:pt x="465" y="215"/>
                </a:lnTo>
                <a:lnTo>
                  <a:pt x="465" y="210"/>
                </a:lnTo>
                <a:lnTo>
                  <a:pt x="456" y="201"/>
                </a:lnTo>
                <a:lnTo>
                  <a:pt x="452" y="194"/>
                </a:lnTo>
                <a:lnTo>
                  <a:pt x="444" y="189"/>
                </a:lnTo>
                <a:lnTo>
                  <a:pt x="434" y="182"/>
                </a:lnTo>
                <a:lnTo>
                  <a:pt x="431" y="176"/>
                </a:lnTo>
                <a:lnTo>
                  <a:pt x="426" y="173"/>
                </a:lnTo>
                <a:lnTo>
                  <a:pt x="425" y="167"/>
                </a:lnTo>
                <a:lnTo>
                  <a:pt x="416" y="162"/>
                </a:lnTo>
                <a:lnTo>
                  <a:pt x="415" y="157"/>
                </a:lnTo>
                <a:lnTo>
                  <a:pt x="412" y="154"/>
                </a:lnTo>
                <a:lnTo>
                  <a:pt x="410" y="149"/>
                </a:lnTo>
                <a:lnTo>
                  <a:pt x="405" y="143"/>
                </a:lnTo>
                <a:lnTo>
                  <a:pt x="401" y="142"/>
                </a:lnTo>
                <a:lnTo>
                  <a:pt x="396" y="132"/>
                </a:lnTo>
                <a:lnTo>
                  <a:pt x="386" y="129"/>
                </a:lnTo>
                <a:lnTo>
                  <a:pt x="383" y="124"/>
                </a:lnTo>
                <a:lnTo>
                  <a:pt x="370" y="119"/>
                </a:lnTo>
                <a:lnTo>
                  <a:pt x="369" y="115"/>
                </a:lnTo>
                <a:lnTo>
                  <a:pt x="362" y="114"/>
                </a:lnTo>
                <a:lnTo>
                  <a:pt x="355" y="109"/>
                </a:lnTo>
                <a:lnTo>
                  <a:pt x="343" y="105"/>
                </a:lnTo>
                <a:lnTo>
                  <a:pt x="338" y="104"/>
                </a:lnTo>
                <a:lnTo>
                  <a:pt x="331" y="103"/>
                </a:lnTo>
                <a:lnTo>
                  <a:pt x="322" y="98"/>
                </a:lnTo>
                <a:lnTo>
                  <a:pt x="317" y="99"/>
                </a:lnTo>
                <a:lnTo>
                  <a:pt x="311" y="99"/>
                </a:lnTo>
                <a:lnTo>
                  <a:pt x="306" y="98"/>
                </a:lnTo>
                <a:lnTo>
                  <a:pt x="300" y="97"/>
                </a:lnTo>
                <a:lnTo>
                  <a:pt x="293" y="99"/>
                </a:lnTo>
                <a:lnTo>
                  <a:pt x="288" y="98"/>
                </a:lnTo>
                <a:lnTo>
                  <a:pt x="282" y="98"/>
                </a:lnTo>
                <a:lnTo>
                  <a:pt x="278" y="95"/>
                </a:lnTo>
                <a:lnTo>
                  <a:pt x="273" y="91"/>
                </a:lnTo>
                <a:lnTo>
                  <a:pt x="260" y="86"/>
                </a:lnTo>
                <a:lnTo>
                  <a:pt x="252" y="86"/>
                </a:lnTo>
                <a:lnTo>
                  <a:pt x="247" y="85"/>
                </a:lnTo>
                <a:lnTo>
                  <a:pt x="241" y="87"/>
                </a:lnTo>
                <a:lnTo>
                  <a:pt x="239" y="93"/>
                </a:lnTo>
                <a:lnTo>
                  <a:pt x="237" y="95"/>
                </a:lnTo>
                <a:lnTo>
                  <a:pt x="237" y="99"/>
                </a:lnTo>
                <a:lnTo>
                  <a:pt x="235" y="102"/>
                </a:lnTo>
                <a:lnTo>
                  <a:pt x="228" y="101"/>
                </a:lnTo>
                <a:lnTo>
                  <a:pt x="226" y="100"/>
                </a:lnTo>
                <a:lnTo>
                  <a:pt x="220" y="102"/>
                </a:lnTo>
                <a:lnTo>
                  <a:pt x="216" y="99"/>
                </a:lnTo>
                <a:lnTo>
                  <a:pt x="211" y="99"/>
                </a:lnTo>
                <a:lnTo>
                  <a:pt x="208" y="96"/>
                </a:lnTo>
                <a:lnTo>
                  <a:pt x="205" y="97"/>
                </a:lnTo>
                <a:lnTo>
                  <a:pt x="201" y="91"/>
                </a:lnTo>
                <a:lnTo>
                  <a:pt x="198" y="89"/>
                </a:lnTo>
                <a:lnTo>
                  <a:pt x="194" y="87"/>
                </a:lnTo>
                <a:lnTo>
                  <a:pt x="194" y="84"/>
                </a:lnTo>
                <a:lnTo>
                  <a:pt x="186" y="71"/>
                </a:lnTo>
                <a:lnTo>
                  <a:pt x="182" y="70"/>
                </a:lnTo>
                <a:lnTo>
                  <a:pt x="181" y="67"/>
                </a:lnTo>
                <a:lnTo>
                  <a:pt x="182" y="62"/>
                </a:lnTo>
                <a:lnTo>
                  <a:pt x="178" y="56"/>
                </a:lnTo>
                <a:lnTo>
                  <a:pt x="176" y="50"/>
                </a:lnTo>
                <a:lnTo>
                  <a:pt x="176" y="38"/>
                </a:lnTo>
                <a:lnTo>
                  <a:pt x="171" y="34"/>
                </a:lnTo>
                <a:lnTo>
                  <a:pt x="160" y="30"/>
                </a:lnTo>
                <a:lnTo>
                  <a:pt x="153" y="30"/>
                </a:lnTo>
                <a:lnTo>
                  <a:pt x="151" y="31"/>
                </a:lnTo>
                <a:lnTo>
                  <a:pt x="146" y="37"/>
                </a:lnTo>
                <a:lnTo>
                  <a:pt x="138" y="39"/>
                </a:lnTo>
                <a:lnTo>
                  <a:pt x="132" y="39"/>
                </a:lnTo>
                <a:lnTo>
                  <a:pt x="128" y="35"/>
                </a:lnTo>
                <a:lnTo>
                  <a:pt x="125" y="31"/>
                </a:lnTo>
                <a:lnTo>
                  <a:pt x="118" y="31"/>
                </a:lnTo>
                <a:lnTo>
                  <a:pt x="119" y="24"/>
                </a:lnTo>
                <a:lnTo>
                  <a:pt x="118" y="22"/>
                </a:lnTo>
                <a:lnTo>
                  <a:pt x="118" y="17"/>
                </a:lnTo>
                <a:lnTo>
                  <a:pt x="115" y="13"/>
                </a:lnTo>
                <a:lnTo>
                  <a:pt x="114" y="10"/>
                </a:lnTo>
                <a:lnTo>
                  <a:pt x="110" y="7"/>
                </a:lnTo>
                <a:lnTo>
                  <a:pt x="105" y="9"/>
                </a:lnTo>
                <a:lnTo>
                  <a:pt x="96" y="9"/>
                </a:lnTo>
                <a:lnTo>
                  <a:pt x="92" y="7"/>
                </a:lnTo>
                <a:lnTo>
                  <a:pt x="89" y="3"/>
                </a:lnTo>
                <a:lnTo>
                  <a:pt x="85" y="3"/>
                </a:lnTo>
                <a:lnTo>
                  <a:pt x="78" y="0"/>
                </a:lnTo>
                <a:lnTo>
                  <a:pt x="75" y="1"/>
                </a:lnTo>
                <a:lnTo>
                  <a:pt x="75" y="5"/>
                </a:lnTo>
                <a:lnTo>
                  <a:pt x="74" y="7"/>
                </a:lnTo>
                <a:lnTo>
                  <a:pt x="69" y="9"/>
                </a:lnTo>
                <a:lnTo>
                  <a:pt x="66" y="14"/>
                </a:lnTo>
                <a:lnTo>
                  <a:pt x="62" y="16"/>
                </a:lnTo>
                <a:lnTo>
                  <a:pt x="61" y="21"/>
                </a:lnTo>
                <a:lnTo>
                  <a:pt x="58" y="25"/>
                </a:lnTo>
                <a:lnTo>
                  <a:pt x="64" y="36"/>
                </a:lnTo>
                <a:lnTo>
                  <a:pt x="68" y="40"/>
                </a:lnTo>
                <a:lnTo>
                  <a:pt x="69" y="47"/>
                </a:lnTo>
                <a:lnTo>
                  <a:pt x="66" y="54"/>
                </a:lnTo>
                <a:lnTo>
                  <a:pt x="66" y="63"/>
                </a:lnTo>
                <a:lnTo>
                  <a:pt x="71" y="72"/>
                </a:lnTo>
                <a:lnTo>
                  <a:pt x="70" y="76"/>
                </a:lnTo>
                <a:lnTo>
                  <a:pt x="72" y="78"/>
                </a:lnTo>
                <a:lnTo>
                  <a:pt x="76" y="80"/>
                </a:lnTo>
                <a:lnTo>
                  <a:pt x="79" y="81"/>
                </a:lnTo>
                <a:lnTo>
                  <a:pt x="80" y="82"/>
                </a:lnTo>
                <a:lnTo>
                  <a:pt x="72" y="84"/>
                </a:lnTo>
                <a:lnTo>
                  <a:pt x="72" y="86"/>
                </a:lnTo>
                <a:lnTo>
                  <a:pt x="76" y="92"/>
                </a:lnTo>
                <a:lnTo>
                  <a:pt x="77" y="97"/>
                </a:lnTo>
                <a:lnTo>
                  <a:pt x="71" y="114"/>
                </a:lnTo>
                <a:lnTo>
                  <a:pt x="67" y="115"/>
                </a:lnTo>
                <a:lnTo>
                  <a:pt x="66" y="119"/>
                </a:lnTo>
                <a:lnTo>
                  <a:pt x="63" y="125"/>
                </a:lnTo>
                <a:lnTo>
                  <a:pt x="63" y="129"/>
                </a:lnTo>
                <a:lnTo>
                  <a:pt x="68" y="129"/>
                </a:lnTo>
                <a:lnTo>
                  <a:pt x="70" y="132"/>
                </a:lnTo>
                <a:lnTo>
                  <a:pt x="71" y="135"/>
                </a:lnTo>
                <a:lnTo>
                  <a:pt x="71" y="144"/>
                </a:lnTo>
                <a:lnTo>
                  <a:pt x="73" y="155"/>
                </a:lnTo>
                <a:lnTo>
                  <a:pt x="70" y="160"/>
                </a:lnTo>
                <a:lnTo>
                  <a:pt x="62" y="169"/>
                </a:lnTo>
                <a:lnTo>
                  <a:pt x="56" y="172"/>
                </a:lnTo>
                <a:lnTo>
                  <a:pt x="54" y="178"/>
                </a:lnTo>
                <a:lnTo>
                  <a:pt x="52" y="186"/>
                </a:lnTo>
                <a:lnTo>
                  <a:pt x="52" y="193"/>
                </a:lnTo>
                <a:lnTo>
                  <a:pt x="52" y="195"/>
                </a:lnTo>
                <a:lnTo>
                  <a:pt x="51" y="198"/>
                </a:lnTo>
                <a:lnTo>
                  <a:pt x="48" y="200"/>
                </a:lnTo>
                <a:lnTo>
                  <a:pt x="48" y="202"/>
                </a:lnTo>
                <a:lnTo>
                  <a:pt x="44" y="202"/>
                </a:lnTo>
                <a:lnTo>
                  <a:pt x="41" y="210"/>
                </a:lnTo>
                <a:lnTo>
                  <a:pt x="35" y="214"/>
                </a:lnTo>
                <a:lnTo>
                  <a:pt x="31" y="216"/>
                </a:lnTo>
                <a:lnTo>
                  <a:pt x="24" y="225"/>
                </a:lnTo>
                <a:lnTo>
                  <a:pt x="17" y="232"/>
                </a:lnTo>
                <a:lnTo>
                  <a:pt x="13" y="232"/>
                </a:lnTo>
                <a:lnTo>
                  <a:pt x="8" y="234"/>
                </a:lnTo>
                <a:lnTo>
                  <a:pt x="0" y="234"/>
                </a:lnTo>
                <a:lnTo>
                  <a:pt x="2" y="238"/>
                </a:lnTo>
                <a:lnTo>
                  <a:pt x="2" y="242"/>
                </a:lnTo>
                <a:lnTo>
                  <a:pt x="1" y="244"/>
                </a:lnTo>
                <a:lnTo>
                  <a:pt x="5" y="248"/>
                </a:lnTo>
                <a:lnTo>
                  <a:pt x="6" y="254"/>
                </a:lnTo>
                <a:lnTo>
                  <a:pt x="8" y="256"/>
                </a:lnTo>
                <a:lnTo>
                  <a:pt x="22" y="260"/>
                </a:lnTo>
                <a:lnTo>
                  <a:pt x="25" y="262"/>
                </a:lnTo>
                <a:lnTo>
                  <a:pt x="28" y="267"/>
                </a:lnTo>
                <a:lnTo>
                  <a:pt x="33" y="268"/>
                </a:lnTo>
                <a:lnTo>
                  <a:pt x="35" y="271"/>
                </a:lnTo>
                <a:lnTo>
                  <a:pt x="38" y="274"/>
                </a:lnTo>
                <a:lnTo>
                  <a:pt x="40" y="280"/>
                </a:lnTo>
                <a:lnTo>
                  <a:pt x="47" y="281"/>
                </a:lnTo>
                <a:lnTo>
                  <a:pt x="60" y="285"/>
                </a:lnTo>
                <a:lnTo>
                  <a:pt x="65" y="284"/>
                </a:lnTo>
                <a:lnTo>
                  <a:pt x="69" y="280"/>
                </a:lnTo>
                <a:lnTo>
                  <a:pt x="74" y="276"/>
                </a:lnTo>
                <a:lnTo>
                  <a:pt x="80" y="270"/>
                </a:lnTo>
                <a:lnTo>
                  <a:pt x="87" y="271"/>
                </a:lnTo>
                <a:lnTo>
                  <a:pt x="92" y="274"/>
                </a:lnTo>
                <a:lnTo>
                  <a:pt x="93" y="281"/>
                </a:lnTo>
                <a:lnTo>
                  <a:pt x="98" y="284"/>
                </a:lnTo>
                <a:lnTo>
                  <a:pt x="100" y="284"/>
                </a:lnTo>
                <a:lnTo>
                  <a:pt x="105" y="282"/>
                </a:lnTo>
                <a:lnTo>
                  <a:pt x="109" y="283"/>
                </a:lnTo>
                <a:lnTo>
                  <a:pt x="112" y="286"/>
                </a:lnTo>
                <a:lnTo>
                  <a:pt x="114" y="284"/>
                </a:lnTo>
                <a:lnTo>
                  <a:pt x="114" y="282"/>
                </a:lnTo>
                <a:lnTo>
                  <a:pt x="115" y="278"/>
                </a:lnTo>
                <a:lnTo>
                  <a:pt x="119" y="273"/>
                </a:lnTo>
                <a:lnTo>
                  <a:pt x="122" y="270"/>
                </a:lnTo>
                <a:lnTo>
                  <a:pt x="131" y="259"/>
                </a:lnTo>
                <a:lnTo>
                  <a:pt x="139" y="250"/>
                </a:lnTo>
                <a:lnTo>
                  <a:pt x="143" y="245"/>
                </a:lnTo>
                <a:lnTo>
                  <a:pt x="148" y="241"/>
                </a:lnTo>
                <a:lnTo>
                  <a:pt x="149" y="241"/>
                </a:lnTo>
                <a:lnTo>
                  <a:pt x="153" y="240"/>
                </a:lnTo>
                <a:lnTo>
                  <a:pt x="154" y="239"/>
                </a:lnTo>
                <a:lnTo>
                  <a:pt x="157" y="237"/>
                </a:lnTo>
                <a:lnTo>
                  <a:pt x="159" y="234"/>
                </a:lnTo>
                <a:lnTo>
                  <a:pt x="162" y="231"/>
                </a:lnTo>
                <a:lnTo>
                  <a:pt x="165" y="229"/>
                </a:lnTo>
                <a:lnTo>
                  <a:pt x="167" y="228"/>
                </a:lnTo>
                <a:lnTo>
                  <a:pt x="171" y="223"/>
                </a:lnTo>
                <a:lnTo>
                  <a:pt x="173" y="221"/>
                </a:lnTo>
                <a:lnTo>
                  <a:pt x="177" y="218"/>
                </a:lnTo>
                <a:lnTo>
                  <a:pt x="181" y="210"/>
                </a:lnTo>
                <a:lnTo>
                  <a:pt x="184" y="209"/>
                </a:lnTo>
                <a:lnTo>
                  <a:pt x="184" y="206"/>
                </a:lnTo>
                <a:lnTo>
                  <a:pt x="181" y="203"/>
                </a:lnTo>
                <a:lnTo>
                  <a:pt x="181" y="201"/>
                </a:lnTo>
                <a:lnTo>
                  <a:pt x="189" y="194"/>
                </a:lnTo>
                <a:lnTo>
                  <a:pt x="196" y="204"/>
                </a:lnTo>
                <a:lnTo>
                  <a:pt x="197" y="202"/>
                </a:lnTo>
                <a:lnTo>
                  <a:pt x="203" y="202"/>
                </a:lnTo>
                <a:lnTo>
                  <a:pt x="203" y="198"/>
                </a:lnTo>
                <a:lnTo>
                  <a:pt x="206" y="198"/>
                </a:lnTo>
                <a:lnTo>
                  <a:pt x="206" y="193"/>
                </a:lnTo>
                <a:lnTo>
                  <a:pt x="214" y="188"/>
                </a:lnTo>
                <a:lnTo>
                  <a:pt x="215" y="185"/>
                </a:lnTo>
                <a:lnTo>
                  <a:pt x="222" y="180"/>
                </a:lnTo>
                <a:lnTo>
                  <a:pt x="223" y="180"/>
                </a:lnTo>
                <a:lnTo>
                  <a:pt x="227" y="180"/>
                </a:lnTo>
                <a:lnTo>
                  <a:pt x="231" y="179"/>
                </a:lnTo>
                <a:lnTo>
                  <a:pt x="235" y="177"/>
                </a:lnTo>
                <a:lnTo>
                  <a:pt x="237" y="179"/>
                </a:lnTo>
                <a:lnTo>
                  <a:pt x="241" y="179"/>
                </a:lnTo>
                <a:lnTo>
                  <a:pt x="241" y="181"/>
                </a:lnTo>
                <a:lnTo>
                  <a:pt x="247" y="182"/>
                </a:lnTo>
                <a:lnTo>
                  <a:pt x="249" y="184"/>
                </a:lnTo>
                <a:lnTo>
                  <a:pt x="252" y="185"/>
                </a:lnTo>
                <a:lnTo>
                  <a:pt x="252" y="177"/>
                </a:lnTo>
                <a:lnTo>
                  <a:pt x="259" y="173"/>
                </a:lnTo>
                <a:lnTo>
                  <a:pt x="259" y="170"/>
                </a:lnTo>
                <a:lnTo>
                  <a:pt x="265" y="168"/>
                </a:lnTo>
                <a:lnTo>
                  <a:pt x="269" y="170"/>
                </a:lnTo>
                <a:lnTo>
                  <a:pt x="272" y="169"/>
                </a:lnTo>
                <a:lnTo>
                  <a:pt x="273" y="171"/>
                </a:lnTo>
                <a:lnTo>
                  <a:pt x="280" y="176"/>
                </a:lnTo>
                <a:lnTo>
                  <a:pt x="282" y="181"/>
                </a:lnTo>
                <a:lnTo>
                  <a:pt x="284" y="182"/>
                </a:lnTo>
                <a:lnTo>
                  <a:pt x="287" y="187"/>
                </a:lnTo>
                <a:lnTo>
                  <a:pt x="289" y="187"/>
                </a:lnTo>
                <a:lnTo>
                  <a:pt x="292" y="190"/>
                </a:lnTo>
                <a:lnTo>
                  <a:pt x="294" y="193"/>
                </a:lnTo>
                <a:lnTo>
                  <a:pt x="297" y="196"/>
                </a:lnTo>
                <a:lnTo>
                  <a:pt x="305" y="192"/>
                </a:lnTo>
                <a:lnTo>
                  <a:pt x="307" y="192"/>
                </a:lnTo>
                <a:lnTo>
                  <a:pt x="309" y="190"/>
                </a:lnTo>
                <a:lnTo>
                  <a:pt x="317" y="194"/>
                </a:lnTo>
                <a:lnTo>
                  <a:pt x="327" y="200"/>
                </a:lnTo>
                <a:lnTo>
                  <a:pt x="336" y="207"/>
                </a:lnTo>
                <a:lnTo>
                  <a:pt x="343" y="212"/>
                </a:lnTo>
                <a:lnTo>
                  <a:pt x="346" y="215"/>
                </a:lnTo>
                <a:lnTo>
                  <a:pt x="350" y="220"/>
                </a:lnTo>
                <a:lnTo>
                  <a:pt x="357" y="221"/>
                </a:lnTo>
                <a:lnTo>
                  <a:pt x="368" y="228"/>
                </a:lnTo>
                <a:lnTo>
                  <a:pt x="369" y="235"/>
                </a:lnTo>
                <a:lnTo>
                  <a:pt x="368" y="253"/>
                </a:lnTo>
                <a:lnTo>
                  <a:pt x="366" y="262"/>
                </a:lnTo>
                <a:lnTo>
                  <a:pt x="368" y="262"/>
                </a:lnTo>
                <a:lnTo>
                  <a:pt x="374" y="263"/>
                </a:lnTo>
                <a:lnTo>
                  <a:pt x="381" y="264"/>
                </a:lnTo>
                <a:lnTo>
                  <a:pt x="386" y="260"/>
                </a:lnTo>
                <a:lnTo>
                  <a:pt x="389" y="255"/>
                </a:lnTo>
                <a:lnTo>
                  <a:pt x="395" y="254"/>
                </a:lnTo>
                <a:lnTo>
                  <a:pt x="402" y="253"/>
                </a:lnTo>
                <a:lnTo>
                  <a:pt x="406" y="247"/>
                </a:lnTo>
                <a:lnTo>
                  <a:pt x="411" y="240"/>
                </a:lnTo>
                <a:lnTo>
                  <a:pt x="417" y="234"/>
                </a:lnTo>
                <a:lnTo>
                  <a:pt x="421" y="230"/>
                </a:lnTo>
                <a:lnTo>
                  <a:pt x="426" y="232"/>
                </a:lnTo>
                <a:lnTo>
                  <a:pt x="430" y="235"/>
                </a:lnTo>
                <a:lnTo>
                  <a:pt x="430" y="239"/>
                </a:lnTo>
                <a:lnTo>
                  <a:pt x="431" y="241"/>
                </a:lnTo>
                <a:lnTo>
                  <a:pt x="433" y="239"/>
                </a:lnTo>
                <a:lnTo>
                  <a:pt x="437" y="239"/>
                </a:lnTo>
                <a:lnTo>
                  <a:pt x="442" y="238"/>
                </a:lnTo>
                <a:lnTo>
                  <a:pt x="448" y="235"/>
                </a:lnTo>
                <a:lnTo>
                  <a:pt x="451" y="230"/>
                </a:lnTo>
                <a:lnTo>
                  <a:pt x="454" y="228"/>
                </a:lnTo>
                <a:lnTo>
                  <a:pt x="458" y="226"/>
                </a:lnTo>
                <a:lnTo>
                  <a:pt x="464" y="223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grpSp>
        <xdr:nvGrpSpPr>
          <xdr:cNvPr id="149739" name="Group 60"/>
          <xdr:cNvGrpSpPr>
            <a:grpSpLocks/>
          </xdr:cNvGrpSpPr>
        </xdr:nvGrpSpPr>
        <xdr:grpSpPr bwMode="auto">
          <a:xfrm>
            <a:off x="1257300" y="10163175"/>
            <a:ext cx="3419475" cy="5972175"/>
            <a:chOff x="132" y="187"/>
            <a:chExt cx="359" cy="627"/>
          </a:xfrm>
        </xdr:grpSpPr>
        <xdr:sp macro="" textlink="">
          <xdr:nvSpPr>
            <xdr:cNvPr id="149789" name="Freeform 61"/>
            <xdr:cNvSpPr>
              <a:spLocks/>
            </xdr:cNvSpPr>
          </xdr:nvSpPr>
          <xdr:spPr bwMode="auto">
            <a:xfrm>
              <a:off x="355" y="187"/>
              <a:ext cx="32" cy="27"/>
            </a:xfrm>
            <a:custGeom>
              <a:avLst/>
              <a:gdLst>
                <a:gd name="T0" fmla="*/ 20 w 32"/>
                <a:gd name="T1" fmla="*/ 9 h 27"/>
                <a:gd name="T2" fmla="*/ 16 w 32"/>
                <a:gd name="T3" fmla="*/ 6 h 27"/>
                <a:gd name="T4" fmla="*/ 16 w 32"/>
                <a:gd name="T5" fmla="*/ 4 h 27"/>
                <a:gd name="T6" fmla="*/ 16 w 32"/>
                <a:gd name="T7" fmla="*/ 1 h 27"/>
                <a:gd name="T8" fmla="*/ 10 w 32"/>
                <a:gd name="T9" fmla="*/ 1 h 27"/>
                <a:gd name="T10" fmla="*/ 4 w 32"/>
                <a:gd name="T11" fmla="*/ 1 h 27"/>
                <a:gd name="T12" fmla="*/ 0 w 32"/>
                <a:gd name="T13" fmla="*/ 9 h 27"/>
                <a:gd name="T14" fmla="*/ 1 w 32"/>
                <a:gd name="T15" fmla="*/ 14 h 27"/>
                <a:gd name="T16" fmla="*/ 9 w 32"/>
                <a:gd name="T17" fmla="*/ 12 h 27"/>
                <a:gd name="T18" fmla="*/ 11 w 32"/>
                <a:gd name="T19" fmla="*/ 11 h 27"/>
                <a:gd name="T20" fmla="*/ 14 w 32"/>
                <a:gd name="T21" fmla="*/ 17 h 27"/>
                <a:gd name="T22" fmla="*/ 13 w 32"/>
                <a:gd name="T23" fmla="*/ 21 h 27"/>
                <a:gd name="T24" fmla="*/ 20 w 32"/>
                <a:gd name="T25" fmla="*/ 21 h 27"/>
                <a:gd name="T26" fmla="*/ 26 w 32"/>
                <a:gd name="T27" fmla="*/ 21 h 27"/>
                <a:gd name="T28" fmla="*/ 29 w 32"/>
                <a:gd name="T29" fmla="*/ 26 h 27"/>
                <a:gd name="T30" fmla="*/ 31 w 32"/>
                <a:gd name="T31" fmla="*/ 25 h 27"/>
                <a:gd name="T32" fmla="*/ 28 w 32"/>
                <a:gd name="T33" fmla="*/ 16 h 27"/>
                <a:gd name="T34" fmla="*/ 31 w 32"/>
                <a:gd name="T35" fmla="*/ 13 h 27"/>
                <a:gd name="T36" fmla="*/ 32 w 32"/>
                <a:gd name="T37" fmla="*/ 11 h 27"/>
                <a:gd name="T38" fmla="*/ 28 w 32"/>
                <a:gd name="T39" fmla="*/ 10 h 27"/>
                <a:gd name="T40" fmla="*/ 20 w 32"/>
                <a:gd name="T41" fmla="*/ 9 h 27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w 32"/>
                <a:gd name="T64" fmla="*/ 0 h 27"/>
                <a:gd name="T65" fmla="*/ 32 w 32"/>
                <a:gd name="T66" fmla="*/ 27 h 27"/>
              </a:gdLst>
              <a:ahLst/>
              <a:cxnLst>
                <a:cxn ang="T42">
                  <a:pos x="T0" y="T1"/>
                </a:cxn>
                <a:cxn ang="T43">
                  <a:pos x="T2" y="T3"/>
                </a:cxn>
                <a:cxn ang="T44">
                  <a:pos x="T4" y="T5"/>
                </a:cxn>
                <a:cxn ang="T45">
                  <a:pos x="T6" y="T7"/>
                </a:cxn>
                <a:cxn ang="T46">
                  <a:pos x="T8" y="T9"/>
                </a:cxn>
                <a:cxn ang="T47">
                  <a:pos x="T10" y="T11"/>
                </a:cxn>
                <a:cxn ang="T48">
                  <a:pos x="T12" y="T13"/>
                </a:cxn>
                <a:cxn ang="T49">
                  <a:pos x="T14" y="T15"/>
                </a:cxn>
                <a:cxn ang="T50">
                  <a:pos x="T16" y="T17"/>
                </a:cxn>
                <a:cxn ang="T51">
                  <a:pos x="T18" y="T19"/>
                </a:cxn>
                <a:cxn ang="T52">
                  <a:pos x="T20" y="T21"/>
                </a:cxn>
                <a:cxn ang="T53">
                  <a:pos x="T22" y="T23"/>
                </a:cxn>
                <a:cxn ang="T54">
                  <a:pos x="T24" y="T25"/>
                </a:cxn>
                <a:cxn ang="T55">
                  <a:pos x="T26" y="T27"/>
                </a:cxn>
                <a:cxn ang="T56">
                  <a:pos x="T28" y="T29"/>
                </a:cxn>
                <a:cxn ang="T57">
                  <a:pos x="T30" y="T31"/>
                </a:cxn>
                <a:cxn ang="T58">
                  <a:pos x="T32" y="T33"/>
                </a:cxn>
                <a:cxn ang="T59">
                  <a:pos x="T34" y="T35"/>
                </a:cxn>
                <a:cxn ang="T60">
                  <a:pos x="T36" y="T37"/>
                </a:cxn>
                <a:cxn ang="T61">
                  <a:pos x="T38" y="T39"/>
                </a:cxn>
                <a:cxn ang="T62">
                  <a:pos x="T40" y="T41"/>
                </a:cxn>
              </a:cxnLst>
              <a:rect l="T63" t="T64" r="T65" b="T66"/>
              <a:pathLst>
                <a:path w="32" h="27">
                  <a:moveTo>
                    <a:pt x="20" y="9"/>
                  </a:moveTo>
                  <a:cubicBezTo>
                    <a:pt x="18" y="8"/>
                    <a:pt x="17" y="7"/>
                    <a:pt x="16" y="6"/>
                  </a:cubicBezTo>
                  <a:cubicBezTo>
                    <a:pt x="15" y="5"/>
                    <a:pt x="16" y="5"/>
                    <a:pt x="16" y="4"/>
                  </a:cubicBezTo>
                  <a:cubicBezTo>
                    <a:pt x="16" y="3"/>
                    <a:pt x="17" y="1"/>
                    <a:pt x="16" y="1"/>
                  </a:cubicBezTo>
                  <a:cubicBezTo>
                    <a:pt x="15" y="1"/>
                    <a:pt x="12" y="1"/>
                    <a:pt x="10" y="1"/>
                  </a:cubicBezTo>
                  <a:cubicBezTo>
                    <a:pt x="8" y="1"/>
                    <a:pt x="6" y="0"/>
                    <a:pt x="4" y="1"/>
                  </a:cubicBezTo>
                  <a:cubicBezTo>
                    <a:pt x="2" y="2"/>
                    <a:pt x="0" y="7"/>
                    <a:pt x="0" y="9"/>
                  </a:cubicBezTo>
                  <a:cubicBezTo>
                    <a:pt x="0" y="11"/>
                    <a:pt x="0" y="14"/>
                    <a:pt x="1" y="14"/>
                  </a:cubicBezTo>
                  <a:cubicBezTo>
                    <a:pt x="2" y="14"/>
                    <a:pt x="7" y="13"/>
                    <a:pt x="9" y="12"/>
                  </a:cubicBezTo>
                  <a:cubicBezTo>
                    <a:pt x="11" y="11"/>
                    <a:pt x="10" y="10"/>
                    <a:pt x="11" y="11"/>
                  </a:cubicBezTo>
                  <a:cubicBezTo>
                    <a:pt x="12" y="12"/>
                    <a:pt x="14" y="15"/>
                    <a:pt x="14" y="17"/>
                  </a:cubicBezTo>
                  <a:cubicBezTo>
                    <a:pt x="14" y="19"/>
                    <a:pt x="12" y="20"/>
                    <a:pt x="13" y="21"/>
                  </a:cubicBezTo>
                  <a:cubicBezTo>
                    <a:pt x="14" y="22"/>
                    <a:pt x="18" y="21"/>
                    <a:pt x="20" y="21"/>
                  </a:cubicBezTo>
                  <a:cubicBezTo>
                    <a:pt x="22" y="21"/>
                    <a:pt x="25" y="20"/>
                    <a:pt x="26" y="21"/>
                  </a:cubicBezTo>
                  <a:cubicBezTo>
                    <a:pt x="27" y="22"/>
                    <a:pt x="28" y="25"/>
                    <a:pt x="29" y="26"/>
                  </a:cubicBezTo>
                  <a:cubicBezTo>
                    <a:pt x="30" y="27"/>
                    <a:pt x="31" y="27"/>
                    <a:pt x="31" y="25"/>
                  </a:cubicBezTo>
                  <a:cubicBezTo>
                    <a:pt x="31" y="23"/>
                    <a:pt x="28" y="18"/>
                    <a:pt x="28" y="16"/>
                  </a:cubicBezTo>
                  <a:cubicBezTo>
                    <a:pt x="28" y="14"/>
                    <a:pt x="30" y="14"/>
                    <a:pt x="31" y="13"/>
                  </a:cubicBezTo>
                  <a:cubicBezTo>
                    <a:pt x="32" y="12"/>
                    <a:pt x="32" y="11"/>
                    <a:pt x="32" y="11"/>
                  </a:cubicBezTo>
                  <a:cubicBezTo>
                    <a:pt x="32" y="11"/>
                    <a:pt x="30" y="10"/>
                    <a:pt x="28" y="10"/>
                  </a:cubicBezTo>
                  <a:cubicBezTo>
                    <a:pt x="26" y="10"/>
                    <a:pt x="22" y="10"/>
                    <a:pt x="20" y="9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790" name="Freeform 62"/>
            <xdr:cNvSpPr>
              <a:spLocks/>
            </xdr:cNvSpPr>
          </xdr:nvSpPr>
          <xdr:spPr bwMode="auto">
            <a:xfrm>
              <a:off x="436" y="216"/>
              <a:ext cx="55" cy="26"/>
            </a:xfrm>
            <a:custGeom>
              <a:avLst/>
              <a:gdLst>
                <a:gd name="T0" fmla="*/ 37 w 55"/>
                <a:gd name="T1" fmla="*/ 10 h 26"/>
                <a:gd name="T2" fmla="*/ 41 w 55"/>
                <a:gd name="T3" fmla="*/ 9 h 26"/>
                <a:gd name="T4" fmla="*/ 45 w 55"/>
                <a:gd name="T5" fmla="*/ 9 h 26"/>
                <a:gd name="T6" fmla="*/ 47 w 55"/>
                <a:gd name="T7" fmla="*/ 10 h 26"/>
                <a:gd name="T8" fmla="*/ 42 w 55"/>
                <a:gd name="T9" fmla="*/ 14 h 26"/>
                <a:gd name="T10" fmla="*/ 50 w 55"/>
                <a:gd name="T11" fmla="*/ 18 h 26"/>
                <a:gd name="T12" fmla="*/ 53 w 55"/>
                <a:gd name="T13" fmla="*/ 20 h 26"/>
                <a:gd name="T14" fmla="*/ 53 w 55"/>
                <a:gd name="T15" fmla="*/ 23 h 26"/>
                <a:gd name="T16" fmla="*/ 40 w 55"/>
                <a:gd name="T17" fmla="*/ 24 h 26"/>
                <a:gd name="T18" fmla="*/ 36 w 55"/>
                <a:gd name="T19" fmla="*/ 21 h 26"/>
                <a:gd name="T20" fmla="*/ 31 w 55"/>
                <a:gd name="T21" fmla="*/ 25 h 26"/>
                <a:gd name="T22" fmla="*/ 23 w 55"/>
                <a:gd name="T23" fmla="*/ 25 h 26"/>
                <a:gd name="T24" fmla="*/ 21 w 55"/>
                <a:gd name="T25" fmla="*/ 20 h 26"/>
                <a:gd name="T26" fmla="*/ 17 w 55"/>
                <a:gd name="T27" fmla="*/ 19 h 26"/>
                <a:gd name="T28" fmla="*/ 16 w 55"/>
                <a:gd name="T29" fmla="*/ 14 h 26"/>
                <a:gd name="T30" fmla="*/ 13 w 55"/>
                <a:gd name="T31" fmla="*/ 15 h 26"/>
                <a:gd name="T32" fmla="*/ 10 w 55"/>
                <a:gd name="T33" fmla="*/ 8 h 26"/>
                <a:gd name="T34" fmla="*/ 9 w 55"/>
                <a:gd name="T35" fmla="*/ 6 h 26"/>
                <a:gd name="T36" fmla="*/ 5 w 55"/>
                <a:gd name="T37" fmla="*/ 6 h 26"/>
                <a:gd name="T38" fmla="*/ 3 w 55"/>
                <a:gd name="T39" fmla="*/ 10 h 26"/>
                <a:gd name="T40" fmla="*/ 0 w 55"/>
                <a:gd name="T41" fmla="*/ 9 h 26"/>
                <a:gd name="T42" fmla="*/ 2 w 55"/>
                <a:gd name="T43" fmla="*/ 2 h 26"/>
                <a:gd name="T44" fmla="*/ 9 w 55"/>
                <a:gd name="T45" fmla="*/ 1 h 26"/>
                <a:gd name="T46" fmla="*/ 16 w 55"/>
                <a:gd name="T47" fmla="*/ 6 h 26"/>
                <a:gd name="T48" fmla="*/ 22 w 55"/>
                <a:gd name="T49" fmla="*/ 10 h 26"/>
                <a:gd name="T50" fmla="*/ 24 w 55"/>
                <a:gd name="T51" fmla="*/ 13 h 26"/>
                <a:gd name="T52" fmla="*/ 26 w 55"/>
                <a:gd name="T53" fmla="*/ 16 h 26"/>
                <a:gd name="T54" fmla="*/ 32 w 55"/>
                <a:gd name="T55" fmla="*/ 18 h 26"/>
                <a:gd name="T56" fmla="*/ 34 w 55"/>
                <a:gd name="T57" fmla="*/ 12 h 26"/>
                <a:gd name="T58" fmla="*/ 37 w 55"/>
                <a:gd name="T59" fmla="*/ 10 h 2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w 55"/>
                <a:gd name="T91" fmla="*/ 0 h 26"/>
                <a:gd name="T92" fmla="*/ 55 w 55"/>
                <a:gd name="T93" fmla="*/ 26 h 26"/>
              </a:gdLst>
              <a:ahLst/>
              <a:cxnLst>
                <a:cxn ang="T60">
                  <a:pos x="T0" y="T1"/>
                </a:cxn>
                <a:cxn ang="T61">
                  <a:pos x="T2" y="T3"/>
                </a:cxn>
                <a:cxn ang="T62">
                  <a:pos x="T4" y="T5"/>
                </a:cxn>
                <a:cxn ang="T63">
                  <a:pos x="T6" y="T7"/>
                </a:cxn>
                <a:cxn ang="T64">
                  <a:pos x="T8" y="T9"/>
                </a:cxn>
                <a:cxn ang="T65">
                  <a:pos x="T10" y="T11"/>
                </a:cxn>
                <a:cxn ang="T66">
                  <a:pos x="T12" y="T13"/>
                </a:cxn>
                <a:cxn ang="T67">
                  <a:pos x="T14" y="T15"/>
                </a:cxn>
                <a:cxn ang="T68">
                  <a:pos x="T16" y="T17"/>
                </a:cxn>
                <a:cxn ang="T69">
                  <a:pos x="T18" y="T19"/>
                </a:cxn>
                <a:cxn ang="T70">
                  <a:pos x="T20" y="T21"/>
                </a:cxn>
                <a:cxn ang="T71">
                  <a:pos x="T22" y="T23"/>
                </a:cxn>
                <a:cxn ang="T72">
                  <a:pos x="T24" y="T25"/>
                </a:cxn>
                <a:cxn ang="T73">
                  <a:pos x="T26" y="T27"/>
                </a:cxn>
                <a:cxn ang="T74">
                  <a:pos x="T28" y="T29"/>
                </a:cxn>
                <a:cxn ang="T75">
                  <a:pos x="T30" y="T31"/>
                </a:cxn>
                <a:cxn ang="T76">
                  <a:pos x="T32" y="T33"/>
                </a:cxn>
                <a:cxn ang="T77">
                  <a:pos x="T34" y="T35"/>
                </a:cxn>
                <a:cxn ang="T78">
                  <a:pos x="T36" y="T37"/>
                </a:cxn>
                <a:cxn ang="T79">
                  <a:pos x="T38" y="T39"/>
                </a:cxn>
                <a:cxn ang="T80">
                  <a:pos x="T40" y="T41"/>
                </a:cxn>
                <a:cxn ang="T81">
                  <a:pos x="T42" y="T43"/>
                </a:cxn>
                <a:cxn ang="T82">
                  <a:pos x="T44" y="T45"/>
                </a:cxn>
                <a:cxn ang="T83">
                  <a:pos x="T46" y="T47"/>
                </a:cxn>
                <a:cxn ang="T84">
                  <a:pos x="T48" y="T49"/>
                </a:cxn>
                <a:cxn ang="T85">
                  <a:pos x="T50" y="T51"/>
                </a:cxn>
                <a:cxn ang="T86">
                  <a:pos x="T52" y="T53"/>
                </a:cxn>
                <a:cxn ang="T87">
                  <a:pos x="T54" y="T55"/>
                </a:cxn>
                <a:cxn ang="T88">
                  <a:pos x="T56" y="T57"/>
                </a:cxn>
                <a:cxn ang="T89">
                  <a:pos x="T58" y="T59"/>
                </a:cxn>
              </a:cxnLst>
              <a:rect l="T90" t="T91" r="T92" b="T93"/>
              <a:pathLst>
                <a:path w="55" h="26">
                  <a:moveTo>
                    <a:pt x="37" y="10"/>
                  </a:moveTo>
                  <a:cubicBezTo>
                    <a:pt x="38" y="10"/>
                    <a:pt x="40" y="9"/>
                    <a:pt x="41" y="9"/>
                  </a:cubicBezTo>
                  <a:cubicBezTo>
                    <a:pt x="42" y="9"/>
                    <a:pt x="44" y="9"/>
                    <a:pt x="45" y="9"/>
                  </a:cubicBezTo>
                  <a:cubicBezTo>
                    <a:pt x="46" y="9"/>
                    <a:pt x="47" y="9"/>
                    <a:pt x="47" y="10"/>
                  </a:cubicBezTo>
                  <a:cubicBezTo>
                    <a:pt x="47" y="11"/>
                    <a:pt x="42" y="13"/>
                    <a:pt x="42" y="14"/>
                  </a:cubicBezTo>
                  <a:cubicBezTo>
                    <a:pt x="42" y="15"/>
                    <a:pt x="48" y="17"/>
                    <a:pt x="50" y="18"/>
                  </a:cubicBezTo>
                  <a:cubicBezTo>
                    <a:pt x="52" y="19"/>
                    <a:pt x="53" y="19"/>
                    <a:pt x="53" y="20"/>
                  </a:cubicBezTo>
                  <a:cubicBezTo>
                    <a:pt x="53" y="21"/>
                    <a:pt x="55" y="22"/>
                    <a:pt x="53" y="23"/>
                  </a:cubicBezTo>
                  <a:cubicBezTo>
                    <a:pt x="51" y="24"/>
                    <a:pt x="43" y="24"/>
                    <a:pt x="40" y="24"/>
                  </a:cubicBezTo>
                  <a:cubicBezTo>
                    <a:pt x="37" y="24"/>
                    <a:pt x="37" y="21"/>
                    <a:pt x="36" y="21"/>
                  </a:cubicBezTo>
                  <a:cubicBezTo>
                    <a:pt x="35" y="21"/>
                    <a:pt x="33" y="24"/>
                    <a:pt x="31" y="25"/>
                  </a:cubicBezTo>
                  <a:cubicBezTo>
                    <a:pt x="29" y="26"/>
                    <a:pt x="25" y="26"/>
                    <a:pt x="23" y="25"/>
                  </a:cubicBezTo>
                  <a:cubicBezTo>
                    <a:pt x="21" y="24"/>
                    <a:pt x="22" y="21"/>
                    <a:pt x="21" y="20"/>
                  </a:cubicBezTo>
                  <a:cubicBezTo>
                    <a:pt x="20" y="19"/>
                    <a:pt x="18" y="20"/>
                    <a:pt x="17" y="19"/>
                  </a:cubicBezTo>
                  <a:cubicBezTo>
                    <a:pt x="16" y="18"/>
                    <a:pt x="17" y="15"/>
                    <a:pt x="16" y="14"/>
                  </a:cubicBezTo>
                  <a:cubicBezTo>
                    <a:pt x="15" y="13"/>
                    <a:pt x="14" y="16"/>
                    <a:pt x="13" y="15"/>
                  </a:cubicBezTo>
                  <a:cubicBezTo>
                    <a:pt x="12" y="14"/>
                    <a:pt x="11" y="9"/>
                    <a:pt x="10" y="8"/>
                  </a:cubicBezTo>
                  <a:cubicBezTo>
                    <a:pt x="9" y="7"/>
                    <a:pt x="10" y="6"/>
                    <a:pt x="9" y="6"/>
                  </a:cubicBezTo>
                  <a:cubicBezTo>
                    <a:pt x="8" y="6"/>
                    <a:pt x="6" y="5"/>
                    <a:pt x="5" y="6"/>
                  </a:cubicBezTo>
                  <a:cubicBezTo>
                    <a:pt x="4" y="7"/>
                    <a:pt x="4" y="10"/>
                    <a:pt x="3" y="10"/>
                  </a:cubicBezTo>
                  <a:cubicBezTo>
                    <a:pt x="2" y="10"/>
                    <a:pt x="0" y="10"/>
                    <a:pt x="0" y="9"/>
                  </a:cubicBezTo>
                  <a:cubicBezTo>
                    <a:pt x="0" y="8"/>
                    <a:pt x="1" y="3"/>
                    <a:pt x="2" y="2"/>
                  </a:cubicBezTo>
                  <a:cubicBezTo>
                    <a:pt x="3" y="1"/>
                    <a:pt x="7" y="0"/>
                    <a:pt x="9" y="1"/>
                  </a:cubicBezTo>
                  <a:cubicBezTo>
                    <a:pt x="11" y="2"/>
                    <a:pt x="14" y="5"/>
                    <a:pt x="16" y="6"/>
                  </a:cubicBezTo>
                  <a:cubicBezTo>
                    <a:pt x="18" y="7"/>
                    <a:pt x="21" y="9"/>
                    <a:pt x="22" y="10"/>
                  </a:cubicBezTo>
                  <a:cubicBezTo>
                    <a:pt x="23" y="11"/>
                    <a:pt x="23" y="12"/>
                    <a:pt x="24" y="13"/>
                  </a:cubicBezTo>
                  <a:cubicBezTo>
                    <a:pt x="25" y="14"/>
                    <a:pt x="25" y="15"/>
                    <a:pt x="26" y="16"/>
                  </a:cubicBezTo>
                  <a:cubicBezTo>
                    <a:pt x="27" y="17"/>
                    <a:pt x="31" y="19"/>
                    <a:pt x="32" y="18"/>
                  </a:cubicBezTo>
                  <a:cubicBezTo>
                    <a:pt x="33" y="17"/>
                    <a:pt x="33" y="13"/>
                    <a:pt x="34" y="12"/>
                  </a:cubicBezTo>
                  <a:cubicBezTo>
                    <a:pt x="35" y="11"/>
                    <a:pt x="36" y="10"/>
                    <a:pt x="37" y="10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791" name="Freeform 63"/>
            <xdr:cNvSpPr>
              <a:spLocks/>
            </xdr:cNvSpPr>
          </xdr:nvSpPr>
          <xdr:spPr bwMode="auto">
            <a:xfrm>
              <a:off x="171" y="483"/>
              <a:ext cx="46" cy="21"/>
            </a:xfrm>
            <a:custGeom>
              <a:avLst/>
              <a:gdLst>
                <a:gd name="T0" fmla="*/ 0 w 46"/>
                <a:gd name="T1" fmla="*/ 11 h 21"/>
                <a:gd name="T2" fmla="*/ 6 w 46"/>
                <a:gd name="T3" fmla="*/ 3 h 21"/>
                <a:gd name="T4" fmla="*/ 18 w 46"/>
                <a:gd name="T5" fmla="*/ 3 h 21"/>
                <a:gd name="T6" fmla="*/ 24 w 46"/>
                <a:gd name="T7" fmla="*/ 7 h 21"/>
                <a:gd name="T8" fmla="*/ 28 w 46"/>
                <a:gd name="T9" fmla="*/ 12 h 21"/>
                <a:gd name="T10" fmla="*/ 32 w 46"/>
                <a:gd name="T11" fmla="*/ 13 h 21"/>
                <a:gd name="T12" fmla="*/ 30 w 46"/>
                <a:gd name="T13" fmla="*/ 5 h 21"/>
                <a:gd name="T14" fmla="*/ 31 w 46"/>
                <a:gd name="T15" fmla="*/ 0 h 21"/>
                <a:gd name="T16" fmla="*/ 35 w 46"/>
                <a:gd name="T17" fmla="*/ 6 h 21"/>
                <a:gd name="T18" fmla="*/ 39 w 46"/>
                <a:gd name="T19" fmla="*/ 9 h 21"/>
                <a:gd name="T20" fmla="*/ 46 w 46"/>
                <a:gd name="T21" fmla="*/ 11 h 21"/>
                <a:gd name="T22" fmla="*/ 37 w 46"/>
                <a:gd name="T23" fmla="*/ 17 h 21"/>
                <a:gd name="T24" fmla="*/ 33 w 46"/>
                <a:gd name="T25" fmla="*/ 17 h 21"/>
                <a:gd name="T26" fmla="*/ 29 w 46"/>
                <a:gd name="T27" fmla="*/ 21 h 21"/>
                <a:gd name="T28" fmla="*/ 23 w 46"/>
                <a:gd name="T29" fmla="*/ 15 h 21"/>
                <a:gd name="T30" fmla="*/ 18 w 46"/>
                <a:gd name="T31" fmla="*/ 11 h 21"/>
                <a:gd name="T32" fmla="*/ 5 w 46"/>
                <a:gd name="T33" fmla="*/ 10 h 21"/>
                <a:gd name="T34" fmla="*/ 0 w 46"/>
                <a:gd name="T35" fmla="*/ 11 h 21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w 46"/>
                <a:gd name="T55" fmla="*/ 0 h 21"/>
                <a:gd name="T56" fmla="*/ 46 w 46"/>
                <a:gd name="T57" fmla="*/ 21 h 21"/>
              </a:gdLst>
              <a:ahLst/>
              <a:cxnLst>
                <a:cxn ang="T36">
                  <a:pos x="T0" y="T1"/>
                </a:cxn>
                <a:cxn ang="T37">
                  <a:pos x="T2" y="T3"/>
                </a:cxn>
                <a:cxn ang="T38">
                  <a:pos x="T4" y="T5"/>
                </a:cxn>
                <a:cxn ang="T39">
                  <a:pos x="T6" y="T7"/>
                </a:cxn>
                <a:cxn ang="T40">
                  <a:pos x="T8" y="T9"/>
                </a:cxn>
                <a:cxn ang="T41">
                  <a:pos x="T10" y="T11"/>
                </a:cxn>
                <a:cxn ang="T42">
                  <a:pos x="T12" y="T13"/>
                </a:cxn>
                <a:cxn ang="T43">
                  <a:pos x="T14" y="T15"/>
                </a:cxn>
                <a:cxn ang="T44">
                  <a:pos x="T16" y="T17"/>
                </a:cxn>
                <a:cxn ang="T45">
                  <a:pos x="T18" y="T19"/>
                </a:cxn>
                <a:cxn ang="T46">
                  <a:pos x="T20" y="T21"/>
                </a:cxn>
                <a:cxn ang="T47">
                  <a:pos x="T22" y="T23"/>
                </a:cxn>
                <a:cxn ang="T48">
                  <a:pos x="T24" y="T25"/>
                </a:cxn>
                <a:cxn ang="T49">
                  <a:pos x="T26" y="T27"/>
                </a:cxn>
                <a:cxn ang="T50">
                  <a:pos x="T28" y="T29"/>
                </a:cxn>
                <a:cxn ang="T51">
                  <a:pos x="T30" y="T31"/>
                </a:cxn>
                <a:cxn ang="T52">
                  <a:pos x="T32" y="T33"/>
                </a:cxn>
                <a:cxn ang="T53">
                  <a:pos x="T34" y="T35"/>
                </a:cxn>
              </a:cxnLst>
              <a:rect l="T54" t="T55" r="T56" b="T57"/>
              <a:pathLst>
                <a:path w="46" h="21">
                  <a:moveTo>
                    <a:pt x="0" y="11"/>
                  </a:moveTo>
                  <a:cubicBezTo>
                    <a:pt x="0" y="10"/>
                    <a:pt x="3" y="4"/>
                    <a:pt x="6" y="3"/>
                  </a:cubicBezTo>
                  <a:cubicBezTo>
                    <a:pt x="9" y="2"/>
                    <a:pt x="15" y="2"/>
                    <a:pt x="18" y="3"/>
                  </a:cubicBezTo>
                  <a:cubicBezTo>
                    <a:pt x="21" y="4"/>
                    <a:pt x="22" y="6"/>
                    <a:pt x="24" y="7"/>
                  </a:cubicBezTo>
                  <a:cubicBezTo>
                    <a:pt x="26" y="8"/>
                    <a:pt x="27" y="11"/>
                    <a:pt x="28" y="12"/>
                  </a:cubicBezTo>
                  <a:cubicBezTo>
                    <a:pt x="29" y="13"/>
                    <a:pt x="32" y="14"/>
                    <a:pt x="32" y="13"/>
                  </a:cubicBezTo>
                  <a:cubicBezTo>
                    <a:pt x="32" y="12"/>
                    <a:pt x="30" y="7"/>
                    <a:pt x="30" y="5"/>
                  </a:cubicBezTo>
                  <a:cubicBezTo>
                    <a:pt x="30" y="3"/>
                    <a:pt x="30" y="0"/>
                    <a:pt x="31" y="0"/>
                  </a:cubicBezTo>
                  <a:cubicBezTo>
                    <a:pt x="32" y="0"/>
                    <a:pt x="34" y="5"/>
                    <a:pt x="35" y="6"/>
                  </a:cubicBezTo>
                  <a:cubicBezTo>
                    <a:pt x="36" y="7"/>
                    <a:pt x="37" y="8"/>
                    <a:pt x="39" y="9"/>
                  </a:cubicBezTo>
                  <a:cubicBezTo>
                    <a:pt x="41" y="10"/>
                    <a:pt x="46" y="10"/>
                    <a:pt x="46" y="11"/>
                  </a:cubicBezTo>
                  <a:cubicBezTo>
                    <a:pt x="46" y="12"/>
                    <a:pt x="39" y="16"/>
                    <a:pt x="37" y="17"/>
                  </a:cubicBezTo>
                  <a:cubicBezTo>
                    <a:pt x="35" y="18"/>
                    <a:pt x="34" y="16"/>
                    <a:pt x="33" y="17"/>
                  </a:cubicBezTo>
                  <a:cubicBezTo>
                    <a:pt x="32" y="18"/>
                    <a:pt x="31" y="21"/>
                    <a:pt x="29" y="21"/>
                  </a:cubicBezTo>
                  <a:cubicBezTo>
                    <a:pt x="27" y="21"/>
                    <a:pt x="25" y="17"/>
                    <a:pt x="23" y="15"/>
                  </a:cubicBezTo>
                  <a:cubicBezTo>
                    <a:pt x="21" y="13"/>
                    <a:pt x="21" y="12"/>
                    <a:pt x="18" y="11"/>
                  </a:cubicBezTo>
                  <a:cubicBezTo>
                    <a:pt x="15" y="10"/>
                    <a:pt x="8" y="10"/>
                    <a:pt x="5" y="10"/>
                  </a:cubicBezTo>
                  <a:cubicBezTo>
                    <a:pt x="2" y="10"/>
                    <a:pt x="0" y="12"/>
                    <a:pt x="0" y="1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792" name="Freeform 64"/>
            <xdr:cNvSpPr>
              <a:spLocks/>
            </xdr:cNvSpPr>
          </xdr:nvSpPr>
          <xdr:spPr bwMode="auto">
            <a:xfrm>
              <a:off x="400" y="289"/>
              <a:ext cx="71" cy="89"/>
            </a:xfrm>
            <a:custGeom>
              <a:avLst/>
              <a:gdLst>
                <a:gd name="T0" fmla="*/ 0 w 1589"/>
                <a:gd name="T1" fmla="*/ 0 h 2074"/>
                <a:gd name="T2" fmla="*/ 0 w 1589"/>
                <a:gd name="T3" fmla="*/ 0 h 2074"/>
                <a:gd name="T4" fmla="*/ 0 w 1589"/>
                <a:gd name="T5" fmla="*/ 0 h 2074"/>
                <a:gd name="T6" fmla="*/ 0 w 1589"/>
                <a:gd name="T7" fmla="*/ 0 h 2074"/>
                <a:gd name="T8" fmla="*/ 0 w 1589"/>
                <a:gd name="T9" fmla="*/ 0 h 2074"/>
                <a:gd name="T10" fmla="*/ 0 w 1589"/>
                <a:gd name="T11" fmla="*/ 0 h 2074"/>
                <a:gd name="T12" fmla="*/ 0 w 1589"/>
                <a:gd name="T13" fmla="*/ 0 h 2074"/>
                <a:gd name="T14" fmla="*/ 0 w 1589"/>
                <a:gd name="T15" fmla="*/ 0 h 2074"/>
                <a:gd name="T16" fmla="*/ 0 w 1589"/>
                <a:gd name="T17" fmla="*/ 0 h 2074"/>
                <a:gd name="T18" fmla="*/ 0 w 1589"/>
                <a:gd name="T19" fmla="*/ 0 h 2074"/>
                <a:gd name="T20" fmla="*/ 0 w 1589"/>
                <a:gd name="T21" fmla="*/ 0 h 2074"/>
                <a:gd name="T22" fmla="*/ 0 w 1589"/>
                <a:gd name="T23" fmla="*/ 0 h 2074"/>
                <a:gd name="T24" fmla="*/ 0 w 1589"/>
                <a:gd name="T25" fmla="*/ 0 h 2074"/>
                <a:gd name="T26" fmla="*/ 0 w 1589"/>
                <a:gd name="T27" fmla="*/ 0 h 2074"/>
                <a:gd name="T28" fmla="*/ 0 w 1589"/>
                <a:gd name="T29" fmla="*/ 0 h 2074"/>
                <a:gd name="T30" fmla="*/ 0 w 1589"/>
                <a:gd name="T31" fmla="*/ 0 h 2074"/>
                <a:gd name="T32" fmla="*/ 0 w 1589"/>
                <a:gd name="T33" fmla="*/ 0 h 2074"/>
                <a:gd name="T34" fmla="*/ 0 w 1589"/>
                <a:gd name="T35" fmla="*/ 0 h 2074"/>
                <a:gd name="T36" fmla="*/ 0 w 1589"/>
                <a:gd name="T37" fmla="*/ 0 h 2074"/>
                <a:gd name="T38" fmla="*/ 0 w 1589"/>
                <a:gd name="T39" fmla="*/ 0 h 2074"/>
                <a:gd name="T40" fmla="*/ 0 w 1589"/>
                <a:gd name="T41" fmla="*/ 0 h 2074"/>
                <a:gd name="T42" fmla="*/ 0 w 1589"/>
                <a:gd name="T43" fmla="*/ 0 h 2074"/>
                <a:gd name="T44" fmla="*/ 0 w 1589"/>
                <a:gd name="T45" fmla="*/ 0 h 2074"/>
                <a:gd name="T46" fmla="*/ 0 w 1589"/>
                <a:gd name="T47" fmla="*/ 0 h 2074"/>
                <a:gd name="T48" fmla="*/ 0 w 1589"/>
                <a:gd name="T49" fmla="*/ 0 h 2074"/>
                <a:gd name="T50" fmla="*/ 0 w 1589"/>
                <a:gd name="T51" fmla="*/ 0 h 2074"/>
                <a:gd name="T52" fmla="*/ 0 w 1589"/>
                <a:gd name="T53" fmla="*/ 0 h 2074"/>
                <a:gd name="T54" fmla="*/ 0 w 1589"/>
                <a:gd name="T55" fmla="*/ 0 h 2074"/>
                <a:gd name="T56" fmla="*/ 0 w 1589"/>
                <a:gd name="T57" fmla="*/ 0 h 2074"/>
                <a:gd name="T58" fmla="*/ 0 w 1589"/>
                <a:gd name="T59" fmla="*/ 0 h 2074"/>
                <a:gd name="T60" fmla="*/ 0 w 1589"/>
                <a:gd name="T61" fmla="*/ 0 h 2074"/>
                <a:gd name="T62" fmla="*/ 0 w 1589"/>
                <a:gd name="T63" fmla="*/ 0 h 2074"/>
                <a:gd name="T64" fmla="*/ 0 w 1589"/>
                <a:gd name="T65" fmla="*/ 0 h 2074"/>
                <a:gd name="T66" fmla="*/ 0 w 1589"/>
                <a:gd name="T67" fmla="*/ 0 h 2074"/>
                <a:gd name="T68" fmla="*/ 0 w 1589"/>
                <a:gd name="T69" fmla="*/ 0 h 2074"/>
                <a:gd name="T70" fmla="*/ 0 w 1589"/>
                <a:gd name="T71" fmla="*/ 0 h 2074"/>
                <a:gd name="T72" fmla="*/ 0 w 1589"/>
                <a:gd name="T73" fmla="*/ 0 h 2074"/>
                <a:gd name="T74" fmla="*/ 0 w 1589"/>
                <a:gd name="T75" fmla="*/ 0 h 2074"/>
                <a:gd name="T76" fmla="*/ 0 w 1589"/>
                <a:gd name="T77" fmla="*/ 0 h 2074"/>
                <a:gd name="T78" fmla="*/ 0 w 1589"/>
                <a:gd name="T79" fmla="*/ 0 h 2074"/>
                <a:gd name="T80" fmla="*/ 0 w 1589"/>
                <a:gd name="T81" fmla="*/ 0 h 2074"/>
                <a:gd name="T82" fmla="*/ 0 w 1589"/>
                <a:gd name="T83" fmla="*/ 0 h 2074"/>
                <a:gd name="T84" fmla="*/ 0 w 1589"/>
                <a:gd name="T85" fmla="*/ 0 h 2074"/>
                <a:gd name="T86" fmla="*/ 0 w 1589"/>
                <a:gd name="T87" fmla="*/ 0 h 2074"/>
                <a:gd name="T88" fmla="*/ 0 w 1589"/>
                <a:gd name="T89" fmla="*/ 0 h 2074"/>
                <a:gd name="T90" fmla="*/ 0 w 1589"/>
                <a:gd name="T91" fmla="*/ 0 h 2074"/>
                <a:gd name="T92" fmla="*/ 0 w 1589"/>
                <a:gd name="T93" fmla="*/ 0 h 2074"/>
                <a:gd name="T94" fmla="*/ 0 w 1589"/>
                <a:gd name="T95" fmla="*/ 0 h 2074"/>
                <a:gd name="T96" fmla="*/ 0 w 1589"/>
                <a:gd name="T97" fmla="*/ 0 h 2074"/>
                <a:gd name="T98" fmla="*/ 0 w 1589"/>
                <a:gd name="T99" fmla="*/ 0 h 2074"/>
                <a:gd name="T100" fmla="*/ 0 w 1589"/>
                <a:gd name="T101" fmla="*/ 0 h 2074"/>
                <a:gd name="T102" fmla="*/ 0 w 1589"/>
                <a:gd name="T103" fmla="*/ 0 h 2074"/>
                <a:gd name="T104" fmla="*/ 0 w 1589"/>
                <a:gd name="T105" fmla="*/ 0 h 2074"/>
                <a:gd name="T106" fmla="*/ 0 w 1589"/>
                <a:gd name="T107" fmla="*/ 0 h 2074"/>
                <a:gd name="T108" fmla="*/ 0 w 1589"/>
                <a:gd name="T109" fmla="*/ 0 h 2074"/>
                <a:gd name="T110" fmla="*/ 0 w 1589"/>
                <a:gd name="T111" fmla="*/ 0 h 2074"/>
                <a:gd name="T112" fmla="*/ 0 w 1589"/>
                <a:gd name="T113" fmla="*/ 0 h 2074"/>
                <a:gd name="T114" fmla="*/ 0 w 1589"/>
                <a:gd name="T115" fmla="*/ 0 h 2074"/>
                <a:gd name="T116" fmla="*/ 0 w 1589"/>
                <a:gd name="T117" fmla="*/ 0 h 2074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w 1589"/>
                <a:gd name="T178" fmla="*/ 0 h 2074"/>
                <a:gd name="T179" fmla="*/ 1589 w 1589"/>
                <a:gd name="T180" fmla="*/ 2074 h 2074"/>
              </a:gdLst>
              <a:ahLst/>
              <a:cxnLst>
                <a:cxn ang="T118">
                  <a:pos x="T0" y="T1"/>
                </a:cxn>
                <a:cxn ang="T119">
                  <a:pos x="T2" y="T3"/>
                </a:cxn>
                <a:cxn ang="T120">
                  <a:pos x="T4" y="T5"/>
                </a:cxn>
                <a:cxn ang="T121">
                  <a:pos x="T6" y="T7"/>
                </a:cxn>
                <a:cxn ang="T122">
                  <a:pos x="T8" y="T9"/>
                </a:cxn>
                <a:cxn ang="T123">
                  <a:pos x="T10" y="T11"/>
                </a:cxn>
                <a:cxn ang="T124">
                  <a:pos x="T12" y="T13"/>
                </a:cxn>
                <a:cxn ang="T125">
                  <a:pos x="T14" y="T15"/>
                </a:cxn>
                <a:cxn ang="T126">
                  <a:pos x="T16" y="T17"/>
                </a:cxn>
                <a:cxn ang="T127">
                  <a:pos x="T18" y="T19"/>
                </a:cxn>
                <a:cxn ang="T128">
                  <a:pos x="T20" y="T21"/>
                </a:cxn>
                <a:cxn ang="T129">
                  <a:pos x="T22" y="T23"/>
                </a:cxn>
                <a:cxn ang="T130">
                  <a:pos x="T24" y="T25"/>
                </a:cxn>
                <a:cxn ang="T131">
                  <a:pos x="T26" y="T27"/>
                </a:cxn>
                <a:cxn ang="T132">
                  <a:pos x="T28" y="T29"/>
                </a:cxn>
                <a:cxn ang="T133">
                  <a:pos x="T30" y="T31"/>
                </a:cxn>
                <a:cxn ang="T134">
                  <a:pos x="T32" y="T33"/>
                </a:cxn>
                <a:cxn ang="T135">
                  <a:pos x="T34" y="T35"/>
                </a:cxn>
                <a:cxn ang="T136">
                  <a:pos x="T36" y="T37"/>
                </a:cxn>
                <a:cxn ang="T137">
                  <a:pos x="T38" y="T39"/>
                </a:cxn>
                <a:cxn ang="T138">
                  <a:pos x="T40" y="T41"/>
                </a:cxn>
                <a:cxn ang="T139">
                  <a:pos x="T42" y="T43"/>
                </a:cxn>
                <a:cxn ang="T140">
                  <a:pos x="T44" y="T45"/>
                </a:cxn>
                <a:cxn ang="T141">
                  <a:pos x="T46" y="T47"/>
                </a:cxn>
                <a:cxn ang="T142">
                  <a:pos x="T48" y="T49"/>
                </a:cxn>
                <a:cxn ang="T143">
                  <a:pos x="T50" y="T51"/>
                </a:cxn>
                <a:cxn ang="T144">
                  <a:pos x="T52" y="T53"/>
                </a:cxn>
                <a:cxn ang="T145">
                  <a:pos x="T54" y="T55"/>
                </a:cxn>
                <a:cxn ang="T146">
                  <a:pos x="T56" y="T57"/>
                </a:cxn>
                <a:cxn ang="T147">
                  <a:pos x="T58" y="T59"/>
                </a:cxn>
                <a:cxn ang="T148">
                  <a:pos x="T60" y="T61"/>
                </a:cxn>
                <a:cxn ang="T149">
                  <a:pos x="T62" y="T63"/>
                </a:cxn>
                <a:cxn ang="T150">
                  <a:pos x="T64" y="T65"/>
                </a:cxn>
                <a:cxn ang="T151">
                  <a:pos x="T66" y="T67"/>
                </a:cxn>
                <a:cxn ang="T152">
                  <a:pos x="T68" y="T69"/>
                </a:cxn>
                <a:cxn ang="T153">
                  <a:pos x="T70" y="T71"/>
                </a:cxn>
                <a:cxn ang="T154">
                  <a:pos x="T72" y="T73"/>
                </a:cxn>
                <a:cxn ang="T155">
                  <a:pos x="T74" y="T75"/>
                </a:cxn>
                <a:cxn ang="T156">
                  <a:pos x="T76" y="T77"/>
                </a:cxn>
                <a:cxn ang="T157">
                  <a:pos x="T78" y="T79"/>
                </a:cxn>
                <a:cxn ang="T158">
                  <a:pos x="T80" y="T81"/>
                </a:cxn>
                <a:cxn ang="T159">
                  <a:pos x="T82" y="T83"/>
                </a:cxn>
                <a:cxn ang="T160">
                  <a:pos x="T84" y="T85"/>
                </a:cxn>
                <a:cxn ang="T161">
                  <a:pos x="T86" y="T87"/>
                </a:cxn>
                <a:cxn ang="T162">
                  <a:pos x="T88" y="T89"/>
                </a:cxn>
                <a:cxn ang="T163">
                  <a:pos x="T90" y="T91"/>
                </a:cxn>
                <a:cxn ang="T164">
                  <a:pos x="T92" y="T93"/>
                </a:cxn>
                <a:cxn ang="T165">
                  <a:pos x="T94" y="T95"/>
                </a:cxn>
                <a:cxn ang="T166">
                  <a:pos x="T96" y="T97"/>
                </a:cxn>
                <a:cxn ang="T167">
                  <a:pos x="T98" y="T99"/>
                </a:cxn>
                <a:cxn ang="T168">
                  <a:pos x="T100" y="T101"/>
                </a:cxn>
                <a:cxn ang="T169">
                  <a:pos x="T102" y="T103"/>
                </a:cxn>
                <a:cxn ang="T170">
                  <a:pos x="T104" y="T105"/>
                </a:cxn>
                <a:cxn ang="T171">
                  <a:pos x="T106" y="T107"/>
                </a:cxn>
                <a:cxn ang="T172">
                  <a:pos x="T108" y="T109"/>
                </a:cxn>
                <a:cxn ang="T173">
                  <a:pos x="T110" y="T111"/>
                </a:cxn>
                <a:cxn ang="T174">
                  <a:pos x="T112" y="T113"/>
                </a:cxn>
                <a:cxn ang="T175">
                  <a:pos x="T114" y="T115"/>
                </a:cxn>
                <a:cxn ang="T176">
                  <a:pos x="T116" y="T117"/>
                </a:cxn>
              </a:cxnLst>
              <a:rect l="T177" t="T178" r="T179" b="T180"/>
              <a:pathLst>
                <a:path w="1589" h="2074">
                  <a:moveTo>
                    <a:pt x="1371" y="65"/>
                  </a:moveTo>
                  <a:cubicBezTo>
                    <a:pt x="1336" y="35"/>
                    <a:pt x="1251" y="0"/>
                    <a:pt x="1221" y="5"/>
                  </a:cubicBezTo>
                  <a:cubicBezTo>
                    <a:pt x="1191" y="10"/>
                    <a:pt x="1208" y="68"/>
                    <a:pt x="1191" y="93"/>
                  </a:cubicBezTo>
                  <a:cubicBezTo>
                    <a:pt x="1174" y="118"/>
                    <a:pt x="1147" y="125"/>
                    <a:pt x="1117" y="153"/>
                  </a:cubicBezTo>
                  <a:cubicBezTo>
                    <a:pt x="1087" y="181"/>
                    <a:pt x="1036" y="221"/>
                    <a:pt x="1011" y="261"/>
                  </a:cubicBezTo>
                  <a:cubicBezTo>
                    <a:pt x="986" y="301"/>
                    <a:pt x="989" y="361"/>
                    <a:pt x="967" y="393"/>
                  </a:cubicBezTo>
                  <a:cubicBezTo>
                    <a:pt x="945" y="425"/>
                    <a:pt x="907" y="443"/>
                    <a:pt x="877" y="453"/>
                  </a:cubicBezTo>
                  <a:cubicBezTo>
                    <a:pt x="847" y="463"/>
                    <a:pt x="814" y="445"/>
                    <a:pt x="787" y="453"/>
                  </a:cubicBezTo>
                  <a:cubicBezTo>
                    <a:pt x="760" y="461"/>
                    <a:pt x="751" y="498"/>
                    <a:pt x="711" y="501"/>
                  </a:cubicBezTo>
                  <a:cubicBezTo>
                    <a:pt x="671" y="504"/>
                    <a:pt x="589" y="489"/>
                    <a:pt x="547" y="469"/>
                  </a:cubicBezTo>
                  <a:cubicBezTo>
                    <a:pt x="505" y="449"/>
                    <a:pt x="487" y="396"/>
                    <a:pt x="457" y="381"/>
                  </a:cubicBezTo>
                  <a:cubicBezTo>
                    <a:pt x="427" y="366"/>
                    <a:pt x="395" y="369"/>
                    <a:pt x="367" y="381"/>
                  </a:cubicBezTo>
                  <a:cubicBezTo>
                    <a:pt x="339" y="393"/>
                    <a:pt x="316" y="428"/>
                    <a:pt x="291" y="453"/>
                  </a:cubicBezTo>
                  <a:cubicBezTo>
                    <a:pt x="266" y="478"/>
                    <a:pt x="234" y="499"/>
                    <a:pt x="217" y="529"/>
                  </a:cubicBezTo>
                  <a:cubicBezTo>
                    <a:pt x="200" y="559"/>
                    <a:pt x="205" y="606"/>
                    <a:pt x="187" y="633"/>
                  </a:cubicBezTo>
                  <a:cubicBezTo>
                    <a:pt x="169" y="660"/>
                    <a:pt x="141" y="663"/>
                    <a:pt x="111" y="693"/>
                  </a:cubicBezTo>
                  <a:cubicBezTo>
                    <a:pt x="81" y="723"/>
                    <a:pt x="14" y="768"/>
                    <a:pt x="7" y="813"/>
                  </a:cubicBezTo>
                  <a:cubicBezTo>
                    <a:pt x="0" y="858"/>
                    <a:pt x="45" y="955"/>
                    <a:pt x="67" y="965"/>
                  </a:cubicBezTo>
                  <a:cubicBezTo>
                    <a:pt x="89" y="975"/>
                    <a:pt x="109" y="900"/>
                    <a:pt x="141" y="873"/>
                  </a:cubicBezTo>
                  <a:cubicBezTo>
                    <a:pt x="173" y="846"/>
                    <a:pt x="223" y="813"/>
                    <a:pt x="261" y="801"/>
                  </a:cubicBezTo>
                  <a:cubicBezTo>
                    <a:pt x="299" y="789"/>
                    <a:pt x="322" y="809"/>
                    <a:pt x="367" y="801"/>
                  </a:cubicBezTo>
                  <a:cubicBezTo>
                    <a:pt x="412" y="793"/>
                    <a:pt x="486" y="748"/>
                    <a:pt x="531" y="753"/>
                  </a:cubicBezTo>
                  <a:cubicBezTo>
                    <a:pt x="576" y="758"/>
                    <a:pt x="619" y="789"/>
                    <a:pt x="637" y="829"/>
                  </a:cubicBezTo>
                  <a:cubicBezTo>
                    <a:pt x="655" y="869"/>
                    <a:pt x="637" y="950"/>
                    <a:pt x="637" y="993"/>
                  </a:cubicBezTo>
                  <a:cubicBezTo>
                    <a:pt x="637" y="1036"/>
                    <a:pt x="610" y="1067"/>
                    <a:pt x="637" y="1085"/>
                  </a:cubicBezTo>
                  <a:cubicBezTo>
                    <a:pt x="664" y="1103"/>
                    <a:pt x="774" y="1076"/>
                    <a:pt x="801" y="1101"/>
                  </a:cubicBezTo>
                  <a:cubicBezTo>
                    <a:pt x="828" y="1126"/>
                    <a:pt x="796" y="1188"/>
                    <a:pt x="801" y="1233"/>
                  </a:cubicBezTo>
                  <a:cubicBezTo>
                    <a:pt x="806" y="1278"/>
                    <a:pt x="823" y="1329"/>
                    <a:pt x="831" y="1369"/>
                  </a:cubicBezTo>
                  <a:cubicBezTo>
                    <a:pt x="839" y="1409"/>
                    <a:pt x="852" y="1430"/>
                    <a:pt x="847" y="1473"/>
                  </a:cubicBezTo>
                  <a:cubicBezTo>
                    <a:pt x="842" y="1516"/>
                    <a:pt x="801" y="1582"/>
                    <a:pt x="801" y="1625"/>
                  </a:cubicBezTo>
                  <a:cubicBezTo>
                    <a:pt x="801" y="1668"/>
                    <a:pt x="852" y="1684"/>
                    <a:pt x="847" y="1729"/>
                  </a:cubicBezTo>
                  <a:cubicBezTo>
                    <a:pt x="842" y="1774"/>
                    <a:pt x="781" y="1838"/>
                    <a:pt x="771" y="1893"/>
                  </a:cubicBezTo>
                  <a:cubicBezTo>
                    <a:pt x="761" y="1948"/>
                    <a:pt x="779" y="2048"/>
                    <a:pt x="787" y="2061"/>
                  </a:cubicBezTo>
                  <a:cubicBezTo>
                    <a:pt x="795" y="2074"/>
                    <a:pt x="807" y="2019"/>
                    <a:pt x="817" y="1969"/>
                  </a:cubicBezTo>
                  <a:cubicBezTo>
                    <a:pt x="827" y="1919"/>
                    <a:pt x="830" y="1824"/>
                    <a:pt x="847" y="1761"/>
                  </a:cubicBezTo>
                  <a:cubicBezTo>
                    <a:pt x="864" y="1698"/>
                    <a:pt x="904" y="1661"/>
                    <a:pt x="921" y="1593"/>
                  </a:cubicBezTo>
                  <a:cubicBezTo>
                    <a:pt x="938" y="1525"/>
                    <a:pt x="946" y="1410"/>
                    <a:pt x="951" y="1353"/>
                  </a:cubicBezTo>
                  <a:cubicBezTo>
                    <a:pt x="956" y="1296"/>
                    <a:pt x="926" y="1231"/>
                    <a:pt x="951" y="1249"/>
                  </a:cubicBezTo>
                  <a:cubicBezTo>
                    <a:pt x="976" y="1267"/>
                    <a:pt x="1056" y="1416"/>
                    <a:pt x="1101" y="1461"/>
                  </a:cubicBezTo>
                  <a:cubicBezTo>
                    <a:pt x="1146" y="1506"/>
                    <a:pt x="1186" y="1494"/>
                    <a:pt x="1221" y="1521"/>
                  </a:cubicBezTo>
                  <a:cubicBezTo>
                    <a:pt x="1256" y="1548"/>
                    <a:pt x="1286" y="1593"/>
                    <a:pt x="1311" y="1625"/>
                  </a:cubicBezTo>
                  <a:cubicBezTo>
                    <a:pt x="1336" y="1657"/>
                    <a:pt x="1343" y="1688"/>
                    <a:pt x="1371" y="1713"/>
                  </a:cubicBezTo>
                  <a:cubicBezTo>
                    <a:pt x="1399" y="1738"/>
                    <a:pt x="1442" y="1758"/>
                    <a:pt x="1477" y="1773"/>
                  </a:cubicBezTo>
                  <a:cubicBezTo>
                    <a:pt x="1512" y="1788"/>
                    <a:pt x="1589" y="1827"/>
                    <a:pt x="1581" y="1805"/>
                  </a:cubicBezTo>
                  <a:cubicBezTo>
                    <a:pt x="1573" y="1783"/>
                    <a:pt x="1468" y="1688"/>
                    <a:pt x="1431" y="1641"/>
                  </a:cubicBezTo>
                  <a:cubicBezTo>
                    <a:pt x="1394" y="1594"/>
                    <a:pt x="1392" y="1564"/>
                    <a:pt x="1357" y="1521"/>
                  </a:cubicBezTo>
                  <a:cubicBezTo>
                    <a:pt x="1322" y="1478"/>
                    <a:pt x="1259" y="1430"/>
                    <a:pt x="1221" y="1385"/>
                  </a:cubicBezTo>
                  <a:cubicBezTo>
                    <a:pt x="1183" y="1340"/>
                    <a:pt x="1158" y="1294"/>
                    <a:pt x="1131" y="1249"/>
                  </a:cubicBezTo>
                  <a:cubicBezTo>
                    <a:pt x="1104" y="1204"/>
                    <a:pt x="1084" y="1163"/>
                    <a:pt x="1057" y="1113"/>
                  </a:cubicBezTo>
                  <a:cubicBezTo>
                    <a:pt x="1030" y="1063"/>
                    <a:pt x="990" y="991"/>
                    <a:pt x="967" y="949"/>
                  </a:cubicBezTo>
                  <a:cubicBezTo>
                    <a:pt x="944" y="907"/>
                    <a:pt x="936" y="894"/>
                    <a:pt x="921" y="861"/>
                  </a:cubicBezTo>
                  <a:cubicBezTo>
                    <a:pt x="906" y="828"/>
                    <a:pt x="867" y="803"/>
                    <a:pt x="877" y="753"/>
                  </a:cubicBezTo>
                  <a:cubicBezTo>
                    <a:pt x="887" y="703"/>
                    <a:pt x="944" y="593"/>
                    <a:pt x="981" y="561"/>
                  </a:cubicBezTo>
                  <a:cubicBezTo>
                    <a:pt x="1018" y="529"/>
                    <a:pt x="1076" y="584"/>
                    <a:pt x="1101" y="561"/>
                  </a:cubicBezTo>
                  <a:cubicBezTo>
                    <a:pt x="1126" y="538"/>
                    <a:pt x="1113" y="470"/>
                    <a:pt x="1131" y="425"/>
                  </a:cubicBezTo>
                  <a:cubicBezTo>
                    <a:pt x="1149" y="380"/>
                    <a:pt x="1172" y="322"/>
                    <a:pt x="1207" y="289"/>
                  </a:cubicBezTo>
                  <a:cubicBezTo>
                    <a:pt x="1242" y="256"/>
                    <a:pt x="1304" y="246"/>
                    <a:pt x="1341" y="229"/>
                  </a:cubicBezTo>
                  <a:cubicBezTo>
                    <a:pt x="1378" y="212"/>
                    <a:pt x="1421" y="215"/>
                    <a:pt x="1431" y="185"/>
                  </a:cubicBezTo>
                  <a:cubicBezTo>
                    <a:pt x="1441" y="155"/>
                    <a:pt x="1406" y="95"/>
                    <a:pt x="1371" y="65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793" name="Freeform 65"/>
            <xdr:cNvSpPr>
              <a:spLocks/>
            </xdr:cNvSpPr>
          </xdr:nvSpPr>
          <xdr:spPr bwMode="auto">
            <a:xfrm>
              <a:off x="132" y="741"/>
              <a:ext cx="57" cy="73"/>
            </a:xfrm>
            <a:custGeom>
              <a:avLst/>
              <a:gdLst>
                <a:gd name="T0" fmla="*/ 45 w 57"/>
                <a:gd name="T1" fmla="*/ 73 h 73"/>
                <a:gd name="T2" fmla="*/ 43 w 57"/>
                <a:gd name="T3" fmla="*/ 68 h 73"/>
                <a:gd name="T4" fmla="*/ 35 w 57"/>
                <a:gd name="T5" fmla="*/ 68 h 73"/>
                <a:gd name="T6" fmla="*/ 32 w 57"/>
                <a:gd name="T7" fmla="*/ 72 h 73"/>
                <a:gd name="T8" fmla="*/ 28 w 57"/>
                <a:gd name="T9" fmla="*/ 65 h 73"/>
                <a:gd name="T10" fmla="*/ 28 w 57"/>
                <a:gd name="T11" fmla="*/ 60 h 73"/>
                <a:gd name="T12" fmla="*/ 21 w 57"/>
                <a:gd name="T13" fmla="*/ 57 h 73"/>
                <a:gd name="T14" fmla="*/ 21 w 57"/>
                <a:gd name="T15" fmla="*/ 52 h 73"/>
                <a:gd name="T16" fmla="*/ 15 w 57"/>
                <a:gd name="T17" fmla="*/ 47 h 73"/>
                <a:gd name="T18" fmla="*/ 15 w 57"/>
                <a:gd name="T19" fmla="*/ 42 h 73"/>
                <a:gd name="T20" fmla="*/ 15 w 57"/>
                <a:gd name="T21" fmla="*/ 38 h 73"/>
                <a:gd name="T22" fmla="*/ 16 w 57"/>
                <a:gd name="T23" fmla="*/ 33 h 73"/>
                <a:gd name="T24" fmla="*/ 13 w 57"/>
                <a:gd name="T25" fmla="*/ 28 h 73"/>
                <a:gd name="T26" fmla="*/ 7 w 57"/>
                <a:gd name="T27" fmla="*/ 24 h 73"/>
                <a:gd name="T28" fmla="*/ 7 w 57"/>
                <a:gd name="T29" fmla="*/ 20 h 73"/>
                <a:gd name="T30" fmla="*/ 6 w 57"/>
                <a:gd name="T31" fmla="*/ 16 h 73"/>
                <a:gd name="T32" fmla="*/ 1 w 57"/>
                <a:gd name="T33" fmla="*/ 12 h 73"/>
                <a:gd name="T34" fmla="*/ 0 w 57"/>
                <a:gd name="T35" fmla="*/ 6 h 73"/>
                <a:gd name="T36" fmla="*/ 1 w 57"/>
                <a:gd name="T37" fmla="*/ 2 h 73"/>
                <a:gd name="T38" fmla="*/ 6 w 57"/>
                <a:gd name="T39" fmla="*/ 0 h 73"/>
                <a:gd name="T40" fmla="*/ 10 w 57"/>
                <a:gd name="T41" fmla="*/ 1 h 73"/>
                <a:gd name="T42" fmla="*/ 16 w 57"/>
                <a:gd name="T43" fmla="*/ 5 h 73"/>
                <a:gd name="T44" fmla="*/ 16 w 57"/>
                <a:gd name="T45" fmla="*/ 9 h 73"/>
                <a:gd name="T46" fmla="*/ 17 w 57"/>
                <a:gd name="T47" fmla="*/ 17 h 73"/>
                <a:gd name="T48" fmla="*/ 19 w 57"/>
                <a:gd name="T49" fmla="*/ 24 h 73"/>
                <a:gd name="T50" fmla="*/ 23 w 57"/>
                <a:gd name="T51" fmla="*/ 31 h 73"/>
                <a:gd name="T52" fmla="*/ 27 w 57"/>
                <a:gd name="T53" fmla="*/ 37 h 73"/>
                <a:gd name="T54" fmla="*/ 32 w 57"/>
                <a:gd name="T55" fmla="*/ 41 h 73"/>
                <a:gd name="T56" fmla="*/ 38 w 57"/>
                <a:gd name="T57" fmla="*/ 45 h 73"/>
                <a:gd name="T58" fmla="*/ 44 w 57"/>
                <a:gd name="T59" fmla="*/ 49 h 73"/>
                <a:gd name="T60" fmla="*/ 53 w 57"/>
                <a:gd name="T61" fmla="*/ 53 h 73"/>
                <a:gd name="T62" fmla="*/ 57 w 57"/>
                <a:gd name="T63" fmla="*/ 53 h 73"/>
                <a:gd name="T64" fmla="*/ 56 w 57"/>
                <a:gd name="T65" fmla="*/ 57 h 73"/>
                <a:gd name="T66" fmla="*/ 53 w 57"/>
                <a:gd name="T67" fmla="*/ 61 h 73"/>
                <a:gd name="T68" fmla="*/ 47 w 57"/>
                <a:gd name="T69" fmla="*/ 62 h 73"/>
                <a:gd name="T70" fmla="*/ 51 w 57"/>
                <a:gd name="T71" fmla="*/ 67 h 73"/>
                <a:gd name="T72" fmla="*/ 45 w 57"/>
                <a:gd name="T73" fmla="*/ 73 h 73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w 57"/>
                <a:gd name="T112" fmla="*/ 0 h 73"/>
                <a:gd name="T113" fmla="*/ 57 w 57"/>
                <a:gd name="T114" fmla="*/ 73 h 73"/>
              </a:gdLst>
              <a:ahLst/>
              <a:cxnLst>
                <a:cxn ang="T74">
                  <a:pos x="T0" y="T1"/>
                </a:cxn>
                <a:cxn ang="T75">
                  <a:pos x="T2" y="T3"/>
                </a:cxn>
                <a:cxn ang="T76">
                  <a:pos x="T4" y="T5"/>
                </a:cxn>
                <a:cxn ang="T77">
                  <a:pos x="T6" y="T7"/>
                </a:cxn>
                <a:cxn ang="T78">
                  <a:pos x="T8" y="T9"/>
                </a:cxn>
                <a:cxn ang="T79">
                  <a:pos x="T10" y="T11"/>
                </a:cxn>
                <a:cxn ang="T80">
                  <a:pos x="T12" y="T13"/>
                </a:cxn>
                <a:cxn ang="T81">
                  <a:pos x="T14" y="T15"/>
                </a:cxn>
                <a:cxn ang="T82">
                  <a:pos x="T16" y="T17"/>
                </a:cxn>
                <a:cxn ang="T83">
                  <a:pos x="T18" y="T19"/>
                </a:cxn>
                <a:cxn ang="T84">
                  <a:pos x="T20" y="T21"/>
                </a:cxn>
                <a:cxn ang="T85">
                  <a:pos x="T22" y="T23"/>
                </a:cxn>
                <a:cxn ang="T86">
                  <a:pos x="T24" y="T25"/>
                </a:cxn>
                <a:cxn ang="T87">
                  <a:pos x="T26" y="T27"/>
                </a:cxn>
                <a:cxn ang="T88">
                  <a:pos x="T28" y="T29"/>
                </a:cxn>
                <a:cxn ang="T89">
                  <a:pos x="T30" y="T31"/>
                </a:cxn>
                <a:cxn ang="T90">
                  <a:pos x="T32" y="T33"/>
                </a:cxn>
                <a:cxn ang="T91">
                  <a:pos x="T34" y="T35"/>
                </a:cxn>
                <a:cxn ang="T92">
                  <a:pos x="T36" y="T37"/>
                </a:cxn>
                <a:cxn ang="T93">
                  <a:pos x="T38" y="T39"/>
                </a:cxn>
                <a:cxn ang="T94">
                  <a:pos x="T40" y="T41"/>
                </a:cxn>
                <a:cxn ang="T95">
                  <a:pos x="T42" y="T43"/>
                </a:cxn>
                <a:cxn ang="T96">
                  <a:pos x="T44" y="T45"/>
                </a:cxn>
                <a:cxn ang="T97">
                  <a:pos x="T46" y="T47"/>
                </a:cxn>
                <a:cxn ang="T98">
                  <a:pos x="T48" y="T49"/>
                </a:cxn>
                <a:cxn ang="T99">
                  <a:pos x="T50" y="T51"/>
                </a:cxn>
                <a:cxn ang="T100">
                  <a:pos x="T52" y="T53"/>
                </a:cxn>
                <a:cxn ang="T101">
                  <a:pos x="T54" y="T55"/>
                </a:cxn>
                <a:cxn ang="T102">
                  <a:pos x="T56" y="T57"/>
                </a:cxn>
                <a:cxn ang="T103">
                  <a:pos x="T58" y="T59"/>
                </a:cxn>
                <a:cxn ang="T104">
                  <a:pos x="T60" y="T61"/>
                </a:cxn>
                <a:cxn ang="T105">
                  <a:pos x="T62" y="T63"/>
                </a:cxn>
                <a:cxn ang="T106">
                  <a:pos x="T64" y="T65"/>
                </a:cxn>
                <a:cxn ang="T107">
                  <a:pos x="T66" y="T67"/>
                </a:cxn>
                <a:cxn ang="T108">
                  <a:pos x="T68" y="T69"/>
                </a:cxn>
                <a:cxn ang="T109">
                  <a:pos x="T70" y="T71"/>
                </a:cxn>
                <a:cxn ang="T110">
                  <a:pos x="T72" y="T73"/>
                </a:cxn>
              </a:cxnLst>
              <a:rect l="T111" t="T112" r="T113" b="T114"/>
              <a:pathLst>
                <a:path w="57" h="73">
                  <a:moveTo>
                    <a:pt x="45" y="73"/>
                  </a:moveTo>
                  <a:cubicBezTo>
                    <a:pt x="44" y="73"/>
                    <a:pt x="45" y="69"/>
                    <a:pt x="43" y="68"/>
                  </a:cubicBezTo>
                  <a:cubicBezTo>
                    <a:pt x="41" y="67"/>
                    <a:pt x="37" y="67"/>
                    <a:pt x="35" y="68"/>
                  </a:cubicBezTo>
                  <a:cubicBezTo>
                    <a:pt x="33" y="69"/>
                    <a:pt x="33" y="72"/>
                    <a:pt x="32" y="72"/>
                  </a:cubicBezTo>
                  <a:cubicBezTo>
                    <a:pt x="31" y="72"/>
                    <a:pt x="29" y="67"/>
                    <a:pt x="28" y="65"/>
                  </a:cubicBezTo>
                  <a:cubicBezTo>
                    <a:pt x="27" y="63"/>
                    <a:pt x="29" y="61"/>
                    <a:pt x="28" y="60"/>
                  </a:cubicBezTo>
                  <a:cubicBezTo>
                    <a:pt x="27" y="59"/>
                    <a:pt x="22" y="58"/>
                    <a:pt x="21" y="57"/>
                  </a:cubicBezTo>
                  <a:cubicBezTo>
                    <a:pt x="20" y="56"/>
                    <a:pt x="22" y="54"/>
                    <a:pt x="21" y="52"/>
                  </a:cubicBezTo>
                  <a:cubicBezTo>
                    <a:pt x="20" y="50"/>
                    <a:pt x="16" y="49"/>
                    <a:pt x="15" y="47"/>
                  </a:cubicBezTo>
                  <a:cubicBezTo>
                    <a:pt x="14" y="45"/>
                    <a:pt x="15" y="43"/>
                    <a:pt x="15" y="42"/>
                  </a:cubicBezTo>
                  <a:cubicBezTo>
                    <a:pt x="15" y="41"/>
                    <a:pt x="15" y="39"/>
                    <a:pt x="15" y="38"/>
                  </a:cubicBezTo>
                  <a:cubicBezTo>
                    <a:pt x="15" y="37"/>
                    <a:pt x="16" y="35"/>
                    <a:pt x="16" y="33"/>
                  </a:cubicBezTo>
                  <a:cubicBezTo>
                    <a:pt x="16" y="31"/>
                    <a:pt x="14" y="29"/>
                    <a:pt x="13" y="28"/>
                  </a:cubicBezTo>
                  <a:cubicBezTo>
                    <a:pt x="12" y="27"/>
                    <a:pt x="8" y="25"/>
                    <a:pt x="7" y="24"/>
                  </a:cubicBezTo>
                  <a:cubicBezTo>
                    <a:pt x="6" y="23"/>
                    <a:pt x="7" y="21"/>
                    <a:pt x="7" y="20"/>
                  </a:cubicBezTo>
                  <a:cubicBezTo>
                    <a:pt x="7" y="19"/>
                    <a:pt x="7" y="17"/>
                    <a:pt x="6" y="16"/>
                  </a:cubicBezTo>
                  <a:cubicBezTo>
                    <a:pt x="5" y="15"/>
                    <a:pt x="2" y="14"/>
                    <a:pt x="1" y="12"/>
                  </a:cubicBezTo>
                  <a:cubicBezTo>
                    <a:pt x="0" y="10"/>
                    <a:pt x="0" y="8"/>
                    <a:pt x="0" y="6"/>
                  </a:cubicBezTo>
                  <a:cubicBezTo>
                    <a:pt x="0" y="4"/>
                    <a:pt x="0" y="3"/>
                    <a:pt x="1" y="2"/>
                  </a:cubicBezTo>
                  <a:cubicBezTo>
                    <a:pt x="2" y="1"/>
                    <a:pt x="5" y="0"/>
                    <a:pt x="6" y="0"/>
                  </a:cubicBezTo>
                  <a:cubicBezTo>
                    <a:pt x="7" y="0"/>
                    <a:pt x="8" y="0"/>
                    <a:pt x="10" y="1"/>
                  </a:cubicBezTo>
                  <a:cubicBezTo>
                    <a:pt x="12" y="2"/>
                    <a:pt x="15" y="4"/>
                    <a:pt x="16" y="5"/>
                  </a:cubicBezTo>
                  <a:cubicBezTo>
                    <a:pt x="17" y="6"/>
                    <a:pt x="16" y="7"/>
                    <a:pt x="16" y="9"/>
                  </a:cubicBezTo>
                  <a:cubicBezTo>
                    <a:pt x="16" y="11"/>
                    <a:pt x="17" y="15"/>
                    <a:pt x="17" y="17"/>
                  </a:cubicBezTo>
                  <a:cubicBezTo>
                    <a:pt x="17" y="19"/>
                    <a:pt x="18" y="22"/>
                    <a:pt x="19" y="24"/>
                  </a:cubicBezTo>
                  <a:cubicBezTo>
                    <a:pt x="20" y="26"/>
                    <a:pt x="22" y="29"/>
                    <a:pt x="23" y="31"/>
                  </a:cubicBezTo>
                  <a:cubicBezTo>
                    <a:pt x="24" y="33"/>
                    <a:pt x="26" y="35"/>
                    <a:pt x="27" y="37"/>
                  </a:cubicBezTo>
                  <a:cubicBezTo>
                    <a:pt x="28" y="39"/>
                    <a:pt x="30" y="40"/>
                    <a:pt x="32" y="41"/>
                  </a:cubicBezTo>
                  <a:cubicBezTo>
                    <a:pt x="34" y="42"/>
                    <a:pt x="36" y="44"/>
                    <a:pt x="38" y="45"/>
                  </a:cubicBezTo>
                  <a:cubicBezTo>
                    <a:pt x="40" y="46"/>
                    <a:pt x="42" y="48"/>
                    <a:pt x="44" y="49"/>
                  </a:cubicBezTo>
                  <a:cubicBezTo>
                    <a:pt x="46" y="50"/>
                    <a:pt x="51" y="52"/>
                    <a:pt x="53" y="53"/>
                  </a:cubicBezTo>
                  <a:cubicBezTo>
                    <a:pt x="55" y="54"/>
                    <a:pt x="57" y="52"/>
                    <a:pt x="57" y="53"/>
                  </a:cubicBezTo>
                  <a:cubicBezTo>
                    <a:pt x="57" y="54"/>
                    <a:pt x="57" y="56"/>
                    <a:pt x="56" y="57"/>
                  </a:cubicBezTo>
                  <a:cubicBezTo>
                    <a:pt x="55" y="58"/>
                    <a:pt x="54" y="60"/>
                    <a:pt x="53" y="61"/>
                  </a:cubicBezTo>
                  <a:cubicBezTo>
                    <a:pt x="52" y="62"/>
                    <a:pt x="47" y="61"/>
                    <a:pt x="47" y="62"/>
                  </a:cubicBezTo>
                  <a:cubicBezTo>
                    <a:pt x="47" y="63"/>
                    <a:pt x="51" y="66"/>
                    <a:pt x="51" y="67"/>
                  </a:cubicBezTo>
                  <a:cubicBezTo>
                    <a:pt x="51" y="68"/>
                    <a:pt x="46" y="73"/>
                    <a:pt x="45" y="73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</xdr:grpSp>
      <xdr:sp macro="" textlink="">
        <xdr:nvSpPr>
          <xdr:cNvPr id="149740" name="d14215"/>
          <xdr:cNvSpPr>
            <a:spLocks/>
          </xdr:cNvSpPr>
        </xdr:nvSpPr>
        <xdr:spPr bwMode="auto">
          <a:xfrm>
            <a:off x="5695950" y="12172950"/>
            <a:ext cx="771525" cy="1066800"/>
          </a:xfrm>
          <a:custGeom>
            <a:avLst/>
            <a:gdLst>
              <a:gd name="T0" fmla="*/ 2147483646 w 81"/>
              <a:gd name="T1" fmla="*/ 2147483646 h 112"/>
              <a:gd name="T2" fmla="*/ 2147483646 w 81"/>
              <a:gd name="T3" fmla="*/ 2147483646 h 112"/>
              <a:gd name="T4" fmla="*/ 2147483646 w 81"/>
              <a:gd name="T5" fmla="*/ 2147483646 h 112"/>
              <a:gd name="T6" fmla="*/ 2147483646 w 81"/>
              <a:gd name="T7" fmla="*/ 2147483646 h 112"/>
              <a:gd name="T8" fmla="*/ 2147483646 w 81"/>
              <a:gd name="T9" fmla="*/ 2147483646 h 112"/>
              <a:gd name="T10" fmla="*/ 2147483646 w 81"/>
              <a:gd name="T11" fmla="*/ 2147483646 h 112"/>
              <a:gd name="T12" fmla="*/ 2147483646 w 81"/>
              <a:gd name="T13" fmla="*/ 2147483646 h 112"/>
              <a:gd name="T14" fmla="*/ 2147483646 w 81"/>
              <a:gd name="T15" fmla="*/ 2147483646 h 112"/>
              <a:gd name="T16" fmla="*/ 2147483646 w 81"/>
              <a:gd name="T17" fmla="*/ 2147483646 h 112"/>
              <a:gd name="T18" fmla="*/ 2147483646 w 81"/>
              <a:gd name="T19" fmla="*/ 2147483646 h 112"/>
              <a:gd name="T20" fmla="*/ 2147483646 w 81"/>
              <a:gd name="T21" fmla="*/ 2147483646 h 112"/>
              <a:gd name="T22" fmla="*/ 2147483646 w 81"/>
              <a:gd name="T23" fmla="*/ 2147483646 h 112"/>
              <a:gd name="T24" fmla="*/ 2147483646 w 81"/>
              <a:gd name="T25" fmla="*/ 2147483646 h 112"/>
              <a:gd name="T26" fmla="*/ 0 w 81"/>
              <a:gd name="T27" fmla="*/ 2147483646 h 112"/>
              <a:gd name="T28" fmla="*/ 2147483646 w 81"/>
              <a:gd name="T29" fmla="*/ 2147483646 h 112"/>
              <a:gd name="T30" fmla="*/ 2147483646 w 81"/>
              <a:gd name="T31" fmla="*/ 2147483646 h 112"/>
              <a:gd name="T32" fmla="*/ 2147483646 w 81"/>
              <a:gd name="T33" fmla="*/ 2147483646 h 112"/>
              <a:gd name="T34" fmla="*/ 2147483646 w 81"/>
              <a:gd name="T35" fmla="*/ 2147483646 h 112"/>
              <a:gd name="T36" fmla="*/ 2147483646 w 81"/>
              <a:gd name="T37" fmla="*/ 2147483646 h 112"/>
              <a:gd name="T38" fmla="*/ 2147483646 w 81"/>
              <a:gd name="T39" fmla="*/ 2147483646 h 112"/>
              <a:gd name="T40" fmla="*/ 2147483646 w 81"/>
              <a:gd name="T41" fmla="*/ 2147483646 h 112"/>
              <a:gd name="T42" fmla="*/ 2147483646 w 81"/>
              <a:gd name="T43" fmla="*/ 2147483646 h 112"/>
              <a:gd name="T44" fmla="*/ 2147483646 w 81"/>
              <a:gd name="T45" fmla="*/ 2147483646 h 112"/>
              <a:gd name="T46" fmla="*/ 2147483646 w 81"/>
              <a:gd name="T47" fmla="*/ 2147483646 h 112"/>
              <a:gd name="T48" fmla="*/ 2147483646 w 81"/>
              <a:gd name="T49" fmla="*/ 2147483646 h 112"/>
              <a:gd name="T50" fmla="*/ 2147483646 w 81"/>
              <a:gd name="T51" fmla="*/ 2147483646 h 112"/>
              <a:gd name="T52" fmla="*/ 2147483646 w 81"/>
              <a:gd name="T53" fmla="*/ 2147483646 h 112"/>
              <a:gd name="T54" fmla="*/ 2147483646 w 81"/>
              <a:gd name="T55" fmla="*/ 2147483646 h 112"/>
              <a:gd name="T56" fmla="*/ 2147483646 w 81"/>
              <a:gd name="T57" fmla="*/ 2147483646 h 112"/>
              <a:gd name="T58" fmla="*/ 2147483646 w 81"/>
              <a:gd name="T59" fmla="*/ 2147483646 h 112"/>
              <a:gd name="T60" fmla="*/ 2147483646 w 81"/>
              <a:gd name="T61" fmla="*/ 2147483646 h 112"/>
              <a:gd name="T62" fmla="*/ 2147483646 w 81"/>
              <a:gd name="T63" fmla="*/ 2147483646 h 112"/>
              <a:gd name="T64" fmla="*/ 2147483646 w 81"/>
              <a:gd name="T65" fmla="*/ 2147483646 h 112"/>
              <a:gd name="T66" fmla="*/ 2147483646 w 81"/>
              <a:gd name="T67" fmla="*/ 2147483646 h 112"/>
              <a:gd name="T68" fmla="*/ 2147483646 w 81"/>
              <a:gd name="T69" fmla="*/ 2147483646 h 112"/>
              <a:gd name="T70" fmla="*/ 2147483646 w 81"/>
              <a:gd name="T71" fmla="*/ 2147483646 h 112"/>
              <a:gd name="T72" fmla="*/ 2147483646 w 81"/>
              <a:gd name="T73" fmla="*/ 2147483646 h 112"/>
              <a:gd name="T74" fmla="*/ 2147483646 w 81"/>
              <a:gd name="T75" fmla="*/ 2147483646 h 112"/>
              <a:gd name="T76" fmla="*/ 2147483646 w 81"/>
              <a:gd name="T77" fmla="*/ 2147483646 h 112"/>
              <a:gd name="T78" fmla="*/ 2147483646 w 81"/>
              <a:gd name="T79" fmla="*/ 2147483646 h 112"/>
              <a:gd name="T80" fmla="*/ 2147483646 w 81"/>
              <a:gd name="T81" fmla="*/ 0 h 112"/>
              <a:gd name="T82" fmla="*/ 2147483646 w 81"/>
              <a:gd name="T83" fmla="*/ 2147483646 h 112"/>
              <a:gd name="T84" fmla="*/ 2147483646 w 81"/>
              <a:gd name="T85" fmla="*/ 2147483646 h 112"/>
              <a:gd name="T86" fmla="*/ 2147483646 w 81"/>
              <a:gd name="T87" fmla="*/ 2147483646 h 112"/>
              <a:gd name="T88" fmla="*/ 2147483646 w 81"/>
              <a:gd name="T89" fmla="*/ 2147483646 h 112"/>
              <a:gd name="T90" fmla="*/ 2147483646 w 81"/>
              <a:gd name="T91" fmla="*/ 2147483646 h 112"/>
              <a:gd name="T92" fmla="*/ 2147483646 w 81"/>
              <a:gd name="T93" fmla="*/ 2147483646 h 112"/>
              <a:gd name="T94" fmla="*/ 2147483646 w 81"/>
              <a:gd name="T95" fmla="*/ 2147483646 h 112"/>
              <a:gd name="T96" fmla="*/ 2147483646 w 81"/>
              <a:gd name="T97" fmla="*/ 2147483646 h 112"/>
              <a:gd name="T98" fmla="*/ 2147483646 w 81"/>
              <a:gd name="T99" fmla="*/ 2147483646 h 112"/>
              <a:gd name="T100" fmla="*/ 2147483646 w 81"/>
              <a:gd name="T101" fmla="*/ 2147483646 h 112"/>
              <a:gd name="T102" fmla="*/ 2147483646 w 81"/>
              <a:gd name="T103" fmla="*/ 2147483646 h 112"/>
              <a:gd name="T104" fmla="*/ 2147483646 w 81"/>
              <a:gd name="T105" fmla="*/ 2147483646 h 112"/>
              <a:gd name="T106" fmla="*/ 2147483646 w 81"/>
              <a:gd name="T107" fmla="*/ 2147483646 h 112"/>
              <a:gd name="T108" fmla="*/ 2147483646 w 81"/>
              <a:gd name="T109" fmla="*/ 2147483646 h 112"/>
              <a:gd name="T110" fmla="*/ 2147483646 w 81"/>
              <a:gd name="T111" fmla="*/ 2147483646 h 112"/>
              <a:gd name="T112" fmla="*/ 2147483646 w 81"/>
              <a:gd name="T113" fmla="*/ 2147483646 h 112"/>
              <a:gd name="T114" fmla="*/ 2147483646 w 81"/>
              <a:gd name="T115" fmla="*/ 2147483646 h 112"/>
              <a:gd name="T116" fmla="*/ 2147483646 w 81"/>
              <a:gd name="T117" fmla="*/ 2147483646 h 112"/>
              <a:gd name="T118" fmla="*/ 2147483646 w 81"/>
              <a:gd name="T119" fmla="*/ 2147483646 h 112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81"/>
              <a:gd name="T181" fmla="*/ 0 h 112"/>
              <a:gd name="T182" fmla="*/ 81 w 81"/>
              <a:gd name="T183" fmla="*/ 112 h 112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81" h="112">
                <a:moveTo>
                  <a:pt x="45" y="101"/>
                </a:moveTo>
                <a:lnTo>
                  <a:pt x="43" y="108"/>
                </a:lnTo>
                <a:lnTo>
                  <a:pt x="40" y="109"/>
                </a:lnTo>
                <a:lnTo>
                  <a:pt x="37" y="111"/>
                </a:lnTo>
                <a:lnTo>
                  <a:pt x="34" y="110"/>
                </a:lnTo>
                <a:lnTo>
                  <a:pt x="31" y="110"/>
                </a:lnTo>
                <a:lnTo>
                  <a:pt x="25" y="111"/>
                </a:lnTo>
                <a:lnTo>
                  <a:pt x="20" y="112"/>
                </a:lnTo>
                <a:lnTo>
                  <a:pt x="16" y="110"/>
                </a:lnTo>
                <a:lnTo>
                  <a:pt x="7" y="111"/>
                </a:lnTo>
                <a:lnTo>
                  <a:pt x="4" y="111"/>
                </a:lnTo>
                <a:lnTo>
                  <a:pt x="2" y="111"/>
                </a:lnTo>
                <a:lnTo>
                  <a:pt x="1" y="106"/>
                </a:lnTo>
                <a:lnTo>
                  <a:pt x="0" y="100"/>
                </a:lnTo>
                <a:lnTo>
                  <a:pt x="1" y="92"/>
                </a:lnTo>
                <a:lnTo>
                  <a:pt x="2" y="87"/>
                </a:lnTo>
                <a:lnTo>
                  <a:pt x="3" y="81"/>
                </a:lnTo>
                <a:lnTo>
                  <a:pt x="5" y="73"/>
                </a:lnTo>
                <a:lnTo>
                  <a:pt x="7" y="65"/>
                </a:lnTo>
                <a:lnTo>
                  <a:pt x="6" y="57"/>
                </a:lnTo>
                <a:lnTo>
                  <a:pt x="4" y="53"/>
                </a:lnTo>
                <a:lnTo>
                  <a:pt x="3" y="49"/>
                </a:lnTo>
                <a:lnTo>
                  <a:pt x="2" y="43"/>
                </a:lnTo>
                <a:lnTo>
                  <a:pt x="4" y="38"/>
                </a:lnTo>
                <a:lnTo>
                  <a:pt x="8" y="32"/>
                </a:lnTo>
                <a:lnTo>
                  <a:pt x="13" y="24"/>
                </a:lnTo>
                <a:lnTo>
                  <a:pt x="14" y="16"/>
                </a:lnTo>
                <a:lnTo>
                  <a:pt x="14" y="11"/>
                </a:lnTo>
                <a:lnTo>
                  <a:pt x="22" y="10"/>
                </a:lnTo>
                <a:lnTo>
                  <a:pt x="27" y="9"/>
                </a:lnTo>
                <a:lnTo>
                  <a:pt x="30" y="9"/>
                </a:lnTo>
                <a:lnTo>
                  <a:pt x="34" y="5"/>
                </a:lnTo>
                <a:lnTo>
                  <a:pt x="41" y="6"/>
                </a:lnTo>
                <a:lnTo>
                  <a:pt x="46" y="7"/>
                </a:lnTo>
                <a:lnTo>
                  <a:pt x="51" y="8"/>
                </a:lnTo>
                <a:lnTo>
                  <a:pt x="53" y="11"/>
                </a:lnTo>
                <a:lnTo>
                  <a:pt x="57" y="12"/>
                </a:lnTo>
                <a:lnTo>
                  <a:pt x="60" y="11"/>
                </a:lnTo>
                <a:lnTo>
                  <a:pt x="62" y="12"/>
                </a:lnTo>
                <a:lnTo>
                  <a:pt x="71" y="4"/>
                </a:lnTo>
                <a:lnTo>
                  <a:pt x="77" y="0"/>
                </a:lnTo>
                <a:lnTo>
                  <a:pt x="80" y="5"/>
                </a:lnTo>
                <a:lnTo>
                  <a:pt x="81" y="10"/>
                </a:lnTo>
                <a:lnTo>
                  <a:pt x="81" y="15"/>
                </a:lnTo>
                <a:lnTo>
                  <a:pt x="63" y="16"/>
                </a:lnTo>
                <a:lnTo>
                  <a:pt x="61" y="15"/>
                </a:lnTo>
                <a:lnTo>
                  <a:pt x="59" y="15"/>
                </a:lnTo>
                <a:lnTo>
                  <a:pt x="59" y="16"/>
                </a:lnTo>
                <a:lnTo>
                  <a:pt x="50" y="29"/>
                </a:lnTo>
                <a:lnTo>
                  <a:pt x="48" y="30"/>
                </a:lnTo>
                <a:lnTo>
                  <a:pt x="44" y="39"/>
                </a:lnTo>
                <a:lnTo>
                  <a:pt x="40" y="41"/>
                </a:lnTo>
                <a:lnTo>
                  <a:pt x="40" y="43"/>
                </a:lnTo>
                <a:lnTo>
                  <a:pt x="44" y="46"/>
                </a:lnTo>
                <a:lnTo>
                  <a:pt x="45" y="52"/>
                </a:lnTo>
                <a:lnTo>
                  <a:pt x="48" y="63"/>
                </a:lnTo>
                <a:lnTo>
                  <a:pt x="48" y="69"/>
                </a:lnTo>
                <a:lnTo>
                  <a:pt x="46" y="79"/>
                </a:lnTo>
                <a:lnTo>
                  <a:pt x="45" y="87"/>
                </a:lnTo>
                <a:lnTo>
                  <a:pt x="45" y="101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741" name="d14216"/>
          <xdr:cNvSpPr>
            <a:spLocks/>
          </xdr:cNvSpPr>
        </xdr:nvSpPr>
        <xdr:spPr bwMode="auto">
          <a:xfrm>
            <a:off x="5753100" y="11658600"/>
            <a:ext cx="733425" cy="628650"/>
          </a:xfrm>
          <a:custGeom>
            <a:avLst/>
            <a:gdLst>
              <a:gd name="T0" fmla="*/ 2147483646 w 77"/>
              <a:gd name="T1" fmla="*/ 2147483646 h 66"/>
              <a:gd name="T2" fmla="*/ 2147483646 w 77"/>
              <a:gd name="T3" fmla="*/ 2147483646 h 66"/>
              <a:gd name="T4" fmla="*/ 2147483646 w 77"/>
              <a:gd name="T5" fmla="*/ 2147483646 h 66"/>
              <a:gd name="T6" fmla="*/ 2147483646 w 77"/>
              <a:gd name="T7" fmla="*/ 2147483646 h 66"/>
              <a:gd name="T8" fmla="*/ 2147483646 w 77"/>
              <a:gd name="T9" fmla="*/ 0 h 66"/>
              <a:gd name="T10" fmla="*/ 2147483646 w 77"/>
              <a:gd name="T11" fmla="*/ 2147483646 h 66"/>
              <a:gd name="T12" fmla="*/ 2147483646 w 77"/>
              <a:gd name="T13" fmla="*/ 2147483646 h 66"/>
              <a:gd name="T14" fmla="*/ 2147483646 w 77"/>
              <a:gd name="T15" fmla="*/ 2147483646 h 66"/>
              <a:gd name="T16" fmla="*/ 2147483646 w 77"/>
              <a:gd name="T17" fmla="*/ 2147483646 h 66"/>
              <a:gd name="T18" fmla="*/ 2147483646 w 77"/>
              <a:gd name="T19" fmla="*/ 2147483646 h 66"/>
              <a:gd name="T20" fmla="*/ 2147483646 w 77"/>
              <a:gd name="T21" fmla="*/ 2147483646 h 66"/>
              <a:gd name="T22" fmla="*/ 2147483646 w 77"/>
              <a:gd name="T23" fmla="*/ 2147483646 h 66"/>
              <a:gd name="T24" fmla="*/ 2147483646 w 77"/>
              <a:gd name="T25" fmla="*/ 2147483646 h 66"/>
              <a:gd name="T26" fmla="*/ 2147483646 w 77"/>
              <a:gd name="T27" fmla="*/ 2147483646 h 66"/>
              <a:gd name="T28" fmla="*/ 2147483646 w 77"/>
              <a:gd name="T29" fmla="*/ 2147483646 h 66"/>
              <a:gd name="T30" fmla="*/ 2147483646 w 77"/>
              <a:gd name="T31" fmla="*/ 2147483646 h 66"/>
              <a:gd name="T32" fmla="*/ 0 w 77"/>
              <a:gd name="T33" fmla="*/ 2147483646 h 66"/>
              <a:gd name="T34" fmla="*/ 2147483646 w 77"/>
              <a:gd name="T35" fmla="*/ 2147483646 h 66"/>
              <a:gd name="T36" fmla="*/ 2147483646 w 77"/>
              <a:gd name="T37" fmla="*/ 2147483646 h 66"/>
              <a:gd name="T38" fmla="*/ 2147483646 w 77"/>
              <a:gd name="T39" fmla="*/ 2147483646 h 66"/>
              <a:gd name="T40" fmla="*/ 2147483646 w 77"/>
              <a:gd name="T41" fmla="*/ 2147483646 h 66"/>
              <a:gd name="T42" fmla="*/ 2147483646 w 77"/>
              <a:gd name="T43" fmla="*/ 2147483646 h 66"/>
              <a:gd name="T44" fmla="*/ 2147483646 w 77"/>
              <a:gd name="T45" fmla="*/ 2147483646 h 66"/>
              <a:gd name="T46" fmla="*/ 2147483646 w 77"/>
              <a:gd name="T47" fmla="*/ 2147483646 h 66"/>
              <a:gd name="T48" fmla="*/ 2147483646 w 77"/>
              <a:gd name="T49" fmla="*/ 2147483646 h 66"/>
              <a:gd name="T50" fmla="*/ 2147483646 w 77"/>
              <a:gd name="T51" fmla="*/ 2147483646 h 66"/>
              <a:gd name="T52" fmla="*/ 2147483646 w 77"/>
              <a:gd name="T53" fmla="*/ 2147483646 h 66"/>
              <a:gd name="T54" fmla="*/ 2147483646 w 77"/>
              <a:gd name="T55" fmla="*/ 2147483646 h 66"/>
              <a:gd name="T56" fmla="*/ 2147483646 w 77"/>
              <a:gd name="T57" fmla="*/ 2147483646 h 66"/>
              <a:gd name="T58" fmla="*/ 2147483646 w 77"/>
              <a:gd name="T59" fmla="*/ 2147483646 h 66"/>
              <a:gd name="T60" fmla="*/ 2147483646 w 77"/>
              <a:gd name="T61" fmla="*/ 2147483646 h 66"/>
              <a:gd name="T62" fmla="*/ 2147483646 w 77"/>
              <a:gd name="T63" fmla="*/ 2147483646 h 66"/>
              <a:gd name="T64" fmla="*/ 2147483646 w 77"/>
              <a:gd name="T65" fmla="*/ 2147483646 h 66"/>
              <a:gd name="T66" fmla="*/ 2147483646 w 77"/>
              <a:gd name="T67" fmla="*/ 2147483646 h 66"/>
              <a:gd name="T68" fmla="*/ 2147483646 w 77"/>
              <a:gd name="T69" fmla="*/ 2147483646 h 66"/>
              <a:gd name="T70" fmla="*/ 2147483646 w 77"/>
              <a:gd name="T71" fmla="*/ 2147483646 h 66"/>
              <a:gd name="T72" fmla="*/ 2147483646 w 77"/>
              <a:gd name="T73" fmla="*/ 2147483646 h 66"/>
              <a:gd name="T74" fmla="*/ 2147483646 w 77"/>
              <a:gd name="T75" fmla="*/ 2147483646 h 66"/>
              <a:gd name="T76" fmla="*/ 2147483646 w 77"/>
              <a:gd name="T77" fmla="*/ 2147483646 h 66"/>
              <a:gd name="T78" fmla="*/ 2147483646 w 77"/>
              <a:gd name="T79" fmla="*/ 2147483646 h 66"/>
              <a:gd name="T80" fmla="*/ 2147483646 w 77"/>
              <a:gd name="T81" fmla="*/ 2147483646 h 66"/>
              <a:gd name="T82" fmla="*/ 2147483646 w 77"/>
              <a:gd name="T83" fmla="*/ 2147483646 h 6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w 77"/>
              <a:gd name="T127" fmla="*/ 0 h 66"/>
              <a:gd name="T128" fmla="*/ 77 w 77"/>
              <a:gd name="T129" fmla="*/ 66 h 66"/>
            </a:gdLst>
            <a:ahLst/>
            <a:cxnLst>
              <a:cxn ang="T84">
                <a:pos x="T0" y="T1"/>
              </a:cxn>
              <a:cxn ang="T85">
                <a:pos x="T2" y="T3"/>
              </a:cxn>
              <a:cxn ang="T86">
                <a:pos x="T4" y="T5"/>
              </a:cxn>
              <a:cxn ang="T87">
                <a:pos x="T6" y="T7"/>
              </a:cxn>
              <a:cxn ang="T88">
                <a:pos x="T8" y="T9"/>
              </a:cxn>
              <a:cxn ang="T89">
                <a:pos x="T10" y="T11"/>
              </a:cxn>
              <a:cxn ang="T90">
                <a:pos x="T12" y="T13"/>
              </a:cxn>
              <a:cxn ang="T91">
                <a:pos x="T14" y="T15"/>
              </a:cxn>
              <a:cxn ang="T92">
                <a:pos x="T16" y="T17"/>
              </a:cxn>
              <a:cxn ang="T93">
                <a:pos x="T18" y="T19"/>
              </a:cxn>
              <a:cxn ang="T94">
                <a:pos x="T20" y="T21"/>
              </a:cxn>
              <a:cxn ang="T95">
                <a:pos x="T22" y="T23"/>
              </a:cxn>
              <a:cxn ang="T96">
                <a:pos x="T24" y="T25"/>
              </a:cxn>
              <a:cxn ang="T97">
                <a:pos x="T26" y="T27"/>
              </a:cxn>
              <a:cxn ang="T98">
                <a:pos x="T28" y="T29"/>
              </a:cxn>
              <a:cxn ang="T99">
                <a:pos x="T30" y="T31"/>
              </a:cxn>
              <a:cxn ang="T100">
                <a:pos x="T32" y="T33"/>
              </a:cxn>
              <a:cxn ang="T101">
                <a:pos x="T34" y="T35"/>
              </a:cxn>
              <a:cxn ang="T102">
                <a:pos x="T36" y="T37"/>
              </a:cxn>
              <a:cxn ang="T103">
                <a:pos x="T38" y="T39"/>
              </a:cxn>
              <a:cxn ang="T104">
                <a:pos x="T40" y="T41"/>
              </a:cxn>
              <a:cxn ang="T105">
                <a:pos x="T42" y="T43"/>
              </a:cxn>
              <a:cxn ang="T106">
                <a:pos x="T44" y="T45"/>
              </a:cxn>
              <a:cxn ang="T107">
                <a:pos x="T46" y="T47"/>
              </a:cxn>
              <a:cxn ang="T108">
                <a:pos x="T48" y="T49"/>
              </a:cxn>
              <a:cxn ang="T109">
                <a:pos x="T50" y="T51"/>
              </a:cxn>
              <a:cxn ang="T110">
                <a:pos x="T52" y="T53"/>
              </a:cxn>
              <a:cxn ang="T111">
                <a:pos x="T54" y="T55"/>
              </a:cxn>
              <a:cxn ang="T112">
                <a:pos x="T56" y="T57"/>
              </a:cxn>
              <a:cxn ang="T113">
                <a:pos x="T58" y="T59"/>
              </a:cxn>
              <a:cxn ang="T114">
                <a:pos x="T60" y="T61"/>
              </a:cxn>
              <a:cxn ang="T115">
                <a:pos x="T62" y="T63"/>
              </a:cxn>
              <a:cxn ang="T116">
                <a:pos x="T64" y="T65"/>
              </a:cxn>
              <a:cxn ang="T117">
                <a:pos x="T66" y="T67"/>
              </a:cxn>
              <a:cxn ang="T118">
                <a:pos x="T68" y="T69"/>
              </a:cxn>
              <a:cxn ang="T119">
                <a:pos x="T70" y="T71"/>
              </a:cxn>
              <a:cxn ang="T120">
                <a:pos x="T72" y="T73"/>
              </a:cxn>
              <a:cxn ang="T121">
                <a:pos x="T74" y="T75"/>
              </a:cxn>
              <a:cxn ang="T122">
                <a:pos x="T76" y="T77"/>
              </a:cxn>
              <a:cxn ang="T123">
                <a:pos x="T78" y="T79"/>
              </a:cxn>
              <a:cxn ang="T124">
                <a:pos x="T80" y="T81"/>
              </a:cxn>
              <a:cxn ang="T125">
                <a:pos x="T82" y="T83"/>
              </a:cxn>
            </a:cxnLst>
            <a:rect l="T126" t="T127" r="T128" b="T129"/>
            <a:pathLst>
              <a:path w="77" h="66">
                <a:moveTo>
                  <a:pt x="66" y="11"/>
                </a:moveTo>
                <a:lnTo>
                  <a:pt x="65" y="9"/>
                </a:lnTo>
                <a:lnTo>
                  <a:pt x="65" y="5"/>
                </a:lnTo>
                <a:lnTo>
                  <a:pt x="61" y="2"/>
                </a:lnTo>
                <a:lnTo>
                  <a:pt x="56" y="0"/>
                </a:lnTo>
                <a:lnTo>
                  <a:pt x="52" y="4"/>
                </a:lnTo>
                <a:lnTo>
                  <a:pt x="46" y="10"/>
                </a:lnTo>
                <a:lnTo>
                  <a:pt x="41" y="17"/>
                </a:lnTo>
                <a:lnTo>
                  <a:pt x="37" y="23"/>
                </a:lnTo>
                <a:lnTo>
                  <a:pt x="30" y="24"/>
                </a:lnTo>
                <a:lnTo>
                  <a:pt x="24" y="25"/>
                </a:lnTo>
                <a:lnTo>
                  <a:pt x="21" y="30"/>
                </a:lnTo>
                <a:lnTo>
                  <a:pt x="16" y="34"/>
                </a:lnTo>
                <a:lnTo>
                  <a:pt x="9" y="33"/>
                </a:lnTo>
                <a:lnTo>
                  <a:pt x="3" y="32"/>
                </a:lnTo>
                <a:lnTo>
                  <a:pt x="1" y="32"/>
                </a:lnTo>
                <a:lnTo>
                  <a:pt x="0" y="38"/>
                </a:lnTo>
                <a:lnTo>
                  <a:pt x="1" y="42"/>
                </a:lnTo>
                <a:lnTo>
                  <a:pt x="1" y="46"/>
                </a:lnTo>
                <a:lnTo>
                  <a:pt x="3" y="50"/>
                </a:lnTo>
                <a:lnTo>
                  <a:pt x="6" y="55"/>
                </a:lnTo>
                <a:lnTo>
                  <a:pt x="7" y="62"/>
                </a:lnTo>
                <a:lnTo>
                  <a:pt x="8" y="65"/>
                </a:lnTo>
                <a:lnTo>
                  <a:pt x="16" y="64"/>
                </a:lnTo>
                <a:lnTo>
                  <a:pt x="21" y="63"/>
                </a:lnTo>
                <a:lnTo>
                  <a:pt x="24" y="63"/>
                </a:lnTo>
                <a:lnTo>
                  <a:pt x="28" y="59"/>
                </a:lnTo>
                <a:lnTo>
                  <a:pt x="35" y="60"/>
                </a:lnTo>
                <a:lnTo>
                  <a:pt x="40" y="61"/>
                </a:lnTo>
                <a:lnTo>
                  <a:pt x="45" y="62"/>
                </a:lnTo>
                <a:lnTo>
                  <a:pt x="47" y="65"/>
                </a:lnTo>
                <a:lnTo>
                  <a:pt x="51" y="66"/>
                </a:lnTo>
                <a:lnTo>
                  <a:pt x="54" y="65"/>
                </a:lnTo>
                <a:lnTo>
                  <a:pt x="56" y="66"/>
                </a:lnTo>
                <a:lnTo>
                  <a:pt x="65" y="58"/>
                </a:lnTo>
                <a:lnTo>
                  <a:pt x="71" y="54"/>
                </a:lnTo>
                <a:lnTo>
                  <a:pt x="73" y="53"/>
                </a:lnTo>
                <a:lnTo>
                  <a:pt x="77" y="49"/>
                </a:lnTo>
                <a:lnTo>
                  <a:pt x="75" y="42"/>
                </a:lnTo>
                <a:lnTo>
                  <a:pt x="69" y="24"/>
                </a:lnTo>
                <a:lnTo>
                  <a:pt x="67" y="16"/>
                </a:lnTo>
                <a:lnTo>
                  <a:pt x="66" y="1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42" name="d14215"/>
          <xdr:cNvSpPr>
            <a:spLocks/>
          </xdr:cNvSpPr>
        </xdr:nvSpPr>
        <xdr:spPr bwMode="auto">
          <a:xfrm>
            <a:off x="5695950" y="12172950"/>
            <a:ext cx="771525" cy="1066800"/>
          </a:xfrm>
          <a:custGeom>
            <a:avLst/>
            <a:gdLst>
              <a:gd name="T0" fmla="*/ 2147483646 w 81"/>
              <a:gd name="T1" fmla="*/ 2147483646 h 112"/>
              <a:gd name="T2" fmla="*/ 2147483646 w 81"/>
              <a:gd name="T3" fmla="*/ 2147483646 h 112"/>
              <a:gd name="T4" fmla="*/ 2147483646 w 81"/>
              <a:gd name="T5" fmla="*/ 2147483646 h 112"/>
              <a:gd name="T6" fmla="*/ 2147483646 w 81"/>
              <a:gd name="T7" fmla="*/ 2147483646 h 112"/>
              <a:gd name="T8" fmla="*/ 2147483646 w 81"/>
              <a:gd name="T9" fmla="*/ 2147483646 h 112"/>
              <a:gd name="T10" fmla="*/ 2147483646 w 81"/>
              <a:gd name="T11" fmla="*/ 2147483646 h 112"/>
              <a:gd name="T12" fmla="*/ 2147483646 w 81"/>
              <a:gd name="T13" fmla="*/ 2147483646 h 112"/>
              <a:gd name="T14" fmla="*/ 2147483646 w 81"/>
              <a:gd name="T15" fmla="*/ 2147483646 h 112"/>
              <a:gd name="T16" fmla="*/ 2147483646 w 81"/>
              <a:gd name="T17" fmla="*/ 2147483646 h 112"/>
              <a:gd name="T18" fmla="*/ 2147483646 w 81"/>
              <a:gd name="T19" fmla="*/ 2147483646 h 112"/>
              <a:gd name="T20" fmla="*/ 2147483646 w 81"/>
              <a:gd name="T21" fmla="*/ 2147483646 h 112"/>
              <a:gd name="T22" fmla="*/ 2147483646 w 81"/>
              <a:gd name="T23" fmla="*/ 2147483646 h 112"/>
              <a:gd name="T24" fmla="*/ 2147483646 w 81"/>
              <a:gd name="T25" fmla="*/ 2147483646 h 112"/>
              <a:gd name="T26" fmla="*/ 0 w 81"/>
              <a:gd name="T27" fmla="*/ 2147483646 h 112"/>
              <a:gd name="T28" fmla="*/ 2147483646 w 81"/>
              <a:gd name="T29" fmla="*/ 2147483646 h 112"/>
              <a:gd name="T30" fmla="*/ 2147483646 w 81"/>
              <a:gd name="T31" fmla="*/ 2147483646 h 112"/>
              <a:gd name="T32" fmla="*/ 2147483646 w 81"/>
              <a:gd name="T33" fmla="*/ 2147483646 h 112"/>
              <a:gd name="T34" fmla="*/ 2147483646 w 81"/>
              <a:gd name="T35" fmla="*/ 2147483646 h 112"/>
              <a:gd name="T36" fmla="*/ 2147483646 w 81"/>
              <a:gd name="T37" fmla="*/ 2147483646 h 112"/>
              <a:gd name="T38" fmla="*/ 2147483646 w 81"/>
              <a:gd name="T39" fmla="*/ 2147483646 h 112"/>
              <a:gd name="T40" fmla="*/ 2147483646 w 81"/>
              <a:gd name="T41" fmla="*/ 2147483646 h 112"/>
              <a:gd name="T42" fmla="*/ 2147483646 w 81"/>
              <a:gd name="T43" fmla="*/ 2147483646 h 112"/>
              <a:gd name="T44" fmla="*/ 2147483646 w 81"/>
              <a:gd name="T45" fmla="*/ 2147483646 h 112"/>
              <a:gd name="T46" fmla="*/ 2147483646 w 81"/>
              <a:gd name="T47" fmla="*/ 2147483646 h 112"/>
              <a:gd name="T48" fmla="*/ 2147483646 w 81"/>
              <a:gd name="T49" fmla="*/ 2147483646 h 112"/>
              <a:gd name="T50" fmla="*/ 2147483646 w 81"/>
              <a:gd name="T51" fmla="*/ 2147483646 h 112"/>
              <a:gd name="T52" fmla="*/ 2147483646 w 81"/>
              <a:gd name="T53" fmla="*/ 2147483646 h 112"/>
              <a:gd name="T54" fmla="*/ 2147483646 w 81"/>
              <a:gd name="T55" fmla="*/ 2147483646 h 112"/>
              <a:gd name="T56" fmla="*/ 2147483646 w 81"/>
              <a:gd name="T57" fmla="*/ 2147483646 h 112"/>
              <a:gd name="T58" fmla="*/ 2147483646 w 81"/>
              <a:gd name="T59" fmla="*/ 2147483646 h 112"/>
              <a:gd name="T60" fmla="*/ 2147483646 w 81"/>
              <a:gd name="T61" fmla="*/ 2147483646 h 112"/>
              <a:gd name="T62" fmla="*/ 2147483646 w 81"/>
              <a:gd name="T63" fmla="*/ 2147483646 h 112"/>
              <a:gd name="T64" fmla="*/ 2147483646 w 81"/>
              <a:gd name="T65" fmla="*/ 2147483646 h 112"/>
              <a:gd name="T66" fmla="*/ 2147483646 w 81"/>
              <a:gd name="T67" fmla="*/ 2147483646 h 112"/>
              <a:gd name="T68" fmla="*/ 2147483646 w 81"/>
              <a:gd name="T69" fmla="*/ 2147483646 h 112"/>
              <a:gd name="T70" fmla="*/ 2147483646 w 81"/>
              <a:gd name="T71" fmla="*/ 2147483646 h 112"/>
              <a:gd name="T72" fmla="*/ 2147483646 w 81"/>
              <a:gd name="T73" fmla="*/ 2147483646 h 112"/>
              <a:gd name="T74" fmla="*/ 2147483646 w 81"/>
              <a:gd name="T75" fmla="*/ 2147483646 h 112"/>
              <a:gd name="T76" fmla="*/ 2147483646 w 81"/>
              <a:gd name="T77" fmla="*/ 2147483646 h 112"/>
              <a:gd name="T78" fmla="*/ 2147483646 w 81"/>
              <a:gd name="T79" fmla="*/ 2147483646 h 112"/>
              <a:gd name="T80" fmla="*/ 2147483646 w 81"/>
              <a:gd name="T81" fmla="*/ 0 h 112"/>
              <a:gd name="T82" fmla="*/ 2147483646 w 81"/>
              <a:gd name="T83" fmla="*/ 2147483646 h 112"/>
              <a:gd name="T84" fmla="*/ 2147483646 w 81"/>
              <a:gd name="T85" fmla="*/ 2147483646 h 112"/>
              <a:gd name="T86" fmla="*/ 2147483646 w 81"/>
              <a:gd name="T87" fmla="*/ 2147483646 h 112"/>
              <a:gd name="T88" fmla="*/ 2147483646 w 81"/>
              <a:gd name="T89" fmla="*/ 2147483646 h 112"/>
              <a:gd name="T90" fmla="*/ 2147483646 w 81"/>
              <a:gd name="T91" fmla="*/ 2147483646 h 112"/>
              <a:gd name="T92" fmla="*/ 2147483646 w 81"/>
              <a:gd name="T93" fmla="*/ 2147483646 h 112"/>
              <a:gd name="T94" fmla="*/ 2147483646 w 81"/>
              <a:gd name="T95" fmla="*/ 2147483646 h 112"/>
              <a:gd name="T96" fmla="*/ 2147483646 w 81"/>
              <a:gd name="T97" fmla="*/ 2147483646 h 112"/>
              <a:gd name="T98" fmla="*/ 2147483646 w 81"/>
              <a:gd name="T99" fmla="*/ 2147483646 h 112"/>
              <a:gd name="T100" fmla="*/ 2147483646 w 81"/>
              <a:gd name="T101" fmla="*/ 2147483646 h 112"/>
              <a:gd name="T102" fmla="*/ 2147483646 w 81"/>
              <a:gd name="T103" fmla="*/ 2147483646 h 112"/>
              <a:gd name="T104" fmla="*/ 2147483646 w 81"/>
              <a:gd name="T105" fmla="*/ 2147483646 h 112"/>
              <a:gd name="T106" fmla="*/ 2147483646 w 81"/>
              <a:gd name="T107" fmla="*/ 2147483646 h 112"/>
              <a:gd name="T108" fmla="*/ 2147483646 w 81"/>
              <a:gd name="T109" fmla="*/ 2147483646 h 112"/>
              <a:gd name="T110" fmla="*/ 2147483646 w 81"/>
              <a:gd name="T111" fmla="*/ 2147483646 h 112"/>
              <a:gd name="T112" fmla="*/ 2147483646 w 81"/>
              <a:gd name="T113" fmla="*/ 2147483646 h 112"/>
              <a:gd name="T114" fmla="*/ 2147483646 w 81"/>
              <a:gd name="T115" fmla="*/ 2147483646 h 112"/>
              <a:gd name="T116" fmla="*/ 2147483646 w 81"/>
              <a:gd name="T117" fmla="*/ 2147483646 h 112"/>
              <a:gd name="T118" fmla="*/ 2147483646 w 81"/>
              <a:gd name="T119" fmla="*/ 2147483646 h 112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81"/>
              <a:gd name="T181" fmla="*/ 0 h 112"/>
              <a:gd name="T182" fmla="*/ 81 w 81"/>
              <a:gd name="T183" fmla="*/ 112 h 112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81" h="112">
                <a:moveTo>
                  <a:pt x="45" y="101"/>
                </a:moveTo>
                <a:lnTo>
                  <a:pt x="43" y="108"/>
                </a:lnTo>
                <a:lnTo>
                  <a:pt x="40" y="109"/>
                </a:lnTo>
                <a:lnTo>
                  <a:pt x="37" y="111"/>
                </a:lnTo>
                <a:lnTo>
                  <a:pt x="34" y="110"/>
                </a:lnTo>
                <a:lnTo>
                  <a:pt x="31" y="110"/>
                </a:lnTo>
                <a:lnTo>
                  <a:pt x="25" y="111"/>
                </a:lnTo>
                <a:lnTo>
                  <a:pt x="20" y="112"/>
                </a:lnTo>
                <a:lnTo>
                  <a:pt x="15" y="110"/>
                </a:lnTo>
                <a:lnTo>
                  <a:pt x="8" y="111"/>
                </a:lnTo>
                <a:lnTo>
                  <a:pt x="4" y="111"/>
                </a:lnTo>
                <a:lnTo>
                  <a:pt x="2" y="111"/>
                </a:lnTo>
                <a:lnTo>
                  <a:pt x="1" y="106"/>
                </a:lnTo>
                <a:lnTo>
                  <a:pt x="0" y="100"/>
                </a:lnTo>
                <a:lnTo>
                  <a:pt x="1" y="92"/>
                </a:lnTo>
                <a:lnTo>
                  <a:pt x="2" y="87"/>
                </a:lnTo>
                <a:lnTo>
                  <a:pt x="3" y="81"/>
                </a:lnTo>
                <a:lnTo>
                  <a:pt x="5" y="73"/>
                </a:lnTo>
                <a:lnTo>
                  <a:pt x="7" y="65"/>
                </a:lnTo>
                <a:lnTo>
                  <a:pt x="6" y="57"/>
                </a:lnTo>
                <a:lnTo>
                  <a:pt x="4" y="53"/>
                </a:lnTo>
                <a:lnTo>
                  <a:pt x="3" y="49"/>
                </a:lnTo>
                <a:lnTo>
                  <a:pt x="2" y="43"/>
                </a:lnTo>
                <a:lnTo>
                  <a:pt x="4" y="38"/>
                </a:lnTo>
                <a:lnTo>
                  <a:pt x="8" y="32"/>
                </a:lnTo>
                <a:lnTo>
                  <a:pt x="13" y="24"/>
                </a:lnTo>
                <a:lnTo>
                  <a:pt x="14" y="16"/>
                </a:lnTo>
                <a:lnTo>
                  <a:pt x="14" y="11"/>
                </a:lnTo>
                <a:lnTo>
                  <a:pt x="22" y="10"/>
                </a:lnTo>
                <a:lnTo>
                  <a:pt x="27" y="9"/>
                </a:lnTo>
                <a:lnTo>
                  <a:pt x="30" y="9"/>
                </a:lnTo>
                <a:lnTo>
                  <a:pt x="34" y="5"/>
                </a:lnTo>
                <a:lnTo>
                  <a:pt x="41" y="6"/>
                </a:lnTo>
                <a:lnTo>
                  <a:pt x="46" y="7"/>
                </a:lnTo>
                <a:lnTo>
                  <a:pt x="51" y="8"/>
                </a:lnTo>
                <a:lnTo>
                  <a:pt x="53" y="11"/>
                </a:lnTo>
                <a:lnTo>
                  <a:pt x="57" y="12"/>
                </a:lnTo>
                <a:lnTo>
                  <a:pt x="60" y="11"/>
                </a:lnTo>
                <a:lnTo>
                  <a:pt x="62" y="12"/>
                </a:lnTo>
                <a:lnTo>
                  <a:pt x="71" y="4"/>
                </a:lnTo>
                <a:lnTo>
                  <a:pt x="78" y="0"/>
                </a:lnTo>
                <a:lnTo>
                  <a:pt x="80" y="5"/>
                </a:lnTo>
                <a:lnTo>
                  <a:pt x="81" y="10"/>
                </a:lnTo>
                <a:lnTo>
                  <a:pt x="81" y="15"/>
                </a:lnTo>
                <a:lnTo>
                  <a:pt x="63" y="16"/>
                </a:lnTo>
                <a:lnTo>
                  <a:pt x="61" y="15"/>
                </a:lnTo>
                <a:lnTo>
                  <a:pt x="59" y="15"/>
                </a:lnTo>
                <a:lnTo>
                  <a:pt x="59" y="16"/>
                </a:lnTo>
                <a:lnTo>
                  <a:pt x="50" y="29"/>
                </a:lnTo>
                <a:lnTo>
                  <a:pt x="48" y="30"/>
                </a:lnTo>
                <a:lnTo>
                  <a:pt x="44" y="39"/>
                </a:lnTo>
                <a:lnTo>
                  <a:pt x="40" y="41"/>
                </a:lnTo>
                <a:lnTo>
                  <a:pt x="40" y="43"/>
                </a:lnTo>
                <a:lnTo>
                  <a:pt x="44" y="46"/>
                </a:lnTo>
                <a:lnTo>
                  <a:pt x="45" y="52"/>
                </a:lnTo>
                <a:lnTo>
                  <a:pt x="48" y="63"/>
                </a:lnTo>
                <a:lnTo>
                  <a:pt x="48" y="69"/>
                </a:lnTo>
                <a:lnTo>
                  <a:pt x="46" y="79"/>
                </a:lnTo>
                <a:lnTo>
                  <a:pt x="45" y="87"/>
                </a:lnTo>
                <a:lnTo>
                  <a:pt x="45" y="10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43" name="d14218"/>
          <xdr:cNvSpPr>
            <a:spLocks/>
          </xdr:cNvSpPr>
        </xdr:nvSpPr>
        <xdr:spPr bwMode="auto">
          <a:xfrm>
            <a:off x="6076950" y="12306300"/>
            <a:ext cx="619125" cy="838200"/>
          </a:xfrm>
          <a:custGeom>
            <a:avLst/>
            <a:gdLst>
              <a:gd name="T0" fmla="*/ 2147483646 w 65"/>
              <a:gd name="T1" fmla="*/ 2147483646 h 88"/>
              <a:gd name="T2" fmla="*/ 2147483646 w 65"/>
              <a:gd name="T3" fmla="*/ 2147483646 h 88"/>
              <a:gd name="T4" fmla="*/ 2147483646 w 65"/>
              <a:gd name="T5" fmla="*/ 2147483646 h 88"/>
              <a:gd name="T6" fmla="*/ 2147483646 w 65"/>
              <a:gd name="T7" fmla="*/ 2147483646 h 88"/>
              <a:gd name="T8" fmla="*/ 2147483646 w 65"/>
              <a:gd name="T9" fmla="*/ 2147483646 h 88"/>
              <a:gd name="T10" fmla="*/ 2147483646 w 65"/>
              <a:gd name="T11" fmla="*/ 2147483646 h 88"/>
              <a:gd name="T12" fmla="*/ 2147483646 w 65"/>
              <a:gd name="T13" fmla="*/ 2147483646 h 88"/>
              <a:gd name="T14" fmla="*/ 0 w 65"/>
              <a:gd name="T15" fmla="*/ 2147483646 h 88"/>
              <a:gd name="T16" fmla="*/ 0 w 65"/>
              <a:gd name="T17" fmla="*/ 2147483646 h 88"/>
              <a:gd name="T18" fmla="*/ 2147483646 w 65"/>
              <a:gd name="T19" fmla="*/ 2147483646 h 88"/>
              <a:gd name="T20" fmla="*/ 2147483646 w 65"/>
              <a:gd name="T21" fmla="*/ 2147483646 h 88"/>
              <a:gd name="T22" fmla="*/ 2147483646 w 65"/>
              <a:gd name="T23" fmla="*/ 2147483646 h 88"/>
              <a:gd name="T24" fmla="*/ 2147483646 w 65"/>
              <a:gd name="T25" fmla="*/ 2147483646 h 88"/>
              <a:gd name="T26" fmla="*/ 2147483646 w 65"/>
              <a:gd name="T27" fmla="*/ 2147483646 h 88"/>
              <a:gd name="T28" fmla="*/ 2147483646 w 65"/>
              <a:gd name="T29" fmla="*/ 2147483646 h 88"/>
              <a:gd name="T30" fmla="*/ 2147483646 w 65"/>
              <a:gd name="T31" fmla="*/ 0 h 88"/>
              <a:gd name="T32" fmla="*/ 2147483646 w 65"/>
              <a:gd name="T33" fmla="*/ 2147483646 h 88"/>
              <a:gd name="T34" fmla="*/ 2147483646 w 65"/>
              <a:gd name="T35" fmla="*/ 2147483646 h 88"/>
              <a:gd name="T36" fmla="*/ 2147483646 w 65"/>
              <a:gd name="T37" fmla="*/ 2147483646 h 88"/>
              <a:gd name="T38" fmla="*/ 2147483646 w 65"/>
              <a:gd name="T39" fmla="*/ 2147483646 h 88"/>
              <a:gd name="T40" fmla="*/ 2147483646 w 65"/>
              <a:gd name="T41" fmla="*/ 2147483646 h 88"/>
              <a:gd name="T42" fmla="*/ 2147483646 w 65"/>
              <a:gd name="T43" fmla="*/ 2147483646 h 88"/>
              <a:gd name="T44" fmla="*/ 2147483646 w 65"/>
              <a:gd name="T45" fmla="*/ 2147483646 h 88"/>
              <a:gd name="T46" fmla="*/ 2147483646 w 65"/>
              <a:gd name="T47" fmla="*/ 2147483646 h 88"/>
              <a:gd name="T48" fmla="*/ 2147483646 w 65"/>
              <a:gd name="T49" fmla="*/ 2147483646 h 88"/>
              <a:gd name="T50" fmla="*/ 2147483646 w 65"/>
              <a:gd name="T51" fmla="*/ 2147483646 h 88"/>
              <a:gd name="T52" fmla="*/ 2147483646 w 65"/>
              <a:gd name="T53" fmla="*/ 2147483646 h 88"/>
              <a:gd name="T54" fmla="*/ 2147483646 w 65"/>
              <a:gd name="T55" fmla="*/ 2147483646 h 88"/>
              <a:gd name="T56" fmla="*/ 2147483646 w 65"/>
              <a:gd name="T57" fmla="*/ 2147483646 h 88"/>
              <a:gd name="T58" fmla="*/ 2147483646 w 65"/>
              <a:gd name="T59" fmla="*/ 2147483646 h 88"/>
              <a:gd name="T60" fmla="*/ 2147483646 w 65"/>
              <a:gd name="T61" fmla="*/ 2147483646 h 88"/>
              <a:gd name="T62" fmla="*/ 2147483646 w 65"/>
              <a:gd name="T63" fmla="*/ 2147483646 h 88"/>
              <a:gd name="T64" fmla="*/ 2147483646 w 65"/>
              <a:gd name="T65" fmla="*/ 2147483646 h 88"/>
              <a:gd name="T66" fmla="*/ 2147483646 w 65"/>
              <a:gd name="T67" fmla="*/ 2147483646 h 88"/>
              <a:gd name="T68" fmla="*/ 2147483646 w 65"/>
              <a:gd name="T69" fmla="*/ 2147483646 h 88"/>
              <a:gd name="T70" fmla="*/ 2147483646 w 65"/>
              <a:gd name="T71" fmla="*/ 2147483646 h 88"/>
              <a:gd name="T72" fmla="*/ 2147483646 w 65"/>
              <a:gd name="T73" fmla="*/ 2147483646 h 88"/>
              <a:gd name="T74" fmla="*/ 2147483646 w 65"/>
              <a:gd name="T75" fmla="*/ 2147483646 h 88"/>
              <a:gd name="T76" fmla="*/ 2147483646 w 65"/>
              <a:gd name="T77" fmla="*/ 2147483646 h 88"/>
              <a:gd name="T78" fmla="*/ 2147483646 w 65"/>
              <a:gd name="T79" fmla="*/ 2147483646 h 88"/>
              <a:gd name="T80" fmla="*/ 2147483646 w 65"/>
              <a:gd name="T81" fmla="*/ 2147483646 h 88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w 65"/>
              <a:gd name="T124" fmla="*/ 0 h 88"/>
              <a:gd name="T125" fmla="*/ 65 w 65"/>
              <a:gd name="T126" fmla="*/ 88 h 88"/>
            </a:gdLst>
            <a:ahLst/>
            <a:cxnLst>
              <a:cxn ang="T82">
                <a:pos x="T0" y="T1"/>
              </a:cxn>
              <a:cxn ang="T83">
                <a:pos x="T2" y="T3"/>
              </a:cxn>
              <a:cxn ang="T84">
                <a:pos x="T4" y="T5"/>
              </a:cxn>
              <a:cxn ang="T85">
                <a:pos x="T6" y="T7"/>
              </a:cxn>
              <a:cxn ang="T86">
                <a:pos x="T8" y="T9"/>
              </a:cxn>
              <a:cxn ang="T87">
                <a:pos x="T10" y="T11"/>
              </a:cxn>
              <a:cxn ang="T88">
                <a:pos x="T12" y="T13"/>
              </a:cxn>
              <a:cxn ang="T89">
                <a:pos x="T14" y="T15"/>
              </a:cxn>
              <a:cxn ang="T90">
                <a:pos x="T16" y="T17"/>
              </a:cxn>
              <a:cxn ang="T91">
                <a:pos x="T18" y="T19"/>
              </a:cxn>
              <a:cxn ang="T92">
                <a:pos x="T20" y="T21"/>
              </a:cxn>
              <a:cxn ang="T93">
                <a:pos x="T22" y="T23"/>
              </a:cxn>
              <a:cxn ang="T94">
                <a:pos x="T24" y="T25"/>
              </a:cxn>
              <a:cxn ang="T95">
                <a:pos x="T26" y="T27"/>
              </a:cxn>
              <a:cxn ang="T96">
                <a:pos x="T28" y="T29"/>
              </a:cxn>
              <a:cxn ang="T97">
                <a:pos x="T30" y="T31"/>
              </a:cxn>
              <a:cxn ang="T98">
                <a:pos x="T32" y="T33"/>
              </a:cxn>
              <a:cxn ang="T99">
                <a:pos x="T34" y="T35"/>
              </a:cxn>
              <a:cxn ang="T100">
                <a:pos x="T36" y="T37"/>
              </a:cxn>
              <a:cxn ang="T101">
                <a:pos x="T38" y="T39"/>
              </a:cxn>
              <a:cxn ang="T102">
                <a:pos x="T40" y="T41"/>
              </a:cxn>
              <a:cxn ang="T103">
                <a:pos x="T42" y="T43"/>
              </a:cxn>
              <a:cxn ang="T104">
                <a:pos x="T44" y="T45"/>
              </a:cxn>
              <a:cxn ang="T105">
                <a:pos x="T46" y="T47"/>
              </a:cxn>
              <a:cxn ang="T106">
                <a:pos x="T48" y="T49"/>
              </a:cxn>
              <a:cxn ang="T107">
                <a:pos x="T50" y="T51"/>
              </a:cxn>
              <a:cxn ang="T108">
                <a:pos x="T52" y="T53"/>
              </a:cxn>
              <a:cxn ang="T109">
                <a:pos x="T54" y="T55"/>
              </a:cxn>
              <a:cxn ang="T110">
                <a:pos x="T56" y="T57"/>
              </a:cxn>
              <a:cxn ang="T111">
                <a:pos x="T58" y="T59"/>
              </a:cxn>
              <a:cxn ang="T112">
                <a:pos x="T60" y="T61"/>
              </a:cxn>
              <a:cxn ang="T113">
                <a:pos x="T62" y="T63"/>
              </a:cxn>
              <a:cxn ang="T114">
                <a:pos x="T64" y="T65"/>
              </a:cxn>
              <a:cxn ang="T115">
                <a:pos x="T66" y="T67"/>
              </a:cxn>
              <a:cxn ang="T116">
                <a:pos x="T68" y="T69"/>
              </a:cxn>
              <a:cxn ang="T117">
                <a:pos x="T70" y="T71"/>
              </a:cxn>
              <a:cxn ang="T118">
                <a:pos x="T72" y="T73"/>
              </a:cxn>
              <a:cxn ang="T119">
                <a:pos x="T74" y="T75"/>
              </a:cxn>
              <a:cxn ang="T120">
                <a:pos x="T76" y="T77"/>
              </a:cxn>
              <a:cxn ang="T121">
                <a:pos x="T78" y="T79"/>
              </a:cxn>
              <a:cxn ang="T122">
                <a:pos x="T80" y="T81"/>
              </a:cxn>
            </a:cxnLst>
            <a:rect l="T123" t="T124" r="T125" b="T126"/>
            <a:pathLst>
              <a:path w="65" h="88">
                <a:moveTo>
                  <a:pt x="5" y="87"/>
                </a:moveTo>
                <a:lnTo>
                  <a:pt x="5" y="73"/>
                </a:lnTo>
                <a:lnTo>
                  <a:pt x="6" y="65"/>
                </a:lnTo>
                <a:lnTo>
                  <a:pt x="8" y="55"/>
                </a:lnTo>
                <a:lnTo>
                  <a:pt x="8" y="49"/>
                </a:lnTo>
                <a:lnTo>
                  <a:pt x="5" y="38"/>
                </a:lnTo>
                <a:lnTo>
                  <a:pt x="4" y="32"/>
                </a:lnTo>
                <a:lnTo>
                  <a:pt x="0" y="29"/>
                </a:lnTo>
                <a:lnTo>
                  <a:pt x="0" y="27"/>
                </a:lnTo>
                <a:lnTo>
                  <a:pt x="4" y="25"/>
                </a:lnTo>
                <a:lnTo>
                  <a:pt x="8" y="16"/>
                </a:lnTo>
                <a:lnTo>
                  <a:pt x="10" y="15"/>
                </a:lnTo>
                <a:lnTo>
                  <a:pt x="20" y="1"/>
                </a:lnTo>
                <a:lnTo>
                  <a:pt x="23" y="2"/>
                </a:lnTo>
                <a:lnTo>
                  <a:pt x="41" y="1"/>
                </a:lnTo>
                <a:lnTo>
                  <a:pt x="59" y="0"/>
                </a:lnTo>
                <a:lnTo>
                  <a:pt x="59" y="11"/>
                </a:lnTo>
                <a:lnTo>
                  <a:pt x="62" y="14"/>
                </a:lnTo>
                <a:lnTo>
                  <a:pt x="64" y="19"/>
                </a:lnTo>
                <a:lnTo>
                  <a:pt x="63" y="24"/>
                </a:lnTo>
                <a:lnTo>
                  <a:pt x="60" y="27"/>
                </a:lnTo>
                <a:lnTo>
                  <a:pt x="57" y="33"/>
                </a:lnTo>
                <a:lnTo>
                  <a:pt x="56" y="34"/>
                </a:lnTo>
                <a:lnTo>
                  <a:pt x="57" y="42"/>
                </a:lnTo>
                <a:lnTo>
                  <a:pt x="58" y="48"/>
                </a:lnTo>
                <a:lnTo>
                  <a:pt x="55" y="56"/>
                </a:lnTo>
                <a:lnTo>
                  <a:pt x="50" y="59"/>
                </a:lnTo>
                <a:lnTo>
                  <a:pt x="61" y="68"/>
                </a:lnTo>
                <a:lnTo>
                  <a:pt x="65" y="73"/>
                </a:lnTo>
                <a:lnTo>
                  <a:pt x="61" y="84"/>
                </a:lnTo>
                <a:lnTo>
                  <a:pt x="53" y="84"/>
                </a:lnTo>
                <a:lnTo>
                  <a:pt x="54" y="88"/>
                </a:lnTo>
                <a:lnTo>
                  <a:pt x="49" y="85"/>
                </a:lnTo>
                <a:lnTo>
                  <a:pt x="48" y="79"/>
                </a:lnTo>
                <a:lnTo>
                  <a:pt x="45" y="76"/>
                </a:lnTo>
                <a:lnTo>
                  <a:pt x="35" y="70"/>
                </a:lnTo>
                <a:lnTo>
                  <a:pt x="27" y="70"/>
                </a:lnTo>
                <a:lnTo>
                  <a:pt x="27" y="74"/>
                </a:lnTo>
                <a:lnTo>
                  <a:pt x="14" y="71"/>
                </a:lnTo>
                <a:lnTo>
                  <a:pt x="10" y="80"/>
                </a:lnTo>
                <a:lnTo>
                  <a:pt x="5" y="87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744" name="d14130_3"/>
          <xdr:cNvSpPr>
            <a:spLocks/>
          </xdr:cNvSpPr>
        </xdr:nvSpPr>
        <xdr:spPr bwMode="auto">
          <a:xfrm>
            <a:off x="6886575" y="10706100"/>
            <a:ext cx="200025" cy="161925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0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0 w 16384"/>
              <a:gd name="T17" fmla="*/ 2147483646 h 16384"/>
              <a:gd name="T18" fmla="*/ 0 60000 65536"/>
              <a:gd name="T19" fmla="*/ 0 60000 65536"/>
              <a:gd name="T20" fmla="*/ 0 60000 65536"/>
              <a:gd name="T21" fmla="*/ 0 60000 65536"/>
              <a:gd name="T22" fmla="*/ 0 60000 65536"/>
              <a:gd name="T23" fmla="*/ 0 60000 65536"/>
              <a:gd name="T24" fmla="*/ 0 60000 65536"/>
              <a:gd name="T25" fmla="*/ 0 60000 65536"/>
              <a:gd name="T26" fmla="*/ 0 60000 65536"/>
              <a:gd name="T27" fmla="*/ 0 w 16384"/>
              <a:gd name="T28" fmla="*/ 0 h 16384"/>
              <a:gd name="T29" fmla="*/ 16384 w 16384"/>
              <a:gd name="T30" fmla="*/ 16384 h 16384"/>
            </a:gdLst>
            <a:ahLst/>
            <a:cxnLst>
              <a:cxn ang="T18">
                <a:pos x="T0" y="T1"/>
              </a:cxn>
              <a:cxn ang="T19">
                <a:pos x="T2" y="T3"/>
              </a:cxn>
              <a:cxn ang="T20">
                <a:pos x="T4" y="T5"/>
              </a:cxn>
              <a:cxn ang="T21">
                <a:pos x="T6" y="T7"/>
              </a:cxn>
              <a:cxn ang="T22">
                <a:pos x="T8" y="T9"/>
              </a:cxn>
              <a:cxn ang="T23">
                <a:pos x="T10" y="T11"/>
              </a:cxn>
              <a:cxn ang="T24">
                <a:pos x="T12" y="T13"/>
              </a:cxn>
              <a:cxn ang="T25">
                <a:pos x="T14" y="T15"/>
              </a:cxn>
              <a:cxn ang="T26">
                <a:pos x="T16" y="T17"/>
              </a:cxn>
            </a:cxnLst>
            <a:rect l="T27" t="T28" r="T29" b="T30"/>
            <a:pathLst>
              <a:path w="16384" h="16384">
                <a:moveTo>
                  <a:pt x="0" y="16384"/>
                </a:moveTo>
                <a:lnTo>
                  <a:pt x="3121" y="6746"/>
                </a:lnTo>
                <a:lnTo>
                  <a:pt x="3121" y="3855"/>
                </a:lnTo>
                <a:lnTo>
                  <a:pt x="5461" y="3855"/>
                </a:lnTo>
                <a:lnTo>
                  <a:pt x="13263" y="0"/>
                </a:lnTo>
                <a:lnTo>
                  <a:pt x="16384" y="2891"/>
                </a:lnTo>
                <a:lnTo>
                  <a:pt x="12483" y="9638"/>
                </a:lnTo>
                <a:lnTo>
                  <a:pt x="5461" y="15420"/>
                </a:lnTo>
                <a:lnTo>
                  <a:pt x="0" y="16384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36939" name="Text Box 75"/>
          <xdr:cNvSpPr txBox="1">
            <a:spLocks noChangeArrowheads="1"/>
          </xdr:cNvSpPr>
        </xdr:nvSpPr>
        <xdr:spPr bwMode="auto">
          <a:xfrm>
            <a:off x="1587894" y="12585890"/>
            <a:ext cx="896487" cy="326741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山北町</a:t>
            </a:r>
            <a:endParaRPr lang="ja-JP" altLang="en-US"/>
          </a:p>
        </xdr:txBody>
      </xdr:sp>
      <xdr:sp macro="" textlink="">
        <xdr:nvSpPr>
          <xdr:cNvPr id="36940" name="Text Box 76"/>
          <xdr:cNvSpPr txBox="1">
            <a:spLocks noChangeArrowheads="1"/>
          </xdr:cNvSpPr>
        </xdr:nvSpPr>
        <xdr:spPr bwMode="auto">
          <a:xfrm>
            <a:off x="3362192" y="12949972"/>
            <a:ext cx="756411" cy="457437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秦野市</a:t>
            </a:r>
            <a:endParaRPr lang="ja-JP" altLang="en-US"/>
          </a:p>
        </xdr:txBody>
      </xdr:sp>
      <xdr:sp macro="" textlink="">
        <xdr:nvSpPr>
          <xdr:cNvPr id="149747" name="Text Box 78"/>
          <xdr:cNvSpPr txBox="1">
            <a:spLocks noChangeArrowheads="1"/>
          </xdr:cNvSpPr>
        </xdr:nvSpPr>
        <xdr:spPr bwMode="auto">
          <a:xfrm>
            <a:off x="2847975" y="12915900"/>
            <a:ext cx="200025" cy="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sp>
      <xdr:sp macro="" textlink="">
        <xdr:nvSpPr>
          <xdr:cNvPr id="36943" name="Text Box 79"/>
          <xdr:cNvSpPr txBox="1">
            <a:spLocks noChangeArrowheads="1"/>
          </xdr:cNvSpPr>
        </xdr:nvSpPr>
        <xdr:spPr bwMode="auto">
          <a:xfrm>
            <a:off x="2839241" y="12697915"/>
            <a:ext cx="308168" cy="88686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松田町</a:t>
            </a:r>
            <a:endParaRPr lang="ja-JP" altLang="en-US"/>
          </a:p>
        </xdr:txBody>
      </xdr:sp>
      <xdr:sp macro="" textlink="">
        <xdr:nvSpPr>
          <xdr:cNvPr id="36944" name="Text Box 80"/>
          <xdr:cNvSpPr txBox="1">
            <a:spLocks noChangeArrowheads="1"/>
          </xdr:cNvSpPr>
        </xdr:nvSpPr>
        <xdr:spPr bwMode="auto">
          <a:xfrm>
            <a:off x="1727970" y="14275606"/>
            <a:ext cx="1027225" cy="34541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南足柄市</a:t>
            </a:r>
            <a:endParaRPr lang="ja-JP" altLang="en-US"/>
          </a:p>
        </xdr:txBody>
      </xdr:sp>
      <xdr:sp macro="" textlink="">
        <xdr:nvSpPr>
          <xdr:cNvPr id="36945" name="Text Box 81"/>
          <xdr:cNvSpPr txBox="1">
            <a:spLocks noChangeArrowheads="1"/>
          </xdr:cNvSpPr>
        </xdr:nvSpPr>
        <xdr:spPr bwMode="auto">
          <a:xfrm>
            <a:off x="1373110" y="15274499"/>
            <a:ext cx="812442" cy="36408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箱根町</a:t>
            </a:r>
            <a:endParaRPr lang="ja-JP" altLang="en-US"/>
          </a:p>
        </xdr:txBody>
      </xdr:sp>
      <xdr:sp macro="" textlink="">
        <xdr:nvSpPr>
          <xdr:cNvPr id="36946" name="Text Box 82"/>
          <xdr:cNvSpPr txBox="1">
            <a:spLocks noChangeArrowheads="1"/>
          </xdr:cNvSpPr>
        </xdr:nvSpPr>
        <xdr:spPr bwMode="auto">
          <a:xfrm>
            <a:off x="1737308" y="16282727"/>
            <a:ext cx="1223332" cy="354747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湯河原町</a:t>
            </a:r>
            <a:endParaRPr lang="ja-JP" altLang="en-US"/>
          </a:p>
        </xdr:txBody>
      </xdr:sp>
      <xdr:sp macro="" textlink="">
        <xdr:nvSpPr>
          <xdr:cNvPr id="149752" name="Line 83"/>
          <xdr:cNvSpPr>
            <a:spLocks noChangeShapeType="1"/>
          </xdr:cNvSpPr>
        </xdr:nvSpPr>
        <xdr:spPr bwMode="auto">
          <a:xfrm flipV="1">
            <a:off x="3000375" y="16373475"/>
            <a:ext cx="552450" cy="95250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36948" name="Text Box 84"/>
          <xdr:cNvSpPr txBox="1">
            <a:spLocks noChangeArrowheads="1"/>
          </xdr:cNvSpPr>
        </xdr:nvSpPr>
        <xdr:spPr bwMode="auto">
          <a:xfrm>
            <a:off x="2447028" y="14901081"/>
            <a:ext cx="1027225" cy="33607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小田原市</a:t>
            </a:r>
            <a:endParaRPr lang="ja-JP" altLang="en-US"/>
          </a:p>
        </xdr:txBody>
      </xdr:sp>
      <xdr:sp macro="" textlink="">
        <xdr:nvSpPr>
          <xdr:cNvPr id="149754" name="Line 85"/>
          <xdr:cNvSpPr>
            <a:spLocks noChangeShapeType="1"/>
          </xdr:cNvSpPr>
        </xdr:nvSpPr>
        <xdr:spPr bwMode="auto">
          <a:xfrm>
            <a:off x="2895600" y="14154150"/>
            <a:ext cx="904875" cy="1343025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36951" name="Text Box 87"/>
          <xdr:cNvSpPr txBox="1">
            <a:spLocks noChangeArrowheads="1"/>
          </xdr:cNvSpPr>
        </xdr:nvSpPr>
        <xdr:spPr bwMode="auto">
          <a:xfrm>
            <a:off x="3492929" y="13874181"/>
            <a:ext cx="896487" cy="33607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中井町</a:t>
            </a:r>
            <a:endParaRPr lang="ja-JP" altLang="en-US"/>
          </a:p>
        </xdr:txBody>
      </xdr:sp>
      <xdr:sp macro="" textlink="">
        <xdr:nvSpPr>
          <xdr:cNvPr id="36952" name="Text Box 88"/>
          <xdr:cNvSpPr txBox="1">
            <a:spLocks noChangeArrowheads="1"/>
          </xdr:cNvSpPr>
        </xdr:nvSpPr>
        <xdr:spPr bwMode="auto">
          <a:xfrm>
            <a:off x="4146618" y="14256935"/>
            <a:ext cx="280152" cy="73750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二宮町</a:t>
            </a:r>
            <a:endParaRPr lang="ja-JP" altLang="en-US"/>
          </a:p>
        </xdr:txBody>
      </xdr:sp>
      <xdr:sp macro="" textlink="">
        <xdr:nvSpPr>
          <xdr:cNvPr id="36953" name="Text Box 89"/>
          <xdr:cNvSpPr txBox="1">
            <a:spLocks noChangeArrowheads="1"/>
          </xdr:cNvSpPr>
        </xdr:nvSpPr>
        <xdr:spPr bwMode="auto">
          <a:xfrm>
            <a:off x="4333386" y="14312947"/>
            <a:ext cx="896487" cy="252057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磯町</a:t>
            </a:r>
            <a:endParaRPr lang="ja-JP" altLang="en-US"/>
          </a:p>
        </xdr:txBody>
      </xdr:sp>
      <xdr:sp macro="" textlink="">
        <xdr:nvSpPr>
          <xdr:cNvPr id="36954" name="Text Box 90"/>
          <xdr:cNvSpPr txBox="1">
            <a:spLocks noChangeArrowheads="1"/>
          </xdr:cNvSpPr>
        </xdr:nvSpPr>
        <xdr:spPr bwMode="auto">
          <a:xfrm>
            <a:off x="4594862" y="13734150"/>
            <a:ext cx="1027225" cy="34541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平塚市</a:t>
            </a:r>
            <a:endParaRPr lang="ja-JP" altLang="en-US"/>
          </a:p>
        </xdr:txBody>
      </xdr:sp>
      <xdr:sp macro="" textlink="">
        <xdr:nvSpPr>
          <xdr:cNvPr id="36956" name="Text Box 92"/>
          <xdr:cNvSpPr txBox="1">
            <a:spLocks noChangeArrowheads="1"/>
          </xdr:cNvSpPr>
        </xdr:nvSpPr>
        <xdr:spPr bwMode="auto">
          <a:xfrm>
            <a:off x="4333386" y="12931301"/>
            <a:ext cx="1027225" cy="34541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伊勢原市</a:t>
            </a:r>
            <a:endParaRPr lang="ja-JP" altLang="en-US"/>
          </a:p>
        </xdr:txBody>
      </xdr:sp>
      <xdr:sp macro="" textlink="">
        <xdr:nvSpPr>
          <xdr:cNvPr id="36957" name="Text Box 93"/>
          <xdr:cNvSpPr txBox="1">
            <a:spLocks noChangeArrowheads="1"/>
          </xdr:cNvSpPr>
        </xdr:nvSpPr>
        <xdr:spPr bwMode="auto">
          <a:xfrm>
            <a:off x="4865676" y="12221807"/>
            <a:ext cx="756411" cy="457437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厚木市</a:t>
            </a:r>
            <a:endParaRPr lang="ja-JP" altLang="en-US"/>
          </a:p>
        </xdr:txBody>
      </xdr:sp>
      <xdr:sp macro="" textlink="">
        <xdr:nvSpPr>
          <xdr:cNvPr id="36959" name="Text Box 95"/>
          <xdr:cNvSpPr txBox="1">
            <a:spLocks noChangeArrowheads="1"/>
          </xdr:cNvSpPr>
        </xdr:nvSpPr>
        <xdr:spPr bwMode="auto">
          <a:xfrm>
            <a:off x="5799517" y="12119117"/>
            <a:ext cx="308168" cy="127895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海老名市</a:t>
            </a:r>
            <a:endParaRPr lang="ja-JP" altLang="en-US"/>
          </a:p>
        </xdr:txBody>
      </xdr:sp>
      <xdr:sp macro="" textlink="">
        <xdr:nvSpPr>
          <xdr:cNvPr id="36960" name="Text Box 96"/>
          <xdr:cNvSpPr txBox="1">
            <a:spLocks noChangeArrowheads="1"/>
          </xdr:cNvSpPr>
        </xdr:nvSpPr>
        <xdr:spPr bwMode="auto">
          <a:xfrm>
            <a:off x="5724809" y="13146016"/>
            <a:ext cx="308168" cy="88686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寒川町</a:t>
            </a:r>
            <a:endParaRPr lang="ja-JP" altLang="en-US"/>
          </a:p>
        </xdr:txBody>
      </xdr:sp>
      <xdr:sp macro="" textlink="">
        <xdr:nvSpPr>
          <xdr:cNvPr id="36961" name="Text Box 97"/>
          <xdr:cNvSpPr txBox="1">
            <a:spLocks noChangeArrowheads="1"/>
          </xdr:cNvSpPr>
        </xdr:nvSpPr>
        <xdr:spPr bwMode="auto">
          <a:xfrm>
            <a:off x="5631425" y="13976871"/>
            <a:ext cx="1027225" cy="33607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茅ヶ崎市</a:t>
            </a:r>
            <a:endParaRPr lang="ja-JP" altLang="en-US"/>
          </a:p>
        </xdr:txBody>
      </xdr:sp>
      <xdr:sp macro="" textlink="">
        <xdr:nvSpPr>
          <xdr:cNvPr id="36962" name="Text Box 98"/>
          <xdr:cNvSpPr txBox="1">
            <a:spLocks noChangeArrowheads="1"/>
          </xdr:cNvSpPr>
        </xdr:nvSpPr>
        <xdr:spPr bwMode="auto">
          <a:xfrm>
            <a:off x="6574605" y="13118010"/>
            <a:ext cx="289491" cy="103623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藤沢市</a:t>
            </a:r>
            <a:endParaRPr lang="ja-JP" altLang="en-US"/>
          </a:p>
        </xdr:txBody>
      </xdr:sp>
      <xdr:sp macro="" textlink="">
        <xdr:nvSpPr>
          <xdr:cNvPr id="36963" name="Text Box 99"/>
          <xdr:cNvSpPr txBox="1">
            <a:spLocks noChangeArrowheads="1"/>
          </xdr:cNvSpPr>
        </xdr:nvSpPr>
        <xdr:spPr bwMode="auto">
          <a:xfrm>
            <a:off x="7134909" y="14116903"/>
            <a:ext cx="1027225" cy="34541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鎌倉市</a:t>
            </a:r>
            <a:endParaRPr lang="ja-JP" altLang="en-US"/>
          </a:p>
        </xdr:txBody>
      </xdr:sp>
      <xdr:sp macro="" textlink="">
        <xdr:nvSpPr>
          <xdr:cNvPr id="36964" name="Text Box 100"/>
          <xdr:cNvSpPr txBox="1">
            <a:spLocks noChangeArrowheads="1"/>
          </xdr:cNvSpPr>
        </xdr:nvSpPr>
        <xdr:spPr bwMode="auto">
          <a:xfrm>
            <a:off x="7667199" y="14452979"/>
            <a:ext cx="1027225" cy="33607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逗子市</a:t>
            </a:r>
            <a:endParaRPr lang="ja-JP" altLang="en-US"/>
          </a:p>
        </xdr:txBody>
      </xdr:sp>
      <xdr:sp macro="" textlink="">
        <xdr:nvSpPr>
          <xdr:cNvPr id="36965" name="Text Box 101"/>
          <xdr:cNvSpPr txBox="1">
            <a:spLocks noChangeArrowheads="1"/>
          </xdr:cNvSpPr>
        </xdr:nvSpPr>
        <xdr:spPr bwMode="auto">
          <a:xfrm>
            <a:off x="7844628" y="14891745"/>
            <a:ext cx="1036563" cy="33607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葉山町</a:t>
            </a:r>
            <a:endParaRPr lang="ja-JP" altLang="en-US"/>
          </a:p>
        </xdr:txBody>
      </xdr:sp>
      <xdr:sp macro="" textlink="">
        <xdr:nvSpPr>
          <xdr:cNvPr id="36966" name="Text Box 102"/>
          <xdr:cNvSpPr txBox="1">
            <a:spLocks noChangeArrowheads="1"/>
          </xdr:cNvSpPr>
        </xdr:nvSpPr>
        <xdr:spPr bwMode="auto">
          <a:xfrm>
            <a:off x="8545009" y="15283834"/>
            <a:ext cx="1027225" cy="34541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横須賀市</a:t>
            </a:r>
            <a:endParaRPr lang="ja-JP" altLang="en-US"/>
          </a:p>
        </xdr:txBody>
      </xdr:sp>
      <xdr:sp macro="" textlink="">
        <xdr:nvSpPr>
          <xdr:cNvPr id="36967" name="Text Box 103"/>
          <xdr:cNvSpPr txBox="1">
            <a:spLocks noChangeArrowheads="1"/>
          </xdr:cNvSpPr>
        </xdr:nvSpPr>
        <xdr:spPr bwMode="auto">
          <a:xfrm>
            <a:off x="8638393" y="15862632"/>
            <a:ext cx="308168" cy="998893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三浦市</a:t>
            </a:r>
            <a:endParaRPr lang="ja-JP" altLang="en-US"/>
          </a:p>
        </xdr:txBody>
      </xdr:sp>
      <xdr:sp macro="" textlink="">
        <xdr:nvSpPr>
          <xdr:cNvPr id="36968" name="Text Box 104"/>
          <xdr:cNvSpPr txBox="1">
            <a:spLocks noChangeArrowheads="1"/>
          </xdr:cNvSpPr>
        </xdr:nvSpPr>
        <xdr:spPr bwMode="auto">
          <a:xfrm>
            <a:off x="7648522" y="12231143"/>
            <a:ext cx="1027225" cy="34541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横浜市</a:t>
            </a:r>
            <a:endParaRPr lang="ja-JP" altLang="en-US"/>
          </a:p>
        </xdr:txBody>
      </xdr:sp>
      <xdr:sp macro="" textlink="">
        <xdr:nvSpPr>
          <xdr:cNvPr id="36969" name="Text Box 105"/>
          <xdr:cNvSpPr txBox="1">
            <a:spLocks noChangeArrowheads="1"/>
          </xdr:cNvSpPr>
        </xdr:nvSpPr>
        <xdr:spPr bwMode="auto">
          <a:xfrm>
            <a:off x="7863305" y="10504085"/>
            <a:ext cx="1036563" cy="34541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川崎市</a:t>
            </a:r>
            <a:endParaRPr lang="ja-JP" altLang="en-US"/>
          </a:p>
        </xdr:txBody>
      </xdr:sp>
      <xdr:sp macro="" textlink="">
        <xdr:nvSpPr>
          <xdr:cNvPr id="36970" name="Text Box 106"/>
          <xdr:cNvSpPr txBox="1">
            <a:spLocks noChangeArrowheads="1"/>
          </xdr:cNvSpPr>
        </xdr:nvSpPr>
        <xdr:spPr bwMode="auto">
          <a:xfrm>
            <a:off x="3707713" y="10756142"/>
            <a:ext cx="1027225" cy="33607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相模原市</a:t>
            </a:r>
            <a:endParaRPr lang="ja-JP" altLang="en-US"/>
          </a:p>
        </xdr:txBody>
      </xdr:sp>
      <xdr:sp macro="" textlink="">
        <xdr:nvSpPr>
          <xdr:cNvPr id="36971" name="Text Box 107"/>
          <xdr:cNvSpPr txBox="1">
            <a:spLocks noChangeArrowheads="1"/>
          </xdr:cNvSpPr>
        </xdr:nvSpPr>
        <xdr:spPr bwMode="auto">
          <a:xfrm>
            <a:off x="3548960" y="11941744"/>
            <a:ext cx="896487" cy="33607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清川村</a:t>
            </a:r>
            <a:endParaRPr lang="ja-JP" altLang="en-US"/>
          </a:p>
        </xdr:txBody>
      </xdr:sp>
      <xdr:sp macro="" textlink="">
        <xdr:nvSpPr>
          <xdr:cNvPr id="36972" name="Text Box 108"/>
          <xdr:cNvSpPr txBox="1">
            <a:spLocks noChangeArrowheads="1"/>
          </xdr:cNvSpPr>
        </xdr:nvSpPr>
        <xdr:spPr bwMode="auto">
          <a:xfrm>
            <a:off x="4352063" y="11241585"/>
            <a:ext cx="896487" cy="326741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愛川町</a:t>
            </a:r>
            <a:endParaRPr lang="ja-JP" altLang="en-US"/>
          </a:p>
        </xdr:txBody>
      </xdr:sp>
      <xdr:sp macro="" textlink="">
        <xdr:nvSpPr>
          <xdr:cNvPr id="36973" name="Text Box 109"/>
          <xdr:cNvSpPr txBox="1">
            <a:spLocks noChangeArrowheads="1"/>
          </xdr:cNvSpPr>
        </xdr:nvSpPr>
        <xdr:spPr bwMode="auto">
          <a:xfrm>
            <a:off x="5678117" y="11941744"/>
            <a:ext cx="896487" cy="33607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座間市</a:t>
            </a:r>
            <a:endParaRPr lang="ja-JP" altLang="en-US"/>
          </a:p>
        </xdr:txBody>
      </xdr:sp>
      <xdr:sp macro="" textlink="">
        <xdr:nvSpPr>
          <xdr:cNvPr id="36974" name="Text Box 110"/>
          <xdr:cNvSpPr txBox="1">
            <a:spLocks noChangeArrowheads="1"/>
          </xdr:cNvSpPr>
        </xdr:nvSpPr>
        <xdr:spPr bwMode="auto">
          <a:xfrm>
            <a:off x="6229083" y="12268484"/>
            <a:ext cx="308168" cy="74683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綾瀬市</a:t>
            </a:r>
            <a:endParaRPr lang="ja-JP" altLang="en-US"/>
          </a:p>
        </xdr:txBody>
      </xdr:sp>
      <xdr:sp macro="" textlink="">
        <xdr:nvSpPr>
          <xdr:cNvPr id="36975" name="Text Box 111"/>
          <xdr:cNvSpPr txBox="1">
            <a:spLocks noChangeArrowheads="1"/>
          </xdr:cNvSpPr>
        </xdr:nvSpPr>
        <xdr:spPr bwMode="auto">
          <a:xfrm>
            <a:off x="6518574" y="11596332"/>
            <a:ext cx="317506" cy="77484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36576" tIns="0" rIns="36576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和市</a:t>
            </a:r>
            <a:endParaRPr lang="ja-JP" altLang="en-US"/>
          </a:p>
        </xdr:txBody>
      </xdr:sp>
      <xdr:sp macro="" textlink="">
        <xdr:nvSpPr>
          <xdr:cNvPr id="36950" name="Text Box 86"/>
          <xdr:cNvSpPr txBox="1">
            <a:spLocks noChangeArrowheads="1"/>
          </xdr:cNvSpPr>
        </xdr:nvSpPr>
        <xdr:spPr bwMode="auto">
          <a:xfrm>
            <a:off x="3007332" y="13986207"/>
            <a:ext cx="691042" cy="30807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井町</a:t>
            </a:r>
            <a:endParaRPr lang="ja-JP" altLang="en-US"/>
          </a:p>
        </xdr:txBody>
      </xdr:sp>
      <xdr:sp macro="" textlink="">
        <xdr:nvSpPr>
          <xdr:cNvPr id="149779" name="Freeform 115"/>
          <xdr:cNvSpPr>
            <a:spLocks/>
          </xdr:cNvSpPr>
        </xdr:nvSpPr>
        <xdr:spPr bwMode="auto">
          <a:xfrm>
            <a:off x="4543425" y="10296525"/>
            <a:ext cx="2152650" cy="1676400"/>
          </a:xfrm>
          <a:custGeom>
            <a:avLst/>
            <a:gdLst>
              <a:gd name="T0" fmla="*/ 2147483646 w 226"/>
              <a:gd name="T1" fmla="*/ 2147483646 h 176"/>
              <a:gd name="T2" fmla="*/ 2147483646 w 226"/>
              <a:gd name="T3" fmla="*/ 2147483646 h 176"/>
              <a:gd name="T4" fmla="*/ 2147483646 w 226"/>
              <a:gd name="T5" fmla="*/ 2147483646 h 176"/>
              <a:gd name="T6" fmla="*/ 2147483646 w 226"/>
              <a:gd name="T7" fmla="*/ 2147483646 h 176"/>
              <a:gd name="T8" fmla="*/ 2147483646 w 226"/>
              <a:gd name="T9" fmla="*/ 2147483646 h 176"/>
              <a:gd name="T10" fmla="*/ 2147483646 w 226"/>
              <a:gd name="T11" fmla="*/ 2147483646 h 176"/>
              <a:gd name="T12" fmla="*/ 2147483646 w 226"/>
              <a:gd name="T13" fmla="*/ 2147483646 h 176"/>
              <a:gd name="T14" fmla="*/ 2147483646 w 226"/>
              <a:gd name="T15" fmla="*/ 2147483646 h 176"/>
              <a:gd name="T16" fmla="*/ 2147483646 w 226"/>
              <a:gd name="T17" fmla="*/ 2147483646 h 176"/>
              <a:gd name="T18" fmla="*/ 2147483646 w 226"/>
              <a:gd name="T19" fmla="*/ 2147483646 h 176"/>
              <a:gd name="T20" fmla="*/ 2147483646 w 226"/>
              <a:gd name="T21" fmla="*/ 2147483646 h 176"/>
              <a:gd name="T22" fmla="*/ 2147483646 w 226"/>
              <a:gd name="T23" fmla="*/ 2147483646 h 176"/>
              <a:gd name="T24" fmla="*/ 2147483646 w 226"/>
              <a:gd name="T25" fmla="*/ 2147483646 h 176"/>
              <a:gd name="T26" fmla="*/ 2147483646 w 226"/>
              <a:gd name="T27" fmla="*/ 2147483646 h 176"/>
              <a:gd name="T28" fmla="*/ 2147483646 w 226"/>
              <a:gd name="T29" fmla="*/ 2147483646 h 176"/>
              <a:gd name="T30" fmla="*/ 2147483646 w 226"/>
              <a:gd name="T31" fmla="*/ 2147483646 h 176"/>
              <a:gd name="T32" fmla="*/ 2147483646 w 226"/>
              <a:gd name="T33" fmla="*/ 2147483646 h 176"/>
              <a:gd name="T34" fmla="*/ 2147483646 w 226"/>
              <a:gd name="T35" fmla="*/ 2147483646 h 176"/>
              <a:gd name="T36" fmla="*/ 2147483646 w 226"/>
              <a:gd name="T37" fmla="*/ 2147483646 h 176"/>
              <a:gd name="T38" fmla="*/ 2147483646 w 226"/>
              <a:gd name="T39" fmla="*/ 2147483646 h 176"/>
              <a:gd name="T40" fmla="*/ 2147483646 w 226"/>
              <a:gd name="T41" fmla="*/ 2147483646 h 176"/>
              <a:gd name="T42" fmla="*/ 2147483646 w 226"/>
              <a:gd name="T43" fmla="*/ 2147483646 h 176"/>
              <a:gd name="T44" fmla="*/ 2147483646 w 226"/>
              <a:gd name="T45" fmla="*/ 2147483646 h 176"/>
              <a:gd name="T46" fmla="*/ 2147483646 w 226"/>
              <a:gd name="T47" fmla="*/ 2147483646 h 176"/>
              <a:gd name="T48" fmla="*/ 2147483646 w 226"/>
              <a:gd name="T49" fmla="*/ 2147483646 h 176"/>
              <a:gd name="T50" fmla="*/ 2147483646 w 226"/>
              <a:gd name="T51" fmla="*/ 2147483646 h 176"/>
              <a:gd name="T52" fmla="*/ 2147483646 w 226"/>
              <a:gd name="T53" fmla="*/ 2147483646 h 176"/>
              <a:gd name="T54" fmla="*/ 2147483646 w 226"/>
              <a:gd name="T55" fmla="*/ 2147483646 h 176"/>
              <a:gd name="T56" fmla="*/ 2147483646 w 226"/>
              <a:gd name="T57" fmla="*/ 2147483646 h 176"/>
              <a:gd name="T58" fmla="*/ 2147483646 w 226"/>
              <a:gd name="T59" fmla="*/ 2147483646 h 176"/>
              <a:gd name="T60" fmla="*/ 2147483646 w 226"/>
              <a:gd name="T61" fmla="*/ 2147483646 h 176"/>
              <a:gd name="T62" fmla="*/ 2147483646 w 226"/>
              <a:gd name="T63" fmla="*/ 2147483646 h 176"/>
              <a:gd name="T64" fmla="*/ 2147483646 w 226"/>
              <a:gd name="T65" fmla="*/ 2147483646 h 176"/>
              <a:gd name="T66" fmla="*/ 2147483646 w 226"/>
              <a:gd name="T67" fmla="*/ 2147483646 h 176"/>
              <a:gd name="T68" fmla="*/ 2147483646 w 226"/>
              <a:gd name="T69" fmla="*/ 2147483646 h 176"/>
              <a:gd name="T70" fmla="*/ 2147483646 w 226"/>
              <a:gd name="T71" fmla="*/ 2147483646 h 176"/>
              <a:gd name="T72" fmla="*/ 2147483646 w 226"/>
              <a:gd name="T73" fmla="*/ 2147483646 h 176"/>
              <a:gd name="T74" fmla="*/ 2147483646 w 226"/>
              <a:gd name="T75" fmla="*/ 2147483646 h 176"/>
              <a:gd name="T76" fmla="*/ 2147483646 w 226"/>
              <a:gd name="T77" fmla="*/ 2147483646 h 176"/>
              <a:gd name="T78" fmla="*/ 2147483646 w 226"/>
              <a:gd name="T79" fmla="*/ 2147483646 h 176"/>
              <a:gd name="T80" fmla="*/ 2147483646 w 226"/>
              <a:gd name="T81" fmla="*/ 0 h 176"/>
              <a:gd name="T82" fmla="*/ 2147483646 w 226"/>
              <a:gd name="T83" fmla="*/ 0 h 176"/>
              <a:gd name="T84" fmla="*/ 2147483646 w 226"/>
              <a:gd name="T85" fmla="*/ 2147483646 h 176"/>
              <a:gd name="T86" fmla="*/ 0 w 226"/>
              <a:gd name="T87" fmla="*/ 2147483646 h 176"/>
              <a:gd name="T88" fmla="*/ 2147483646 w 226"/>
              <a:gd name="T89" fmla="*/ 2147483646 h 17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226"/>
              <a:gd name="T136" fmla="*/ 0 h 176"/>
              <a:gd name="T137" fmla="*/ 226 w 226"/>
              <a:gd name="T138" fmla="*/ 176 h 176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226" h="176">
                <a:moveTo>
                  <a:pt x="2" y="29"/>
                </a:moveTo>
                <a:lnTo>
                  <a:pt x="13" y="33"/>
                </a:lnTo>
                <a:lnTo>
                  <a:pt x="14" y="37"/>
                </a:lnTo>
                <a:lnTo>
                  <a:pt x="28" y="80"/>
                </a:lnTo>
                <a:lnTo>
                  <a:pt x="31" y="82"/>
                </a:lnTo>
                <a:lnTo>
                  <a:pt x="34" y="82"/>
                </a:lnTo>
                <a:lnTo>
                  <a:pt x="39" y="85"/>
                </a:lnTo>
                <a:lnTo>
                  <a:pt x="43" y="89"/>
                </a:lnTo>
                <a:lnTo>
                  <a:pt x="46" y="94"/>
                </a:lnTo>
                <a:lnTo>
                  <a:pt x="50" y="98"/>
                </a:lnTo>
                <a:lnTo>
                  <a:pt x="52" y="100"/>
                </a:lnTo>
                <a:lnTo>
                  <a:pt x="56" y="104"/>
                </a:lnTo>
                <a:lnTo>
                  <a:pt x="59" y="107"/>
                </a:lnTo>
                <a:lnTo>
                  <a:pt x="66" y="105"/>
                </a:lnTo>
                <a:lnTo>
                  <a:pt x="69" y="105"/>
                </a:lnTo>
                <a:lnTo>
                  <a:pt x="71" y="103"/>
                </a:lnTo>
                <a:lnTo>
                  <a:pt x="80" y="106"/>
                </a:lnTo>
                <a:lnTo>
                  <a:pt x="88" y="112"/>
                </a:lnTo>
                <a:lnTo>
                  <a:pt x="97" y="118"/>
                </a:lnTo>
                <a:lnTo>
                  <a:pt x="105" y="124"/>
                </a:lnTo>
                <a:lnTo>
                  <a:pt x="109" y="127"/>
                </a:lnTo>
                <a:lnTo>
                  <a:pt x="113" y="132"/>
                </a:lnTo>
                <a:lnTo>
                  <a:pt x="118" y="133"/>
                </a:lnTo>
                <a:lnTo>
                  <a:pt x="121" y="133"/>
                </a:lnTo>
                <a:lnTo>
                  <a:pt x="123" y="135"/>
                </a:lnTo>
                <a:cubicBezTo>
                  <a:pt x="123" y="135"/>
                  <a:pt x="129" y="139"/>
                  <a:pt x="130" y="140"/>
                </a:cubicBezTo>
                <a:cubicBezTo>
                  <a:pt x="131" y="141"/>
                  <a:pt x="131" y="139"/>
                  <a:pt x="131" y="141"/>
                </a:cubicBezTo>
                <a:cubicBezTo>
                  <a:pt x="131" y="143"/>
                  <a:pt x="132" y="146"/>
                  <a:pt x="132" y="150"/>
                </a:cubicBezTo>
                <a:cubicBezTo>
                  <a:pt x="132" y="154"/>
                  <a:pt x="131" y="160"/>
                  <a:pt x="131" y="163"/>
                </a:cubicBezTo>
                <a:cubicBezTo>
                  <a:pt x="131" y="166"/>
                  <a:pt x="130" y="169"/>
                  <a:pt x="130" y="171"/>
                </a:cubicBezTo>
                <a:cubicBezTo>
                  <a:pt x="130" y="173"/>
                  <a:pt x="128" y="173"/>
                  <a:pt x="130" y="174"/>
                </a:cubicBezTo>
                <a:lnTo>
                  <a:pt x="143" y="176"/>
                </a:lnTo>
                <a:lnTo>
                  <a:pt x="151" y="167"/>
                </a:lnTo>
                <a:lnTo>
                  <a:pt x="164" y="165"/>
                </a:lnTo>
                <a:lnTo>
                  <a:pt x="168" y="158"/>
                </a:lnTo>
                <a:lnTo>
                  <a:pt x="173" y="152"/>
                </a:lnTo>
                <a:lnTo>
                  <a:pt x="182" y="142"/>
                </a:lnTo>
                <a:lnTo>
                  <a:pt x="188" y="144"/>
                </a:lnTo>
                <a:lnTo>
                  <a:pt x="193" y="147"/>
                </a:lnTo>
                <a:lnTo>
                  <a:pt x="193" y="152"/>
                </a:lnTo>
                <a:lnTo>
                  <a:pt x="196" y="150"/>
                </a:lnTo>
                <a:lnTo>
                  <a:pt x="200" y="150"/>
                </a:lnTo>
                <a:lnTo>
                  <a:pt x="205" y="150"/>
                </a:lnTo>
                <a:lnTo>
                  <a:pt x="210" y="147"/>
                </a:lnTo>
                <a:lnTo>
                  <a:pt x="214" y="141"/>
                </a:lnTo>
                <a:lnTo>
                  <a:pt x="223" y="135"/>
                </a:lnTo>
                <a:lnTo>
                  <a:pt x="223" y="130"/>
                </a:lnTo>
                <a:lnTo>
                  <a:pt x="226" y="128"/>
                </a:lnTo>
                <a:lnTo>
                  <a:pt x="226" y="123"/>
                </a:lnTo>
                <a:lnTo>
                  <a:pt x="216" y="115"/>
                </a:lnTo>
                <a:lnTo>
                  <a:pt x="212" y="108"/>
                </a:lnTo>
                <a:lnTo>
                  <a:pt x="205" y="103"/>
                </a:lnTo>
                <a:lnTo>
                  <a:pt x="195" y="96"/>
                </a:lnTo>
                <a:lnTo>
                  <a:pt x="192" y="90"/>
                </a:lnTo>
                <a:lnTo>
                  <a:pt x="187" y="87"/>
                </a:lnTo>
                <a:lnTo>
                  <a:pt x="185" y="81"/>
                </a:lnTo>
                <a:lnTo>
                  <a:pt x="177" y="76"/>
                </a:lnTo>
                <a:lnTo>
                  <a:pt x="175" y="70"/>
                </a:lnTo>
                <a:lnTo>
                  <a:pt x="173" y="68"/>
                </a:lnTo>
                <a:lnTo>
                  <a:pt x="169" y="61"/>
                </a:lnTo>
                <a:lnTo>
                  <a:pt x="167" y="58"/>
                </a:lnTo>
                <a:lnTo>
                  <a:pt x="162" y="56"/>
                </a:lnTo>
                <a:lnTo>
                  <a:pt x="159" y="50"/>
                </a:lnTo>
                <a:lnTo>
                  <a:pt x="157" y="46"/>
                </a:lnTo>
                <a:lnTo>
                  <a:pt x="147" y="43"/>
                </a:lnTo>
                <a:lnTo>
                  <a:pt x="144" y="38"/>
                </a:lnTo>
                <a:lnTo>
                  <a:pt x="131" y="34"/>
                </a:lnTo>
                <a:lnTo>
                  <a:pt x="130" y="29"/>
                </a:lnTo>
                <a:lnTo>
                  <a:pt x="124" y="29"/>
                </a:lnTo>
                <a:lnTo>
                  <a:pt x="120" y="25"/>
                </a:lnTo>
                <a:lnTo>
                  <a:pt x="113" y="22"/>
                </a:lnTo>
                <a:lnTo>
                  <a:pt x="104" y="19"/>
                </a:lnTo>
                <a:lnTo>
                  <a:pt x="92" y="17"/>
                </a:lnTo>
                <a:lnTo>
                  <a:pt x="84" y="13"/>
                </a:lnTo>
                <a:lnTo>
                  <a:pt x="74" y="13"/>
                </a:lnTo>
                <a:lnTo>
                  <a:pt x="63" y="11"/>
                </a:lnTo>
                <a:lnTo>
                  <a:pt x="56" y="14"/>
                </a:lnTo>
                <a:lnTo>
                  <a:pt x="49" y="12"/>
                </a:lnTo>
                <a:lnTo>
                  <a:pt x="44" y="13"/>
                </a:lnTo>
                <a:lnTo>
                  <a:pt x="36" y="6"/>
                </a:lnTo>
                <a:lnTo>
                  <a:pt x="29" y="3"/>
                </a:lnTo>
                <a:lnTo>
                  <a:pt x="23" y="0"/>
                </a:lnTo>
                <a:lnTo>
                  <a:pt x="14" y="0"/>
                </a:lnTo>
                <a:lnTo>
                  <a:pt x="9" y="0"/>
                </a:lnTo>
                <a:lnTo>
                  <a:pt x="7" y="0"/>
                </a:lnTo>
                <a:lnTo>
                  <a:pt x="4" y="1"/>
                </a:lnTo>
                <a:lnTo>
                  <a:pt x="2" y="7"/>
                </a:lnTo>
                <a:lnTo>
                  <a:pt x="0" y="9"/>
                </a:lnTo>
                <a:lnTo>
                  <a:pt x="0" y="12"/>
                </a:lnTo>
                <a:lnTo>
                  <a:pt x="7" y="25"/>
                </a:lnTo>
                <a:lnTo>
                  <a:pt x="2" y="29"/>
                </a:lnTo>
                <a:close/>
              </a:path>
            </a:pathLst>
          </a:custGeom>
          <a:solidFill>
            <a:srgbClr val="DDDDDD"/>
          </a:solidFill>
          <a:ln>
            <a:noFill/>
          </a:ln>
          <a:extLst>
            <a:ext uri="{91240B29-F687-4F45-9708-019B960494DF}">
              <a14:hiddenLine xmlns:a14="http://schemas.microsoft.com/office/drawing/2010/main" w="9525" cap="flat" cmpd="sng">
                <a:solidFill>
                  <a:srgbClr val="000000"/>
                </a:solidFill>
                <a:prstDash val="solid"/>
                <a:round/>
                <a:headEnd/>
                <a:tailEnd/>
              </a14:hiddenLine>
            </a:ext>
          </a:extLst>
        </xdr:spPr>
      </xdr:sp>
      <xdr:sp macro="" textlink="">
        <xdr:nvSpPr>
          <xdr:cNvPr id="149780" name="Freeform 116" descr="5%"/>
          <xdr:cNvSpPr>
            <a:spLocks/>
          </xdr:cNvSpPr>
        </xdr:nvSpPr>
        <xdr:spPr bwMode="auto">
          <a:xfrm>
            <a:off x="2286000" y="10515600"/>
            <a:ext cx="1781175" cy="1657350"/>
          </a:xfrm>
          <a:custGeom>
            <a:avLst/>
            <a:gdLst>
              <a:gd name="T0" fmla="*/ 2147483646 w 187"/>
              <a:gd name="T1" fmla="*/ 2147483646 h 174"/>
              <a:gd name="T2" fmla="*/ 2147483646 w 187"/>
              <a:gd name="T3" fmla="*/ 0 h 174"/>
              <a:gd name="T4" fmla="*/ 2147483646 w 187"/>
              <a:gd name="T5" fmla="*/ 2147483646 h 174"/>
              <a:gd name="T6" fmla="*/ 2147483646 w 187"/>
              <a:gd name="T7" fmla="*/ 2147483646 h 174"/>
              <a:gd name="T8" fmla="*/ 2147483646 w 187"/>
              <a:gd name="T9" fmla="*/ 2147483646 h 174"/>
              <a:gd name="T10" fmla="*/ 2147483646 w 187"/>
              <a:gd name="T11" fmla="*/ 2147483646 h 174"/>
              <a:gd name="T12" fmla="*/ 2147483646 w 187"/>
              <a:gd name="T13" fmla="*/ 2147483646 h 174"/>
              <a:gd name="T14" fmla="*/ 2147483646 w 187"/>
              <a:gd name="T15" fmla="*/ 2147483646 h 174"/>
              <a:gd name="T16" fmla="*/ 2147483646 w 187"/>
              <a:gd name="T17" fmla="*/ 2147483646 h 174"/>
              <a:gd name="T18" fmla="*/ 2147483646 w 187"/>
              <a:gd name="T19" fmla="*/ 2147483646 h 174"/>
              <a:gd name="T20" fmla="*/ 2147483646 w 187"/>
              <a:gd name="T21" fmla="*/ 2147483646 h 174"/>
              <a:gd name="T22" fmla="*/ 2147483646 w 187"/>
              <a:gd name="T23" fmla="*/ 2147483646 h 174"/>
              <a:gd name="T24" fmla="*/ 2147483646 w 187"/>
              <a:gd name="T25" fmla="*/ 2147483646 h 174"/>
              <a:gd name="T26" fmla="*/ 2147483646 w 187"/>
              <a:gd name="T27" fmla="*/ 2147483646 h 174"/>
              <a:gd name="T28" fmla="*/ 2147483646 w 187"/>
              <a:gd name="T29" fmla="*/ 2147483646 h 174"/>
              <a:gd name="T30" fmla="*/ 2147483646 w 187"/>
              <a:gd name="T31" fmla="*/ 2147483646 h 174"/>
              <a:gd name="T32" fmla="*/ 2147483646 w 187"/>
              <a:gd name="T33" fmla="*/ 2147483646 h 174"/>
              <a:gd name="T34" fmla="*/ 2147483646 w 187"/>
              <a:gd name="T35" fmla="*/ 2147483646 h 174"/>
              <a:gd name="T36" fmla="*/ 2147483646 w 187"/>
              <a:gd name="T37" fmla="*/ 2147483646 h 174"/>
              <a:gd name="T38" fmla="*/ 2147483646 w 187"/>
              <a:gd name="T39" fmla="*/ 2147483646 h 174"/>
              <a:gd name="T40" fmla="*/ 2147483646 w 187"/>
              <a:gd name="T41" fmla="*/ 2147483646 h 174"/>
              <a:gd name="T42" fmla="*/ 2147483646 w 187"/>
              <a:gd name="T43" fmla="*/ 2147483646 h 174"/>
              <a:gd name="T44" fmla="*/ 2147483646 w 187"/>
              <a:gd name="T45" fmla="*/ 2147483646 h 174"/>
              <a:gd name="T46" fmla="*/ 2147483646 w 187"/>
              <a:gd name="T47" fmla="*/ 2147483646 h 174"/>
              <a:gd name="T48" fmla="*/ 2147483646 w 187"/>
              <a:gd name="T49" fmla="*/ 2147483646 h 174"/>
              <a:gd name="T50" fmla="*/ 2147483646 w 187"/>
              <a:gd name="T51" fmla="*/ 2147483646 h 174"/>
              <a:gd name="T52" fmla="*/ 2147483646 w 187"/>
              <a:gd name="T53" fmla="*/ 2147483646 h 174"/>
              <a:gd name="T54" fmla="*/ 2147483646 w 187"/>
              <a:gd name="T55" fmla="*/ 2147483646 h 174"/>
              <a:gd name="T56" fmla="*/ 2147483646 w 187"/>
              <a:gd name="T57" fmla="*/ 2147483646 h 174"/>
              <a:gd name="T58" fmla="*/ 2147483646 w 187"/>
              <a:gd name="T59" fmla="*/ 2147483646 h 174"/>
              <a:gd name="T60" fmla="*/ 2147483646 w 187"/>
              <a:gd name="T61" fmla="*/ 2147483646 h 174"/>
              <a:gd name="T62" fmla="*/ 2147483646 w 187"/>
              <a:gd name="T63" fmla="*/ 2147483646 h 174"/>
              <a:gd name="T64" fmla="*/ 2147483646 w 187"/>
              <a:gd name="T65" fmla="*/ 2147483646 h 174"/>
              <a:gd name="T66" fmla="*/ 2147483646 w 187"/>
              <a:gd name="T67" fmla="*/ 2147483646 h 174"/>
              <a:gd name="T68" fmla="*/ 2147483646 w 187"/>
              <a:gd name="T69" fmla="*/ 2147483646 h 174"/>
              <a:gd name="T70" fmla="*/ 2147483646 w 187"/>
              <a:gd name="T71" fmla="*/ 2147483646 h 174"/>
              <a:gd name="T72" fmla="*/ 2147483646 w 187"/>
              <a:gd name="T73" fmla="*/ 2147483646 h 174"/>
              <a:gd name="T74" fmla="*/ 2147483646 w 187"/>
              <a:gd name="T75" fmla="*/ 2147483646 h 174"/>
              <a:gd name="T76" fmla="*/ 2147483646 w 187"/>
              <a:gd name="T77" fmla="*/ 2147483646 h 174"/>
              <a:gd name="T78" fmla="*/ 2147483646 w 187"/>
              <a:gd name="T79" fmla="*/ 2147483646 h 174"/>
              <a:gd name="T80" fmla="*/ 2147483646 w 187"/>
              <a:gd name="T81" fmla="*/ 2147483646 h 174"/>
              <a:gd name="T82" fmla="*/ 0 w 187"/>
              <a:gd name="T83" fmla="*/ 2147483646 h 174"/>
              <a:gd name="T84" fmla="*/ 2147483646 w 187"/>
              <a:gd name="T85" fmla="*/ 2147483646 h 174"/>
              <a:gd name="T86" fmla="*/ 2147483646 w 187"/>
              <a:gd name="T87" fmla="*/ 2147483646 h 174"/>
              <a:gd name="T88" fmla="*/ 2147483646 w 187"/>
              <a:gd name="T89" fmla="*/ 2147483646 h 174"/>
              <a:gd name="T90" fmla="*/ 2147483646 w 187"/>
              <a:gd name="T91" fmla="*/ 2147483646 h 174"/>
              <a:gd name="T92" fmla="*/ 2147483646 w 187"/>
              <a:gd name="T93" fmla="*/ 2147483646 h 174"/>
              <a:gd name="T94" fmla="*/ 2147483646 w 187"/>
              <a:gd name="T95" fmla="*/ 2147483646 h 174"/>
              <a:gd name="T96" fmla="*/ 2147483646 w 187"/>
              <a:gd name="T97" fmla="*/ 2147483646 h 174"/>
              <a:gd name="T98" fmla="*/ 2147483646 w 187"/>
              <a:gd name="T99" fmla="*/ 2147483646 h 174"/>
              <a:gd name="T100" fmla="*/ 2147483646 w 187"/>
              <a:gd name="T101" fmla="*/ 2147483646 h 174"/>
              <a:gd name="T102" fmla="*/ 2147483646 w 187"/>
              <a:gd name="T103" fmla="*/ 2147483646 h 174"/>
              <a:gd name="T104" fmla="*/ 2147483646 w 187"/>
              <a:gd name="T105" fmla="*/ 2147483646 h 174"/>
              <a:gd name="T106" fmla="*/ 2147483646 w 187"/>
              <a:gd name="T107" fmla="*/ 2147483646 h 174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w 187"/>
              <a:gd name="T163" fmla="*/ 0 h 174"/>
              <a:gd name="T164" fmla="*/ 187 w 187"/>
              <a:gd name="T165" fmla="*/ 174 h 174"/>
            </a:gdLst>
            <a:ahLst/>
            <a:cxnLst>
              <a:cxn ang="T108">
                <a:pos x="T0" y="T1"/>
              </a:cxn>
              <a:cxn ang="T109">
                <a:pos x="T2" y="T3"/>
              </a:cxn>
              <a:cxn ang="T110">
                <a:pos x="T4" y="T5"/>
              </a:cxn>
              <a:cxn ang="T111">
                <a:pos x="T6" y="T7"/>
              </a:cxn>
              <a:cxn ang="T112">
                <a:pos x="T8" y="T9"/>
              </a:cxn>
              <a:cxn ang="T113">
                <a:pos x="T10" y="T11"/>
              </a:cxn>
              <a:cxn ang="T114">
                <a:pos x="T12" y="T13"/>
              </a:cxn>
              <a:cxn ang="T115">
                <a:pos x="T14" y="T15"/>
              </a:cxn>
              <a:cxn ang="T116">
                <a:pos x="T16" y="T17"/>
              </a:cxn>
              <a:cxn ang="T117">
                <a:pos x="T18" y="T19"/>
              </a:cxn>
              <a:cxn ang="T118">
                <a:pos x="T20" y="T21"/>
              </a:cxn>
              <a:cxn ang="T119">
                <a:pos x="T22" y="T23"/>
              </a:cxn>
              <a:cxn ang="T120">
                <a:pos x="T24" y="T25"/>
              </a:cxn>
              <a:cxn ang="T121">
                <a:pos x="T26" y="T27"/>
              </a:cxn>
              <a:cxn ang="T122">
                <a:pos x="T28" y="T29"/>
              </a:cxn>
              <a:cxn ang="T123">
                <a:pos x="T30" y="T31"/>
              </a:cxn>
              <a:cxn ang="T124">
                <a:pos x="T32" y="T33"/>
              </a:cxn>
              <a:cxn ang="T125">
                <a:pos x="T34" y="T35"/>
              </a:cxn>
              <a:cxn ang="T126">
                <a:pos x="T36" y="T37"/>
              </a:cxn>
              <a:cxn ang="T127">
                <a:pos x="T38" y="T39"/>
              </a:cxn>
              <a:cxn ang="T128">
                <a:pos x="T40" y="T41"/>
              </a:cxn>
              <a:cxn ang="T129">
                <a:pos x="T42" y="T43"/>
              </a:cxn>
              <a:cxn ang="T130">
                <a:pos x="T44" y="T45"/>
              </a:cxn>
              <a:cxn ang="T131">
                <a:pos x="T46" y="T47"/>
              </a:cxn>
              <a:cxn ang="T132">
                <a:pos x="T48" y="T49"/>
              </a:cxn>
              <a:cxn ang="T133">
                <a:pos x="T50" y="T51"/>
              </a:cxn>
              <a:cxn ang="T134">
                <a:pos x="T52" y="T53"/>
              </a:cxn>
              <a:cxn ang="T135">
                <a:pos x="T54" y="T55"/>
              </a:cxn>
              <a:cxn ang="T136">
                <a:pos x="T56" y="T57"/>
              </a:cxn>
              <a:cxn ang="T137">
                <a:pos x="T58" y="T59"/>
              </a:cxn>
              <a:cxn ang="T138">
                <a:pos x="T60" y="T61"/>
              </a:cxn>
              <a:cxn ang="T139">
                <a:pos x="T62" y="T63"/>
              </a:cxn>
              <a:cxn ang="T140">
                <a:pos x="T64" y="T65"/>
              </a:cxn>
              <a:cxn ang="T141">
                <a:pos x="T66" y="T67"/>
              </a:cxn>
              <a:cxn ang="T142">
                <a:pos x="T68" y="T69"/>
              </a:cxn>
              <a:cxn ang="T143">
                <a:pos x="T70" y="T71"/>
              </a:cxn>
              <a:cxn ang="T144">
                <a:pos x="T72" y="T73"/>
              </a:cxn>
              <a:cxn ang="T145">
                <a:pos x="T74" y="T75"/>
              </a:cxn>
              <a:cxn ang="T146">
                <a:pos x="T76" y="T77"/>
              </a:cxn>
              <a:cxn ang="T147">
                <a:pos x="T78" y="T79"/>
              </a:cxn>
              <a:cxn ang="T148">
                <a:pos x="T80" y="T81"/>
              </a:cxn>
              <a:cxn ang="T149">
                <a:pos x="T82" y="T83"/>
              </a:cxn>
              <a:cxn ang="T150">
                <a:pos x="T84" y="T85"/>
              </a:cxn>
              <a:cxn ang="T151">
                <a:pos x="T86" y="T87"/>
              </a:cxn>
              <a:cxn ang="T152">
                <a:pos x="T88" y="T89"/>
              </a:cxn>
              <a:cxn ang="T153">
                <a:pos x="T90" y="T91"/>
              </a:cxn>
              <a:cxn ang="T154">
                <a:pos x="T92" y="T93"/>
              </a:cxn>
              <a:cxn ang="T155">
                <a:pos x="T94" y="T95"/>
              </a:cxn>
              <a:cxn ang="T156">
                <a:pos x="T96" y="T97"/>
              </a:cxn>
              <a:cxn ang="T157">
                <a:pos x="T98" y="T99"/>
              </a:cxn>
              <a:cxn ang="T158">
                <a:pos x="T100" y="T101"/>
              </a:cxn>
              <a:cxn ang="T159">
                <a:pos x="T102" y="T103"/>
              </a:cxn>
              <a:cxn ang="T160">
                <a:pos x="T104" y="T105"/>
              </a:cxn>
              <a:cxn ang="T161">
                <a:pos x="T106" y="T107"/>
              </a:cxn>
            </a:cxnLst>
            <a:rect l="T162" t="T163" r="T164" b="T165"/>
            <a:pathLst>
              <a:path w="187" h="174">
                <a:moveTo>
                  <a:pt x="72" y="4"/>
                </a:moveTo>
                <a:lnTo>
                  <a:pt x="82" y="5"/>
                </a:lnTo>
                <a:lnTo>
                  <a:pt x="92" y="7"/>
                </a:lnTo>
                <a:lnTo>
                  <a:pt x="107" y="0"/>
                </a:lnTo>
                <a:lnTo>
                  <a:pt x="112" y="0"/>
                </a:lnTo>
                <a:lnTo>
                  <a:pt x="116" y="5"/>
                </a:lnTo>
                <a:lnTo>
                  <a:pt x="119" y="2"/>
                </a:lnTo>
                <a:lnTo>
                  <a:pt x="122" y="4"/>
                </a:lnTo>
                <a:lnTo>
                  <a:pt x="125" y="8"/>
                </a:lnTo>
                <a:lnTo>
                  <a:pt x="130" y="10"/>
                </a:lnTo>
                <a:lnTo>
                  <a:pt x="133" y="16"/>
                </a:lnTo>
                <a:lnTo>
                  <a:pt x="139" y="24"/>
                </a:lnTo>
                <a:lnTo>
                  <a:pt x="140" y="31"/>
                </a:lnTo>
                <a:lnTo>
                  <a:pt x="138" y="40"/>
                </a:lnTo>
                <a:lnTo>
                  <a:pt x="133" y="45"/>
                </a:lnTo>
                <a:lnTo>
                  <a:pt x="122" y="51"/>
                </a:lnTo>
                <a:lnTo>
                  <a:pt x="97" y="63"/>
                </a:lnTo>
                <a:lnTo>
                  <a:pt x="107" y="77"/>
                </a:lnTo>
                <a:lnTo>
                  <a:pt x="113" y="83"/>
                </a:lnTo>
                <a:lnTo>
                  <a:pt x="122" y="85"/>
                </a:lnTo>
                <a:lnTo>
                  <a:pt x="126" y="83"/>
                </a:lnTo>
                <a:lnTo>
                  <a:pt x="127" y="84"/>
                </a:lnTo>
                <a:lnTo>
                  <a:pt x="134" y="81"/>
                </a:lnTo>
                <a:lnTo>
                  <a:pt x="141" y="78"/>
                </a:lnTo>
                <a:lnTo>
                  <a:pt x="151" y="73"/>
                </a:lnTo>
                <a:lnTo>
                  <a:pt x="165" y="66"/>
                </a:lnTo>
                <a:lnTo>
                  <a:pt x="177" y="64"/>
                </a:lnTo>
                <a:lnTo>
                  <a:pt x="186" y="66"/>
                </a:lnTo>
                <a:lnTo>
                  <a:pt x="187" y="72"/>
                </a:lnTo>
                <a:lnTo>
                  <a:pt x="187" y="83"/>
                </a:lnTo>
                <a:lnTo>
                  <a:pt x="186" y="84"/>
                </a:lnTo>
                <a:lnTo>
                  <a:pt x="183" y="83"/>
                </a:lnTo>
                <a:lnTo>
                  <a:pt x="180" y="79"/>
                </a:lnTo>
                <a:lnTo>
                  <a:pt x="175" y="80"/>
                </a:lnTo>
                <a:lnTo>
                  <a:pt x="172" y="83"/>
                </a:lnTo>
                <a:lnTo>
                  <a:pt x="168" y="86"/>
                </a:lnTo>
                <a:lnTo>
                  <a:pt x="167" y="91"/>
                </a:lnTo>
                <a:lnTo>
                  <a:pt x="163" y="94"/>
                </a:lnTo>
                <a:lnTo>
                  <a:pt x="159" y="99"/>
                </a:lnTo>
                <a:lnTo>
                  <a:pt x="160" y="104"/>
                </a:lnTo>
                <a:lnTo>
                  <a:pt x="163" y="108"/>
                </a:lnTo>
                <a:lnTo>
                  <a:pt x="166" y="104"/>
                </a:lnTo>
                <a:lnTo>
                  <a:pt x="169" y="102"/>
                </a:lnTo>
                <a:lnTo>
                  <a:pt x="173" y="100"/>
                </a:lnTo>
                <a:lnTo>
                  <a:pt x="178" y="100"/>
                </a:lnTo>
                <a:lnTo>
                  <a:pt x="176" y="107"/>
                </a:lnTo>
                <a:lnTo>
                  <a:pt x="171" y="111"/>
                </a:lnTo>
                <a:lnTo>
                  <a:pt x="166" y="116"/>
                </a:lnTo>
                <a:lnTo>
                  <a:pt x="159" y="121"/>
                </a:lnTo>
                <a:lnTo>
                  <a:pt x="156" y="127"/>
                </a:lnTo>
                <a:lnTo>
                  <a:pt x="151" y="130"/>
                </a:lnTo>
                <a:lnTo>
                  <a:pt x="146" y="130"/>
                </a:lnTo>
                <a:lnTo>
                  <a:pt x="142" y="133"/>
                </a:lnTo>
                <a:lnTo>
                  <a:pt x="138" y="139"/>
                </a:lnTo>
                <a:lnTo>
                  <a:pt x="125" y="151"/>
                </a:lnTo>
                <a:lnTo>
                  <a:pt x="122" y="156"/>
                </a:lnTo>
                <a:lnTo>
                  <a:pt x="118" y="160"/>
                </a:lnTo>
                <a:lnTo>
                  <a:pt x="115" y="163"/>
                </a:lnTo>
                <a:lnTo>
                  <a:pt x="113" y="168"/>
                </a:lnTo>
                <a:lnTo>
                  <a:pt x="111" y="172"/>
                </a:lnTo>
                <a:lnTo>
                  <a:pt x="111" y="174"/>
                </a:lnTo>
                <a:lnTo>
                  <a:pt x="109" y="172"/>
                </a:lnTo>
                <a:lnTo>
                  <a:pt x="103" y="171"/>
                </a:lnTo>
                <a:lnTo>
                  <a:pt x="99" y="173"/>
                </a:lnTo>
                <a:lnTo>
                  <a:pt x="94" y="171"/>
                </a:lnTo>
                <a:lnTo>
                  <a:pt x="93" y="164"/>
                </a:lnTo>
                <a:lnTo>
                  <a:pt x="87" y="160"/>
                </a:lnTo>
                <a:lnTo>
                  <a:pt x="79" y="159"/>
                </a:lnTo>
                <a:lnTo>
                  <a:pt x="63" y="173"/>
                </a:lnTo>
                <a:lnTo>
                  <a:pt x="60" y="173"/>
                </a:lnTo>
                <a:lnTo>
                  <a:pt x="48" y="170"/>
                </a:lnTo>
                <a:lnTo>
                  <a:pt x="40" y="169"/>
                </a:lnTo>
                <a:lnTo>
                  <a:pt x="38" y="163"/>
                </a:lnTo>
                <a:lnTo>
                  <a:pt x="32" y="158"/>
                </a:lnTo>
                <a:lnTo>
                  <a:pt x="28" y="156"/>
                </a:lnTo>
                <a:lnTo>
                  <a:pt x="23" y="149"/>
                </a:lnTo>
                <a:lnTo>
                  <a:pt x="9" y="146"/>
                </a:lnTo>
                <a:lnTo>
                  <a:pt x="7" y="143"/>
                </a:lnTo>
                <a:lnTo>
                  <a:pt x="5" y="137"/>
                </a:lnTo>
                <a:lnTo>
                  <a:pt x="3" y="134"/>
                </a:lnTo>
                <a:lnTo>
                  <a:pt x="2" y="133"/>
                </a:lnTo>
                <a:lnTo>
                  <a:pt x="2" y="132"/>
                </a:lnTo>
                <a:lnTo>
                  <a:pt x="2" y="127"/>
                </a:lnTo>
                <a:lnTo>
                  <a:pt x="0" y="125"/>
                </a:lnTo>
                <a:lnTo>
                  <a:pt x="8" y="125"/>
                </a:lnTo>
                <a:lnTo>
                  <a:pt x="12" y="123"/>
                </a:lnTo>
                <a:lnTo>
                  <a:pt x="16" y="124"/>
                </a:lnTo>
                <a:lnTo>
                  <a:pt x="24" y="115"/>
                </a:lnTo>
                <a:lnTo>
                  <a:pt x="29" y="108"/>
                </a:lnTo>
                <a:lnTo>
                  <a:pt x="35" y="104"/>
                </a:lnTo>
                <a:lnTo>
                  <a:pt x="41" y="100"/>
                </a:lnTo>
                <a:lnTo>
                  <a:pt x="43" y="93"/>
                </a:lnTo>
                <a:lnTo>
                  <a:pt x="47" y="93"/>
                </a:lnTo>
                <a:lnTo>
                  <a:pt x="50" y="90"/>
                </a:lnTo>
                <a:lnTo>
                  <a:pt x="51" y="87"/>
                </a:lnTo>
                <a:lnTo>
                  <a:pt x="53" y="75"/>
                </a:lnTo>
                <a:lnTo>
                  <a:pt x="56" y="63"/>
                </a:lnTo>
                <a:lnTo>
                  <a:pt x="62" y="59"/>
                </a:lnTo>
                <a:lnTo>
                  <a:pt x="70" y="50"/>
                </a:lnTo>
                <a:lnTo>
                  <a:pt x="73" y="45"/>
                </a:lnTo>
                <a:lnTo>
                  <a:pt x="71" y="32"/>
                </a:lnTo>
                <a:lnTo>
                  <a:pt x="71" y="25"/>
                </a:lnTo>
                <a:lnTo>
                  <a:pt x="70" y="22"/>
                </a:lnTo>
                <a:lnTo>
                  <a:pt x="67" y="18"/>
                </a:lnTo>
                <a:lnTo>
                  <a:pt x="63" y="18"/>
                </a:lnTo>
                <a:lnTo>
                  <a:pt x="64" y="15"/>
                </a:lnTo>
                <a:lnTo>
                  <a:pt x="67" y="6"/>
                </a:lnTo>
                <a:lnTo>
                  <a:pt x="72" y="4"/>
                </a:lnTo>
                <a:close/>
              </a:path>
            </a:pathLst>
          </a:custGeom>
          <a:pattFill prst="pct5">
            <a:fgClr>
              <a:srgbClr val="000000"/>
            </a:fgClr>
            <a:bgClr>
              <a:srgbClr val="FFFFFF"/>
            </a:bgClr>
          </a:pattFill>
          <a:ln>
            <a:noFill/>
          </a:ln>
          <a:extLst>
            <a:ext uri="{91240B29-F687-4F45-9708-019B960494DF}">
              <a14:hiddenLine xmlns:a14="http://schemas.microsoft.com/office/drawing/2010/main" w="9525" cap="flat" cmpd="sng">
                <a:solidFill>
                  <a:srgbClr val="000000"/>
                </a:solidFill>
                <a:prstDash val="solid"/>
                <a:round/>
                <a:headEnd/>
                <a:tailEnd/>
              </a14:hiddenLine>
            </a:ext>
          </a:extLst>
        </xdr:spPr>
      </xdr:sp>
      <xdr:sp macro="" textlink="">
        <xdr:nvSpPr>
          <xdr:cNvPr id="149781" name="Freeform 117"/>
          <xdr:cNvSpPr>
            <a:spLocks/>
          </xdr:cNvSpPr>
        </xdr:nvSpPr>
        <xdr:spPr bwMode="auto">
          <a:xfrm>
            <a:off x="1962150" y="13344525"/>
            <a:ext cx="952500" cy="600075"/>
          </a:xfrm>
          <a:custGeom>
            <a:avLst/>
            <a:gdLst>
              <a:gd name="T0" fmla="*/ 0 w 100"/>
              <a:gd name="T1" fmla="*/ 2147483646 h 63"/>
              <a:gd name="T2" fmla="*/ 2147483646 w 100"/>
              <a:gd name="T3" fmla="*/ 2147483646 h 63"/>
              <a:gd name="T4" fmla="*/ 2147483646 w 100"/>
              <a:gd name="T5" fmla="*/ 2147483646 h 63"/>
              <a:gd name="T6" fmla="*/ 2147483646 w 100"/>
              <a:gd name="T7" fmla="*/ 2147483646 h 63"/>
              <a:gd name="T8" fmla="*/ 2147483646 w 100"/>
              <a:gd name="T9" fmla="*/ 2147483646 h 63"/>
              <a:gd name="T10" fmla="*/ 2147483646 w 100"/>
              <a:gd name="T11" fmla="*/ 2147483646 h 63"/>
              <a:gd name="T12" fmla="*/ 2147483646 w 100"/>
              <a:gd name="T13" fmla="*/ 2147483646 h 63"/>
              <a:gd name="T14" fmla="*/ 2147483646 w 100"/>
              <a:gd name="T15" fmla="*/ 2147483646 h 63"/>
              <a:gd name="T16" fmla="*/ 2147483646 w 100"/>
              <a:gd name="T17" fmla="*/ 2147483646 h 63"/>
              <a:gd name="T18" fmla="*/ 2147483646 w 100"/>
              <a:gd name="T19" fmla="*/ 2147483646 h 63"/>
              <a:gd name="T20" fmla="*/ 2147483646 w 100"/>
              <a:gd name="T21" fmla="*/ 2147483646 h 63"/>
              <a:gd name="T22" fmla="*/ 2147483646 w 100"/>
              <a:gd name="T23" fmla="*/ 2147483646 h 63"/>
              <a:gd name="T24" fmla="*/ 2147483646 w 100"/>
              <a:gd name="T25" fmla="*/ 2147483646 h 63"/>
              <a:gd name="T26" fmla="*/ 2147483646 w 100"/>
              <a:gd name="T27" fmla="*/ 2147483646 h 63"/>
              <a:gd name="T28" fmla="*/ 2147483646 w 100"/>
              <a:gd name="T29" fmla="*/ 2147483646 h 63"/>
              <a:gd name="T30" fmla="*/ 2147483646 w 100"/>
              <a:gd name="T31" fmla="*/ 2147483646 h 63"/>
              <a:gd name="T32" fmla="*/ 2147483646 w 100"/>
              <a:gd name="T33" fmla="*/ 0 h 63"/>
              <a:gd name="T34" fmla="*/ 2147483646 w 100"/>
              <a:gd name="T35" fmla="*/ 2147483646 h 63"/>
              <a:gd name="T36" fmla="*/ 2147483646 w 100"/>
              <a:gd name="T37" fmla="*/ 2147483646 h 63"/>
              <a:gd name="T38" fmla="*/ 2147483646 w 100"/>
              <a:gd name="T39" fmla="*/ 2147483646 h 63"/>
              <a:gd name="T40" fmla="*/ 2147483646 w 100"/>
              <a:gd name="T41" fmla="*/ 2147483646 h 63"/>
              <a:gd name="T42" fmla="*/ 2147483646 w 100"/>
              <a:gd name="T43" fmla="*/ 2147483646 h 63"/>
              <a:gd name="T44" fmla="*/ 2147483646 w 100"/>
              <a:gd name="T45" fmla="*/ 2147483646 h 63"/>
              <a:gd name="T46" fmla="*/ 2147483646 w 100"/>
              <a:gd name="T47" fmla="*/ 2147483646 h 63"/>
              <a:gd name="T48" fmla="*/ 2147483646 w 100"/>
              <a:gd name="T49" fmla="*/ 2147483646 h 63"/>
              <a:gd name="T50" fmla="*/ 2147483646 w 100"/>
              <a:gd name="T51" fmla="*/ 2147483646 h 63"/>
              <a:gd name="T52" fmla="*/ 2147483646 w 100"/>
              <a:gd name="T53" fmla="*/ 2147483646 h 63"/>
              <a:gd name="T54" fmla="*/ 2147483646 w 100"/>
              <a:gd name="T55" fmla="*/ 2147483646 h 63"/>
              <a:gd name="T56" fmla="*/ 2147483646 w 100"/>
              <a:gd name="T57" fmla="*/ 2147483646 h 63"/>
              <a:gd name="T58" fmla="*/ 2147483646 w 100"/>
              <a:gd name="T59" fmla="*/ 2147483646 h 63"/>
              <a:gd name="T60" fmla="*/ 2147483646 w 100"/>
              <a:gd name="T61" fmla="*/ 2147483646 h 63"/>
              <a:gd name="T62" fmla="*/ 2147483646 w 100"/>
              <a:gd name="T63" fmla="*/ 2147483646 h 63"/>
              <a:gd name="T64" fmla="*/ 2147483646 w 100"/>
              <a:gd name="T65" fmla="*/ 2147483646 h 63"/>
              <a:gd name="T66" fmla="*/ 2147483646 w 100"/>
              <a:gd name="T67" fmla="*/ 2147483646 h 63"/>
              <a:gd name="T68" fmla="*/ 2147483646 w 100"/>
              <a:gd name="T69" fmla="*/ 2147483646 h 63"/>
              <a:gd name="T70" fmla="*/ 2147483646 w 100"/>
              <a:gd name="T71" fmla="*/ 2147483646 h 63"/>
              <a:gd name="T72" fmla="*/ 2147483646 w 100"/>
              <a:gd name="T73" fmla="*/ 2147483646 h 63"/>
              <a:gd name="T74" fmla="*/ 2147483646 w 100"/>
              <a:gd name="T75" fmla="*/ 2147483646 h 63"/>
              <a:gd name="T76" fmla="*/ 2147483646 w 100"/>
              <a:gd name="T77" fmla="*/ 2147483646 h 63"/>
              <a:gd name="T78" fmla="*/ 2147483646 w 100"/>
              <a:gd name="T79" fmla="*/ 2147483646 h 63"/>
              <a:gd name="T80" fmla="*/ 2147483646 w 100"/>
              <a:gd name="T81" fmla="*/ 2147483646 h 63"/>
              <a:gd name="T82" fmla="*/ 2147483646 w 100"/>
              <a:gd name="T83" fmla="*/ 2147483646 h 63"/>
              <a:gd name="T84" fmla="*/ 2147483646 w 100"/>
              <a:gd name="T85" fmla="*/ 2147483646 h 63"/>
              <a:gd name="T86" fmla="*/ 2147483646 w 100"/>
              <a:gd name="T87" fmla="*/ 2147483646 h 63"/>
              <a:gd name="T88" fmla="*/ 2147483646 w 100"/>
              <a:gd name="T89" fmla="*/ 2147483646 h 63"/>
              <a:gd name="T90" fmla="*/ 2147483646 w 100"/>
              <a:gd name="T91" fmla="*/ 2147483646 h 63"/>
              <a:gd name="T92" fmla="*/ 2147483646 w 100"/>
              <a:gd name="T93" fmla="*/ 2147483646 h 63"/>
              <a:gd name="T94" fmla="*/ 2147483646 w 100"/>
              <a:gd name="T95" fmla="*/ 2147483646 h 63"/>
              <a:gd name="T96" fmla="*/ 2147483646 w 100"/>
              <a:gd name="T97" fmla="*/ 2147483646 h 63"/>
              <a:gd name="T98" fmla="*/ 2147483646 w 100"/>
              <a:gd name="T99" fmla="*/ 2147483646 h 63"/>
              <a:gd name="T100" fmla="*/ 2147483646 w 100"/>
              <a:gd name="T101" fmla="*/ 2147483646 h 63"/>
              <a:gd name="T102" fmla="*/ 2147483646 w 100"/>
              <a:gd name="T103" fmla="*/ 2147483646 h 63"/>
              <a:gd name="T104" fmla="*/ 0 w 100"/>
              <a:gd name="T105" fmla="*/ 2147483646 h 63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00"/>
              <a:gd name="T160" fmla="*/ 0 h 63"/>
              <a:gd name="T161" fmla="*/ 100 w 100"/>
              <a:gd name="T162" fmla="*/ 63 h 63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00" h="63">
                <a:moveTo>
                  <a:pt x="0" y="62"/>
                </a:moveTo>
                <a:lnTo>
                  <a:pt x="2" y="48"/>
                </a:lnTo>
                <a:lnTo>
                  <a:pt x="3" y="44"/>
                </a:lnTo>
                <a:lnTo>
                  <a:pt x="4" y="42"/>
                </a:lnTo>
                <a:lnTo>
                  <a:pt x="3" y="40"/>
                </a:lnTo>
                <a:lnTo>
                  <a:pt x="4" y="36"/>
                </a:lnTo>
                <a:lnTo>
                  <a:pt x="7" y="35"/>
                </a:lnTo>
                <a:lnTo>
                  <a:pt x="10" y="37"/>
                </a:lnTo>
                <a:lnTo>
                  <a:pt x="13" y="34"/>
                </a:lnTo>
                <a:lnTo>
                  <a:pt x="17" y="37"/>
                </a:lnTo>
                <a:lnTo>
                  <a:pt x="16" y="40"/>
                </a:lnTo>
                <a:lnTo>
                  <a:pt x="20" y="41"/>
                </a:lnTo>
                <a:lnTo>
                  <a:pt x="30" y="24"/>
                </a:lnTo>
                <a:lnTo>
                  <a:pt x="35" y="19"/>
                </a:lnTo>
                <a:lnTo>
                  <a:pt x="44" y="11"/>
                </a:lnTo>
                <a:lnTo>
                  <a:pt x="51" y="8"/>
                </a:lnTo>
                <a:lnTo>
                  <a:pt x="65" y="0"/>
                </a:lnTo>
                <a:lnTo>
                  <a:pt x="71" y="5"/>
                </a:lnTo>
                <a:lnTo>
                  <a:pt x="78" y="9"/>
                </a:lnTo>
                <a:lnTo>
                  <a:pt x="86" y="13"/>
                </a:lnTo>
                <a:lnTo>
                  <a:pt x="93" y="15"/>
                </a:lnTo>
                <a:lnTo>
                  <a:pt x="93" y="19"/>
                </a:lnTo>
                <a:lnTo>
                  <a:pt x="100" y="22"/>
                </a:lnTo>
                <a:lnTo>
                  <a:pt x="100" y="23"/>
                </a:lnTo>
                <a:lnTo>
                  <a:pt x="96" y="22"/>
                </a:lnTo>
                <a:lnTo>
                  <a:pt x="94" y="26"/>
                </a:lnTo>
                <a:lnTo>
                  <a:pt x="95" y="33"/>
                </a:lnTo>
                <a:lnTo>
                  <a:pt x="96" y="36"/>
                </a:lnTo>
                <a:lnTo>
                  <a:pt x="93" y="42"/>
                </a:lnTo>
                <a:lnTo>
                  <a:pt x="89" y="45"/>
                </a:lnTo>
                <a:lnTo>
                  <a:pt x="85" y="48"/>
                </a:lnTo>
                <a:lnTo>
                  <a:pt x="81" y="51"/>
                </a:lnTo>
                <a:lnTo>
                  <a:pt x="79" y="55"/>
                </a:lnTo>
                <a:lnTo>
                  <a:pt x="76" y="55"/>
                </a:lnTo>
                <a:lnTo>
                  <a:pt x="71" y="57"/>
                </a:lnTo>
                <a:lnTo>
                  <a:pt x="68" y="59"/>
                </a:lnTo>
                <a:lnTo>
                  <a:pt x="64" y="62"/>
                </a:lnTo>
                <a:lnTo>
                  <a:pt x="58" y="58"/>
                </a:lnTo>
                <a:lnTo>
                  <a:pt x="51" y="59"/>
                </a:lnTo>
                <a:lnTo>
                  <a:pt x="45" y="57"/>
                </a:lnTo>
                <a:lnTo>
                  <a:pt x="41" y="60"/>
                </a:lnTo>
                <a:lnTo>
                  <a:pt x="37" y="62"/>
                </a:lnTo>
                <a:lnTo>
                  <a:pt x="34" y="62"/>
                </a:lnTo>
                <a:lnTo>
                  <a:pt x="29" y="61"/>
                </a:lnTo>
                <a:lnTo>
                  <a:pt x="28" y="62"/>
                </a:lnTo>
                <a:lnTo>
                  <a:pt x="25" y="60"/>
                </a:lnTo>
                <a:lnTo>
                  <a:pt x="22" y="57"/>
                </a:lnTo>
                <a:lnTo>
                  <a:pt x="19" y="56"/>
                </a:lnTo>
                <a:lnTo>
                  <a:pt x="14" y="56"/>
                </a:lnTo>
                <a:lnTo>
                  <a:pt x="10" y="57"/>
                </a:lnTo>
                <a:lnTo>
                  <a:pt x="6" y="61"/>
                </a:lnTo>
                <a:lnTo>
                  <a:pt x="4" y="63"/>
                </a:lnTo>
                <a:lnTo>
                  <a:pt x="0" y="62"/>
                </a:lnTo>
                <a:close/>
              </a:path>
            </a:pathLst>
          </a:custGeom>
          <a:solidFill>
            <a:srgbClr val="FFFFFF"/>
          </a:solidFill>
          <a:ln>
            <a:noFill/>
          </a:ln>
          <a:extLst>
            <a:ext uri="{91240B29-F687-4F45-9708-019B960494DF}">
              <a14:hiddenLine xmlns:a14="http://schemas.microsoft.com/office/drawing/2010/main" w="9525" cap="flat" cmpd="sng">
                <a:solidFill>
                  <a:srgbClr val="000000"/>
                </a:solidFill>
                <a:prstDash val="solid"/>
                <a:round/>
                <a:headEnd type="none" w="med" len="med"/>
                <a:tailEnd type="none" w="med" len="med"/>
              </a14:hiddenLine>
            </a:ext>
          </a:extLst>
        </xdr:spPr>
      </xdr:sp>
      <xdr:sp macro="" textlink="">
        <xdr:nvSpPr>
          <xdr:cNvPr id="149782" name="Rectangle 118" descr="5%"/>
          <xdr:cNvSpPr>
            <a:spLocks noChangeArrowheads="1"/>
          </xdr:cNvSpPr>
        </xdr:nvSpPr>
        <xdr:spPr bwMode="auto">
          <a:xfrm>
            <a:off x="1219200" y="10210800"/>
            <a:ext cx="609600" cy="304800"/>
          </a:xfrm>
          <a:prstGeom prst="rect">
            <a:avLst/>
          </a:prstGeom>
          <a:pattFill prst="pct5">
            <a:fgClr>
              <a:srgbClr val="000000"/>
            </a:fgClr>
            <a:bgClr>
              <a:srgbClr val="FFFFFF"/>
            </a:bgClr>
          </a:pattFill>
          <a:ln w="9525" algn="ctr">
            <a:solidFill>
              <a:srgbClr val="000000"/>
            </a:solidFill>
            <a:miter lim="800000"/>
            <a:headEnd/>
            <a:tailEnd/>
          </a:ln>
        </xdr:spPr>
      </xdr:sp>
      <xdr:sp macro="" textlink="">
        <xdr:nvSpPr>
          <xdr:cNvPr id="149783" name="Rectangle 119"/>
          <xdr:cNvSpPr>
            <a:spLocks noChangeArrowheads="1"/>
          </xdr:cNvSpPr>
        </xdr:nvSpPr>
        <xdr:spPr bwMode="auto">
          <a:xfrm>
            <a:off x="1228725" y="9753600"/>
            <a:ext cx="600075" cy="304800"/>
          </a:xfrm>
          <a:prstGeom prst="rect">
            <a:avLst/>
          </a:prstGeom>
          <a:solidFill>
            <a:srgbClr val="DDDDDD"/>
          </a:solidFill>
          <a:ln w="9525" algn="ctr">
            <a:solidFill>
              <a:srgbClr val="000000"/>
            </a:solidFill>
            <a:miter lim="800000"/>
            <a:headEnd/>
            <a:tailEnd/>
          </a:ln>
        </xdr:spPr>
      </xdr:sp>
      <xdr:grpSp>
        <xdr:nvGrpSpPr>
          <xdr:cNvPr id="149784" name="Group 219"/>
          <xdr:cNvGrpSpPr>
            <a:grpSpLocks/>
          </xdr:cNvGrpSpPr>
        </xdr:nvGrpSpPr>
        <xdr:grpSpPr bwMode="auto">
          <a:xfrm>
            <a:off x="9172575" y="12296775"/>
            <a:ext cx="200025" cy="1000125"/>
            <a:chOff x="963" y="1271"/>
            <a:chExt cx="21" cy="105"/>
          </a:xfrm>
        </xdr:grpSpPr>
        <xdr:sp macro="" textlink="">
          <xdr:nvSpPr>
            <xdr:cNvPr id="149785" name="Freeform 215"/>
            <xdr:cNvSpPr>
              <a:spLocks/>
            </xdr:cNvSpPr>
          </xdr:nvSpPr>
          <xdr:spPr bwMode="auto">
            <a:xfrm>
              <a:off x="964" y="1353"/>
              <a:ext cx="17" cy="23"/>
            </a:xfrm>
            <a:custGeom>
              <a:avLst/>
              <a:gdLst>
                <a:gd name="T0" fmla="*/ 0 w 217"/>
                <a:gd name="T1" fmla="*/ 0 h 216"/>
                <a:gd name="T2" fmla="*/ 0 w 217"/>
                <a:gd name="T3" fmla="*/ 0 h 216"/>
                <a:gd name="T4" fmla="*/ 0 w 217"/>
                <a:gd name="T5" fmla="*/ 0 h 216"/>
                <a:gd name="T6" fmla="*/ 0 w 217"/>
                <a:gd name="T7" fmla="*/ 0 h 216"/>
                <a:gd name="T8" fmla="*/ 0 w 217"/>
                <a:gd name="T9" fmla="*/ 0 h 216"/>
                <a:gd name="T10" fmla="*/ 0 w 217"/>
                <a:gd name="T11" fmla="*/ 0 h 216"/>
                <a:gd name="T12" fmla="*/ 0 w 217"/>
                <a:gd name="T13" fmla="*/ 0 h 216"/>
                <a:gd name="T14" fmla="*/ 0 w 217"/>
                <a:gd name="T15" fmla="*/ 0 h 216"/>
                <a:gd name="T16" fmla="*/ 0 w 217"/>
                <a:gd name="T17" fmla="*/ 0 h 216"/>
                <a:gd name="T18" fmla="*/ 0 w 217"/>
                <a:gd name="T19" fmla="*/ 0 h 216"/>
                <a:gd name="T20" fmla="*/ 0 w 217"/>
                <a:gd name="T21" fmla="*/ 0 h 216"/>
                <a:gd name="T22" fmla="*/ 0 w 217"/>
                <a:gd name="T23" fmla="*/ 0 h 216"/>
                <a:gd name="T24" fmla="*/ 0 w 217"/>
                <a:gd name="T25" fmla="*/ 0 h 216"/>
                <a:gd name="T26" fmla="*/ 0 w 217"/>
                <a:gd name="T27" fmla="*/ 0 h 216"/>
                <a:gd name="T28" fmla="*/ 0 w 217"/>
                <a:gd name="T29" fmla="*/ 0 h 21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w 217"/>
                <a:gd name="T46" fmla="*/ 0 h 216"/>
                <a:gd name="T47" fmla="*/ 217 w 217"/>
                <a:gd name="T48" fmla="*/ 216 h 216"/>
              </a:gdLst>
              <a:ahLst/>
              <a:cxnLst>
                <a:cxn ang="T30">
                  <a:pos x="T0" y="T1"/>
                </a:cxn>
                <a:cxn ang="T31">
                  <a:pos x="T2" y="T3"/>
                </a:cxn>
                <a:cxn ang="T32">
                  <a:pos x="T4" y="T5"/>
                </a:cxn>
                <a:cxn ang="T33">
                  <a:pos x="T6" y="T7"/>
                </a:cxn>
                <a:cxn ang="T34">
                  <a:pos x="T8" y="T9"/>
                </a:cxn>
                <a:cxn ang="T35">
                  <a:pos x="T10" y="T11"/>
                </a:cxn>
                <a:cxn ang="T36">
                  <a:pos x="T12" y="T13"/>
                </a:cxn>
                <a:cxn ang="T37">
                  <a:pos x="T14" y="T15"/>
                </a:cxn>
                <a:cxn ang="T38">
                  <a:pos x="T16" y="T17"/>
                </a:cxn>
                <a:cxn ang="T39">
                  <a:pos x="T18" y="T19"/>
                </a:cxn>
                <a:cxn ang="T40">
                  <a:pos x="T20" y="T21"/>
                </a:cxn>
                <a:cxn ang="T41">
                  <a:pos x="T22" y="T23"/>
                </a:cxn>
                <a:cxn ang="T42">
                  <a:pos x="T24" y="T25"/>
                </a:cxn>
                <a:cxn ang="T43">
                  <a:pos x="T26" y="T27"/>
                </a:cxn>
                <a:cxn ang="T44">
                  <a:pos x="T28" y="T29"/>
                </a:cxn>
              </a:cxnLst>
              <a:rect l="T45" t="T46" r="T47" b="T48"/>
              <a:pathLst>
                <a:path w="217" h="216">
                  <a:moveTo>
                    <a:pt x="61" y="35"/>
                  </a:moveTo>
                  <a:lnTo>
                    <a:pt x="0" y="108"/>
                  </a:lnTo>
                  <a:lnTo>
                    <a:pt x="57" y="164"/>
                  </a:lnTo>
                  <a:lnTo>
                    <a:pt x="121" y="95"/>
                  </a:lnTo>
                  <a:lnTo>
                    <a:pt x="161" y="141"/>
                  </a:lnTo>
                  <a:lnTo>
                    <a:pt x="132" y="178"/>
                  </a:lnTo>
                  <a:lnTo>
                    <a:pt x="174" y="216"/>
                  </a:lnTo>
                  <a:lnTo>
                    <a:pt x="217" y="166"/>
                  </a:lnTo>
                  <a:lnTo>
                    <a:pt x="158" y="103"/>
                  </a:lnTo>
                  <a:lnTo>
                    <a:pt x="201" y="53"/>
                  </a:lnTo>
                  <a:lnTo>
                    <a:pt x="158" y="13"/>
                  </a:lnTo>
                  <a:lnTo>
                    <a:pt x="133" y="25"/>
                  </a:lnTo>
                  <a:lnTo>
                    <a:pt x="95" y="0"/>
                  </a:lnTo>
                  <a:lnTo>
                    <a:pt x="61" y="31"/>
                  </a:lnTo>
                  <a:lnTo>
                    <a:pt x="61" y="35"/>
                  </a:lnTo>
                  <a:close/>
                </a:path>
              </a:pathLst>
            </a:custGeom>
            <a:solidFill>
              <a:srgbClr val="DDDDDD"/>
            </a:solidFill>
            <a:ln w="9525" cap="flat" cmpd="sng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:ln>
          </xdr:spPr>
        </xdr:sp>
        <xdr:grpSp>
          <xdr:nvGrpSpPr>
            <xdr:cNvPr id="149786" name="Group 216"/>
            <xdr:cNvGrpSpPr>
              <a:grpSpLocks/>
            </xdr:cNvGrpSpPr>
          </xdr:nvGrpSpPr>
          <xdr:grpSpPr bwMode="auto">
            <a:xfrm>
              <a:off x="963" y="1271"/>
              <a:ext cx="21" cy="19"/>
              <a:chOff x="963" y="381"/>
              <a:chExt cx="21" cy="19"/>
            </a:xfrm>
          </xdr:grpSpPr>
          <xdr:sp macro="" textlink="">
            <xdr:nvSpPr>
              <xdr:cNvPr id="149787" name="d14100_1"/>
              <xdr:cNvSpPr>
                <a:spLocks/>
              </xdr:cNvSpPr>
            </xdr:nvSpPr>
            <xdr:spPr bwMode="auto">
              <a:xfrm>
                <a:off x="963" y="381"/>
                <a:ext cx="21" cy="15"/>
              </a:xfrm>
              <a:custGeom>
                <a:avLst/>
                <a:gdLst>
                  <a:gd name="T0" fmla="*/ 0 w 16384"/>
                  <a:gd name="T1" fmla="*/ 0 h 16384"/>
                  <a:gd name="T2" fmla="*/ 0 w 16384"/>
                  <a:gd name="T3" fmla="*/ 0 h 16384"/>
                  <a:gd name="T4" fmla="*/ 0 w 16384"/>
                  <a:gd name="T5" fmla="*/ 0 h 16384"/>
                  <a:gd name="T6" fmla="*/ 0 w 16384"/>
                  <a:gd name="T7" fmla="*/ 0 h 16384"/>
                  <a:gd name="T8" fmla="*/ 0 w 16384"/>
                  <a:gd name="T9" fmla="*/ 0 h 16384"/>
                  <a:gd name="T10" fmla="*/ 0 w 16384"/>
                  <a:gd name="T11" fmla="*/ 0 h 16384"/>
                  <a:gd name="T12" fmla="*/ 0 w 16384"/>
                  <a:gd name="T13" fmla="*/ 0 h 16384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w 16384"/>
                  <a:gd name="T22" fmla="*/ 0 h 16384"/>
                  <a:gd name="T23" fmla="*/ 16384 w 16384"/>
                  <a:gd name="T24" fmla="*/ 16384 h 16384"/>
                </a:gdLst>
                <a:ahLst/>
                <a:cxnLst>
                  <a:cxn ang="T14">
                    <a:pos x="T0" y="T1"/>
                  </a:cxn>
                  <a:cxn ang="T15">
                    <a:pos x="T2" y="T3"/>
                  </a:cxn>
                  <a:cxn ang="T16">
                    <a:pos x="T4" y="T5"/>
                  </a:cxn>
                  <a:cxn ang="T17">
                    <a:pos x="T6" y="T7"/>
                  </a:cxn>
                  <a:cxn ang="T18">
                    <a:pos x="T8" y="T9"/>
                  </a:cxn>
                  <a:cxn ang="T19">
                    <a:pos x="T10" y="T11"/>
                  </a:cxn>
                  <a:cxn ang="T20">
                    <a:pos x="T12" y="T13"/>
                  </a:cxn>
                </a:cxnLst>
                <a:rect l="T21" t="T22" r="T23" b="T24"/>
                <a:pathLst>
                  <a:path w="16384" h="16384">
                    <a:moveTo>
                      <a:pt x="0" y="6554"/>
                    </a:moveTo>
                    <a:lnTo>
                      <a:pt x="13263" y="0"/>
                    </a:lnTo>
                    <a:lnTo>
                      <a:pt x="16384" y="6554"/>
                    </a:lnTo>
                    <a:lnTo>
                      <a:pt x="7802" y="10923"/>
                    </a:lnTo>
                    <a:lnTo>
                      <a:pt x="7802" y="14199"/>
                    </a:lnTo>
                    <a:lnTo>
                      <a:pt x="1560" y="16384"/>
                    </a:lnTo>
                    <a:lnTo>
                      <a:pt x="0" y="6554"/>
                    </a:lnTo>
                    <a:close/>
                  </a:path>
                </a:pathLst>
              </a:custGeom>
              <a:solidFill>
                <a:srgbClr val="DDDDDD"/>
              </a:solidFill>
              <a:ln w="9525" cap="flat" cmpd="sng">
                <a:solidFill>
                  <a:srgbClr val="000000"/>
                </a:solidFill>
                <a:prstDash val="solid"/>
                <a:round/>
                <a:headEnd/>
                <a:tailEnd/>
              </a:ln>
            </xdr:spPr>
          </xdr:sp>
          <xdr:sp macro="" textlink="">
            <xdr:nvSpPr>
              <xdr:cNvPr id="149788" name="Rectangle 218"/>
              <xdr:cNvSpPr>
                <a:spLocks noChangeArrowheads="1"/>
              </xdr:cNvSpPr>
            </xdr:nvSpPr>
            <xdr:spPr bwMode="auto">
              <a:xfrm rot="-1365251">
                <a:off x="967" y="393"/>
                <a:ext cx="16" cy="7"/>
              </a:xfrm>
              <a:prstGeom prst="rect">
                <a:avLst/>
              </a:prstGeom>
              <a:solidFill>
                <a:srgbClr val="DDDDDD"/>
              </a:solidFill>
              <a:ln w="9525" algn="ctr">
                <a:solidFill>
                  <a:srgbClr val="000000"/>
                </a:solidFill>
                <a:miter lim="800000"/>
                <a:headEnd/>
                <a:tailEnd/>
              </a:ln>
            </xdr:spPr>
          </xdr:sp>
        </xdr:grpSp>
      </xdr:grpSp>
    </xdr:grpSp>
    <xdr:clientData/>
  </xdr:twoCellAnchor>
  <xdr:twoCellAnchor>
    <xdr:from>
      <xdr:col>19</xdr:col>
      <xdr:colOff>19050</xdr:colOff>
      <xdr:row>4</xdr:row>
      <xdr:rowOff>38100</xdr:rowOff>
    </xdr:from>
    <xdr:to>
      <xdr:col>36</xdr:col>
      <xdr:colOff>114300</xdr:colOff>
      <xdr:row>53</xdr:row>
      <xdr:rowOff>76200</xdr:rowOff>
    </xdr:to>
    <xdr:grpSp>
      <xdr:nvGrpSpPr>
        <xdr:cNvPr id="149527" name="グループ化 183"/>
        <xdr:cNvGrpSpPr>
          <a:grpSpLocks/>
        </xdr:cNvGrpSpPr>
      </xdr:nvGrpSpPr>
      <xdr:grpSpPr bwMode="auto">
        <a:xfrm>
          <a:off x="10811741" y="1243445"/>
          <a:ext cx="9516341" cy="7505700"/>
          <a:chOff x="495300" y="617764"/>
          <a:chExt cx="10057039" cy="7372350"/>
        </a:xfrm>
      </xdr:grpSpPr>
      <xdr:sp macro="" textlink="">
        <xdr:nvSpPr>
          <xdr:cNvPr id="149619" name="d14100"/>
          <xdr:cNvSpPr>
            <a:spLocks/>
          </xdr:cNvSpPr>
        </xdr:nvSpPr>
        <xdr:spPr bwMode="auto">
          <a:xfrm>
            <a:off x="6811736" y="1722664"/>
            <a:ext cx="2839810" cy="378959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0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w 16384"/>
              <a:gd name="T175" fmla="*/ 0 h 16384"/>
              <a:gd name="T176" fmla="*/ 16384 w 16384"/>
              <a:gd name="T177" fmla="*/ 16384 h 16384"/>
            </a:gdLst>
            <a:ahLst/>
            <a:cxnLst>
              <a:cxn ang="T116">
                <a:pos x="T0" y="T1"/>
              </a:cxn>
              <a:cxn ang="T117">
                <a:pos x="T2" y="T3"/>
              </a:cxn>
              <a:cxn ang="T118">
                <a:pos x="T4" y="T5"/>
              </a:cxn>
              <a:cxn ang="T119">
                <a:pos x="T6" y="T7"/>
              </a:cxn>
              <a:cxn ang="T120">
                <a:pos x="T8" y="T9"/>
              </a:cxn>
              <a:cxn ang="T121">
                <a:pos x="T10" y="T11"/>
              </a:cxn>
              <a:cxn ang="T122">
                <a:pos x="T12" y="T13"/>
              </a:cxn>
              <a:cxn ang="T123">
                <a:pos x="T14" y="T15"/>
              </a:cxn>
              <a:cxn ang="T124">
                <a:pos x="T16" y="T17"/>
              </a:cxn>
              <a:cxn ang="T125">
                <a:pos x="T18" y="T19"/>
              </a:cxn>
              <a:cxn ang="T126">
                <a:pos x="T20" y="T21"/>
              </a:cxn>
              <a:cxn ang="T127">
                <a:pos x="T22" y="T23"/>
              </a:cxn>
              <a:cxn ang="T128">
                <a:pos x="T24" y="T25"/>
              </a:cxn>
              <a:cxn ang="T129">
                <a:pos x="T26" y="T27"/>
              </a:cxn>
              <a:cxn ang="T130">
                <a:pos x="T28" y="T29"/>
              </a:cxn>
              <a:cxn ang="T131">
                <a:pos x="T30" y="T31"/>
              </a:cxn>
              <a:cxn ang="T132">
                <a:pos x="T32" y="T33"/>
              </a:cxn>
              <a:cxn ang="T133">
                <a:pos x="T34" y="T35"/>
              </a:cxn>
              <a:cxn ang="T134">
                <a:pos x="T36" y="T37"/>
              </a:cxn>
              <a:cxn ang="T135">
                <a:pos x="T38" y="T39"/>
              </a:cxn>
              <a:cxn ang="T136">
                <a:pos x="T40" y="T41"/>
              </a:cxn>
              <a:cxn ang="T137">
                <a:pos x="T42" y="T43"/>
              </a:cxn>
              <a:cxn ang="T138">
                <a:pos x="T44" y="T45"/>
              </a:cxn>
              <a:cxn ang="T139">
                <a:pos x="T46" y="T47"/>
              </a:cxn>
              <a:cxn ang="T140">
                <a:pos x="T48" y="T49"/>
              </a:cxn>
              <a:cxn ang="T141">
                <a:pos x="T50" y="T51"/>
              </a:cxn>
              <a:cxn ang="T142">
                <a:pos x="T52" y="T53"/>
              </a:cxn>
              <a:cxn ang="T143">
                <a:pos x="T54" y="T55"/>
              </a:cxn>
              <a:cxn ang="T144">
                <a:pos x="T56" y="T57"/>
              </a:cxn>
              <a:cxn ang="T145">
                <a:pos x="T58" y="T59"/>
              </a:cxn>
              <a:cxn ang="T146">
                <a:pos x="T60" y="T61"/>
              </a:cxn>
              <a:cxn ang="T147">
                <a:pos x="T62" y="T63"/>
              </a:cxn>
              <a:cxn ang="T148">
                <a:pos x="T64" y="T65"/>
              </a:cxn>
              <a:cxn ang="T149">
                <a:pos x="T66" y="T67"/>
              </a:cxn>
              <a:cxn ang="T150">
                <a:pos x="T68" y="T69"/>
              </a:cxn>
              <a:cxn ang="T151">
                <a:pos x="T70" y="T71"/>
              </a:cxn>
              <a:cxn ang="T152">
                <a:pos x="T72" y="T73"/>
              </a:cxn>
              <a:cxn ang="T153">
                <a:pos x="T74" y="T75"/>
              </a:cxn>
              <a:cxn ang="T154">
                <a:pos x="T76" y="T77"/>
              </a:cxn>
              <a:cxn ang="T155">
                <a:pos x="T78" y="T79"/>
              </a:cxn>
              <a:cxn ang="T156">
                <a:pos x="T80" y="T81"/>
              </a:cxn>
              <a:cxn ang="T157">
                <a:pos x="T82" y="T83"/>
              </a:cxn>
              <a:cxn ang="T158">
                <a:pos x="T84" y="T85"/>
              </a:cxn>
              <a:cxn ang="T159">
                <a:pos x="T86" y="T87"/>
              </a:cxn>
              <a:cxn ang="T160">
                <a:pos x="T88" y="T89"/>
              </a:cxn>
              <a:cxn ang="T161">
                <a:pos x="T90" y="T91"/>
              </a:cxn>
              <a:cxn ang="T162">
                <a:pos x="T92" y="T93"/>
              </a:cxn>
              <a:cxn ang="T163">
                <a:pos x="T94" y="T95"/>
              </a:cxn>
              <a:cxn ang="T164">
                <a:pos x="T96" y="T97"/>
              </a:cxn>
              <a:cxn ang="T165">
                <a:pos x="T98" y="T99"/>
              </a:cxn>
              <a:cxn ang="T166">
                <a:pos x="T100" y="T101"/>
              </a:cxn>
              <a:cxn ang="T167">
                <a:pos x="T102" y="T103"/>
              </a:cxn>
              <a:cxn ang="T168">
                <a:pos x="T104" y="T105"/>
              </a:cxn>
              <a:cxn ang="T169">
                <a:pos x="T106" y="T107"/>
              </a:cxn>
              <a:cxn ang="T170">
                <a:pos x="T108" y="T109"/>
              </a:cxn>
              <a:cxn ang="T171">
                <a:pos x="T110" y="T111"/>
              </a:cxn>
              <a:cxn ang="T172">
                <a:pos x="T112" y="T113"/>
              </a:cxn>
              <a:cxn ang="T173">
                <a:pos x="T114" y="T115"/>
              </a:cxn>
            </a:cxnLst>
            <a:rect l="T174" t="T175" r="T176" b="T177"/>
            <a:pathLst>
              <a:path w="16384" h="16384">
                <a:moveTo>
                  <a:pt x="16384" y="6028"/>
                </a:moveTo>
                <a:lnTo>
                  <a:pt x="15391" y="6392"/>
                </a:lnTo>
                <a:lnTo>
                  <a:pt x="15170" y="5906"/>
                </a:lnTo>
                <a:lnTo>
                  <a:pt x="14784" y="5947"/>
                </a:lnTo>
                <a:lnTo>
                  <a:pt x="15170" y="6473"/>
                </a:lnTo>
                <a:lnTo>
                  <a:pt x="14619" y="6675"/>
                </a:lnTo>
                <a:lnTo>
                  <a:pt x="14122" y="5704"/>
                </a:lnTo>
                <a:lnTo>
                  <a:pt x="14067" y="5785"/>
                </a:lnTo>
                <a:lnTo>
                  <a:pt x="14398" y="7039"/>
                </a:lnTo>
                <a:lnTo>
                  <a:pt x="13515" y="7322"/>
                </a:lnTo>
                <a:lnTo>
                  <a:pt x="13405" y="7201"/>
                </a:lnTo>
                <a:lnTo>
                  <a:pt x="13515" y="7080"/>
                </a:lnTo>
                <a:lnTo>
                  <a:pt x="13846" y="6958"/>
                </a:lnTo>
                <a:lnTo>
                  <a:pt x="13791" y="6756"/>
                </a:lnTo>
                <a:lnTo>
                  <a:pt x="13626" y="6756"/>
                </a:lnTo>
                <a:lnTo>
                  <a:pt x="13405" y="6796"/>
                </a:lnTo>
                <a:lnTo>
                  <a:pt x="13184" y="6796"/>
                </a:lnTo>
                <a:lnTo>
                  <a:pt x="12853" y="6796"/>
                </a:lnTo>
                <a:lnTo>
                  <a:pt x="12467" y="6796"/>
                </a:lnTo>
                <a:lnTo>
                  <a:pt x="12081" y="6796"/>
                </a:lnTo>
                <a:lnTo>
                  <a:pt x="11860" y="6877"/>
                </a:lnTo>
                <a:lnTo>
                  <a:pt x="12357" y="7120"/>
                </a:lnTo>
                <a:lnTo>
                  <a:pt x="12247" y="7241"/>
                </a:lnTo>
                <a:lnTo>
                  <a:pt x="12578" y="7484"/>
                </a:lnTo>
                <a:lnTo>
                  <a:pt x="12467" y="7565"/>
                </a:lnTo>
                <a:lnTo>
                  <a:pt x="11916" y="7241"/>
                </a:lnTo>
                <a:lnTo>
                  <a:pt x="11254" y="7525"/>
                </a:lnTo>
                <a:lnTo>
                  <a:pt x="10978" y="7848"/>
                </a:lnTo>
                <a:lnTo>
                  <a:pt x="11254" y="8091"/>
                </a:lnTo>
                <a:lnTo>
                  <a:pt x="11419" y="8172"/>
                </a:lnTo>
                <a:lnTo>
                  <a:pt x="11750" y="7970"/>
                </a:lnTo>
                <a:lnTo>
                  <a:pt x="11971" y="8010"/>
                </a:lnTo>
                <a:lnTo>
                  <a:pt x="11860" y="8334"/>
                </a:lnTo>
                <a:lnTo>
                  <a:pt x="12467" y="8617"/>
                </a:lnTo>
                <a:lnTo>
                  <a:pt x="12743" y="8334"/>
                </a:lnTo>
                <a:lnTo>
                  <a:pt x="13074" y="8495"/>
                </a:lnTo>
                <a:lnTo>
                  <a:pt x="13184" y="8414"/>
                </a:lnTo>
                <a:lnTo>
                  <a:pt x="13350" y="8455"/>
                </a:lnTo>
                <a:lnTo>
                  <a:pt x="13295" y="8576"/>
                </a:lnTo>
                <a:lnTo>
                  <a:pt x="12688" y="8779"/>
                </a:lnTo>
                <a:lnTo>
                  <a:pt x="13019" y="8940"/>
                </a:lnTo>
                <a:lnTo>
                  <a:pt x="13460" y="8576"/>
                </a:lnTo>
                <a:lnTo>
                  <a:pt x="13681" y="8617"/>
                </a:lnTo>
                <a:lnTo>
                  <a:pt x="13515" y="8940"/>
                </a:lnTo>
                <a:lnTo>
                  <a:pt x="13626" y="9021"/>
                </a:lnTo>
                <a:lnTo>
                  <a:pt x="13846" y="8779"/>
                </a:lnTo>
                <a:lnTo>
                  <a:pt x="14012" y="8819"/>
                </a:lnTo>
                <a:lnTo>
                  <a:pt x="13736" y="9264"/>
                </a:lnTo>
                <a:lnTo>
                  <a:pt x="13902" y="9304"/>
                </a:lnTo>
                <a:lnTo>
                  <a:pt x="14122" y="8859"/>
                </a:lnTo>
                <a:lnTo>
                  <a:pt x="14343" y="8940"/>
                </a:lnTo>
                <a:lnTo>
                  <a:pt x="13957" y="9426"/>
                </a:lnTo>
                <a:lnTo>
                  <a:pt x="14233" y="9507"/>
                </a:lnTo>
                <a:lnTo>
                  <a:pt x="14564" y="8981"/>
                </a:lnTo>
                <a:lnTo>
                  <a:pt x="14619" y="9062"/>
                </a:lnTo>
                <a:lnTo>
                  <a:pt x="14343" y="10033"/>
                </a:lnTo>
                <a:lnTo>
                  <a:pt x="14067" y="9871"/>
                </a:lnTo>
                <a:lnTo>
                  <a:pt x="13902" y="10033"/>
                </a:lnTo>
                <a:lnTo>
                  <a:pt x="14343" y="10275"/>
                </a:lnTo>
                <a:lnTo>
                  <a:pt x="14233" y="10680"/>
                </a:lnTo>
                <a:lnTo>
                  <a:pt x="13515" y="11084"/>
                </a:lnTo>
                <a:lnTo>
                  <a:pt x="12909" y="10761"/>
                </a:lnTo>
                <a:lnTo>
                  <a:pt x="12412" y="10559"/>
                </a:lnTo>
                <a:lnTo>
                  <a:pt x="12136" y="10599"/>
                </a:lnTo>
                <a:lnTo>
                  <a:pt x="11860" y="10639"/>
                </a:lnTo>
                <a:lnTo>
                  <a:pt x="11529" y="10680"/>
                </a:lnTo>
                <a:lnTo>
                  <a:pt x="11143" y="10801"/>
                </a:lnTo>
                <a:lnTo>
                  <a:pt x="11033" y="10680"/>
                </a:lnTo>
                <a:lnTo>
                  <a:pt x="10868" y="10761"/>
                </a:lnTo>
                <a:lnTo>
                  <a:pt x="10978" y="11004"/>
                </a:lnTo>
                <a:lnTo>
                  <a:pt x="11750" y="10882"/>
                </a:lnTo>
                <a:lnTo>
                  <a:pt x="11971" y="11004"/>
                </a:lnTo>
                <a:lnTo>
                  <a:pt x="11971" y="11165"/>
                </a:lnTo>
                <a:lnTo>
                  <a:pt x="11750" y="11165"/>
                </a:lnTo>
                <a:lnTo>
                  <a:pt x="11474" y="11206"/>
                </a:lnTo>
                <a:lnTo>
                  <a:pt x="11033" y="11287"/>
                </a:lnTo>
                <a:lnTo>
                  <a:pt x="10757" y="11206"/>
                </a:lnTo>
                <a:lnTo>
                  <a:pt x="10426" y="11449"/>
                </a:lnTo>
                <a:lnTo>
                  <a:pt x="10592" y="11732"/>
                </a:lnTo>
                <a:lnTo>
                  <a:pt x="11143" y="11651"/>
                </a:lnTo>
                <a:lnTo>
                  <a:pt x="11309" y="11894"/>
                </a:lnTo>
                <a:lnTo>
                  <a:pt x="10923" y="12055"/>
                </a:lnTo>
                <a:lnTo>
                  <a:pt x="10757" y="12136"/>
                </a:lnTo>
                <a:lnTo>
                  <a:pt x="10978" y="12258"/>
                </a:lnTo>
                <a:lnTo>
                  <a:pt x="11364" y="12298"/>
                </a:lnTo>
                <a:lnTo>
                  <a:pt x="12136" y="11813"/>
                </a:lnTo>
                <a:lnTo>
                  <a:pt x="12522" y="12015"/>
                </a:lnTo>
                <a:lnTo>
                  <a:pt x="11860" y="12500"/>
                </a:lnTo>
                <a:lnTo>
                  <a:pt x="12136" y="12703"/>
                </a:lnTo>
                <a:lnTo>
                  <a:pt x="12357" y="12541"/>
                </a:lnTo>
                <a:lnTo>
                  <a:pt x="12522" y="13026"/>
                </a:lnTo>
                <a:lnTo>
                  <a:pt x="12247" y="13026"/>
                </a:lnTo>
                <a:lnTo>
                  <a:pt x="12136" y="13269"/>
                </a:lnTo>
                <a:lnTo>
                  <a:pt x="12191" y="13754"/>
                </a:lnTo>
                <a:lnTo>
                  <a:pt x="12467" y="13957"/>
                </a:lnTo>
                <a:lnTo>
                  <a:pt x="12467" y="14402"/>
                </a:lnTo>
                <a:lnTo>
                  <a:pt x="12136" y="14685"/>
                </a:lnTo>
                <a:lnTo>
                  <a:pt x="11695" y="14402"/>
                </a:lnTo>
                <a:lnTo>
                  <a:pt x="11364" y="14644"/>
                </a:lnTo>
                <a:lnTo>
                  <a:pt x="11198" y="14685"/>
                </a:lnTo>
                <a:lnTo>
                  <a:pt x="10978" y="14806"/>
                </a:lnTo>
                <a:lnTo>
                  <a:pt x="11033" y="15049"/>
                </a:lnTo>
                <a:lnTo>
                  <a:pt x="11143" y="15292"/>
                </a:lnTo>
                <a:lnTo>
                  <a:pt x="11254" y="15413"/>
                </a:lnTo>
                <a:lnTo>
                  <a:pt x="11474" y="15494"/>
                </a:lnTo>
                <a:lnTo>
                  <a:pt x="11198" y="15858"/>
                </a:lnTo>
                <a:lnTo>
                  <a:pt x="11088" y="15696"/>
                </a:lnTo>
                <a:lnTo>
                  <a:pt x="10868" y="15737"/>
                </a:lnTo>
                <a:lnTo>
                  <a:pt x="10702" y="15979"/>
                </a:lnTo>
                <a:lnTo>
                  <a:pt x="10592" y="16060"/>
                </a:lnTo>
                <a:lnTo>
                  <a:pt x="10261" y="16141"/>
                </a:lnTo>
                <a:lnTo>
                  <a:pt x="9819" y="16182"/>
                </a:lnTo>
                <a:lnTo>
                  <a:pt x="9764" y="16263"/>
                </a:lnTo>
                <a:lnTo>
                  <a:pt x="9544" y="16384"/>
                </a:lnTo>
                <a:lnTo>
                  <a:pt x="9323" y="16303"/>
                </a:lnTo>
                <a:lnTo>
                  <a:pt x="9213" y="16222"/>
                </a:lnTo>
                <a:lnTo>
                  <a:pt x="8937" y="16222"/>
                </a:lnTo>
                <a:lnTo>
                  <a:pt x="8606" y="16060"/>
                </a:lnTo>
                <a:lnTo>
                  <a:pt x="8495" y="15939"/>
                </a:lnTo>
                <a:lnTo>
                  <a:pt x="8551" y="15777"/>
                </a:lnTo>
                <a:lnTo>
                  <a:pt x="8385" y="15656"/>
                </a:lnTo>
                <a:lnTo>
                  <a:pt x="8220" y="15534"/>
                </a:lnTo>
                <a:lnTo>
                  <a:pt x="8220" y="15373"/>
                </a:lnTo>
                <a:lnTo>
                  <a:pt x="8275" y="15170"/>
                </a:lnTo>
                <a:lnTo>
                  <a:pt x="8109" y="15009"/>
                </a:lnTo>
                <a:lnTo>
                  <a:pt x="7613" y="15049"/>
                </a:lnTo>
                <a:lnTo>
                  <a:pt x="7337" y="15049"/>
                </a:lnTo>
                <a:lnTo>
                  <a:pt x="7116" y="14968"/>
                </a:lnTo>
                <a:lnTo>
                  <a:pt x="7116" y="14725"/>
                </a:lnTo>
                <a:lnTo>
                  <a:pt x="6951" y="14402"/>
                </a:lnTo>
                <a:lnTo>
                  <a:pt x="6896" y="14402"/>
                </a:lnTo>
                <a:lnTo>
                  <a:pt x="6509" y="14442"/>
                </a:lnTo>
                <a:lnTo>
                  <a:pt x="6289" y="14361"/>
                </a:lnTo>
                <a:lnTo>
                  <a:pt x="5958" y="14199"/>
                </a:lnTo>
                <a:lnTo>
                  <a:pt x="5682" y="13957"/>
                </a:lnTo>
                <a:lnTo>
                  <a:pt x="5572" y="13795"/>
                </a:lnTo>
                <a:lnTo>
                  <a:pt x="5461" y="13552"/>
                </a:lnTo>
                <a:lnTo>
                  <a:pt x="5296" y="13471"/>
                </a:lnTo>
                <a:lnTo>
                  <a:pt x="5130" y="13714"/>
                </a:lnTo>
                <a:lnTo>
                  <a:pt x="4689" y="13916"/>
                </a:lnTo>
                <a:lnTo>
                  <a:pt x="4137" y="13754"/>
                </a:lnTo>
                <a:lnTo>
                  <a:pt x="3862" y="13593"/>
                </a:lnTo>
                <a:lnTo>
                  <a:pt x="3696" y="13593"/>
                </a:lnTo>
                <a:lnTo>
                  <a:pt x="3310" y="13512"/>
                </a:lnTo>
                <a:lnTo>
                  <a:pt x="2924" y="13350"/>
                </a:lnTo>
                <a:lnTo>
                  <a:pt x="2538" y="13107"/>
                </a:lnTo>
                <a:lnTo>
                  <a:pt x="2372" y="13431"/>
                </a:lnTo>
                <a:lnTo>
                  <a:pt x="2096" y="13552"/>
                </a:lnTo>
                <a:lnTo>
                  <a:pt x="2041" y="13674"/>
                </a:lnTo>
                <a:lnTo>
                  <a:pt x="1765" y="13714"/>
                </a:lnTo>
                <a:lnTo>
                  <a:pt x="1434" y="13633"/>
                </a:lnTo>
                <a:lnTo>
                  <a:pt x="1489" y="13350"/>
                </a:lnTo>
                <a:lnTo>
                  <a:pt x="1600" y="13148"/>
                </a:lnTo>
                <a:lnTo>
                  <a:pt x="1710" y="12945"/>
                </a:lnTo>
                <a:lnTo>
                  <a:pt x="1931" y="12824"/>
                </a:lnTo>
                <a:lnTo>
                  <a:pt x="1986" y="12662"/>
                </a:lnTo>
                <a:lnTo>
                  <a:pt x="1876" y="12500"/>
                </a:lnTo>
                <a:lnTo>
                  <a:pt x="1655" y="12379"/>
                </a:lnTo>
                <a:lnTo>
                  <a:pt x="1489" y="12298"/>
                </a:lnTo>
                <a:lnTo>
                  <a:pt x="1379" y="12055"/>
                </a:lnTo>
                <a:lnTo>
                  <a:pt x="1269" y="12015"/>
                </a:lnTo>
                <a:lnTo>
                  <a:pt x="1158" y="11853"/>
                </a:lnTo>
                <a:lnTo>
                  <a:pt x="938" y="11732"/>
                </a:lnTo>
                <a:lnTo>
                  <a:pt x="938" y="11570"/>
                </a:lnTo>
                <a:lnTo>
                  <a:pt x="883" y="11327"/>
                </a:lnTo>
                <a:lnTo>
                  <a:pt x="772" y="11165"/>
                </a:lnTo>
                <a:lnTo>
                  <a:pt x="827" y="11004"/>
                </a:lnTo>
                <a:lnTo>
                  <a:pt x="772" y="10842"/>
                </a:lnTo>
                <a:lnTo>
                  <a:pt x="827" y="10559"/>
                </a:lnTo>
                <a:lnTo>
                  <a:pt x="883" y="10316"/>
                </a:lnTo>
                <a:lnTo>
                  <a:pt x="883" y="10154"/>
                </a:lnTo>
                <a:lnTo>
                  <a:pt x="717" y="10033"/>
                </a:lnTo>
                <a:lnTo>
                  <a:pt x="496" y="9952"/>
                </a:lnTo>
                <a:lnTo>
                  <a:pt x="607" y="9507"/>
                </a:lnTo>
                <a:lnTo>
                  <a:pt x="552" y="9345"/>
                </a:lnTo>
                <a:lnTo>
                  <a:pt x="827" y="8900"/>
                </a:lnTo>
                <a:lnTo>
                  <a:pt x="1048" y="8495"/>
                </a:lnTo>
                <a:lnTo>
                  <a:pt x="883" y="8172"/>
                </a:lnTo>
                <a:lnTo>
                  <a:pt x="662" y="7808"/>
                </a:lnTo>
                <a:lnTo>
                  <a:pt x="552" y="7565"/>
                </a:lnTo>
                <a:lnTo>
                  <a:pt x="662" y="7363"/>
                </a:lnTo>
                <a:lnTo>
                  <a:pt x="662" y="7201"/>
                </a:lnTo>
                <a:lnTo>
                  <a:pt x="441" y="6877"/>
                </a:lnTo>
                <a:lnTo>
                  <a:pt x="441" y="6675"/>
                </a:lnTo>
                <a:lnTo>
                  <a:pt x="441" y="6473"/>
                </a:lnTo>
                <a:lnTo>
                  <a:pt x="386" y="6311"/>
                </a:lnTo>
                <a:lnTo>
                  <a:pt x="496" y="6109"/>
                </a:lnTo>
                <a:lnTo>
                  <a:pt x="276" y="5745"/>
                </a:lnTo>
                <a:lnTo>
                  <a:pt x="110" y="5704"/>
                </a:lnTo>
                <a:lnTo>
                  <a:pt x="0" y="5583"/>
                </a:lnTo>
                <a:lnTo>
                  <a:pt x="110" y="5461"/>
                </a:lnTo>
                <a:lnTo>
                  <a:pt x="276" y="5340"/>
                </a:lnTo>
                <a:lnTo>
                  <a:pt x="607" y="5300"/>
                </a:lnTo>
                <a:lnTo>
                  <a:pt x="938" y="5259"/>
                </a:lnTo>
                <a:lnTo>
                  <a:pt x="1324" y="5219"/>
                </a:lnTo>
                <a:lnTo>
                  <a:pt x="1324" y="5097"/>
                </a:lnTo>
                <a:lnTo>
                  <a:pt x="1048" y="4855"/>
                </a:lnTo>
                <a:lnTo>
                  <a:pt x="1214" y="4612"/>
                </a:lnTo>
                <a:lnTo>
                  <a:pt x="1269" y="4410"/>
                </a:lnTo>
                <a:lnTo>
                  <a:pt x="1434" y="4248"/>
                </a:lnTo>
                <a:lnTo>
                  <a:pt x="1434" y="4086"/>
                </a:lnTo>
                <a:lnTo>
                  <a:pt x="1600" y="3722"/>
                </a:lnTo>
                <a:lnTo>
                  <a:pt x="1379" y="3439"/>
                </a:lnTo>
                <a:lnTo>
                  <a:pt x="1434" y="3277"/>
                </a:lnTo>
                <a:lnTo>
                  <a:pt x="1324" y="3155"/>
                </a:lnTo>
                <a:lnTo>
                  <a:pt x="1103" y="3075"/>
                </a:lnTo>
                <a:lnTo>
                  <a:pt x="1103" y="2913"/>
                </a:lnTo>
                <a:lnTo>
                  <a:pt x="1269" y="2589"/>
                </a:lnTo>
                <a:lnTo>
                  <a:pt x="1158" y="2104"/>
                </a:lnTo>
                <a:lnTo>
                  <a:pt x="938" y="1942"/>
                </a:lnTo>
                <a:lnTo>
                  <a:pt x="938" y="1740"/>
                </a:lnTo>
                <a:lnTo>
                  <a:pt x="827" y="1740"/>
                </a:lnTo>
                <a:lnTo>
                  <a:pt x="496" y="1942"/>
                </a:lnTo>
                <a:lnTo>
                  <a:pt x="386" y="1497"/>
                </a:lnTo>
                <a:lnTo>
                  <a:pt x="607" y="1173"/>
                </a:lnTo>
                <a:lnTo>
                  <a:pt x="993" y="1133"/>
                </a:lnTo>
                <a:lnTo>
                  <a:pt x="1489" y="890"/>
                </a:lnTo>
                <a:lnTo>
                  <a:pt x="1379" y="1295"/>
                </a:lnTo>
                <a:lnTo>
                  <a:pt x="1600" y="1416"/>
                </a:lnTo>
                <a:lnTo>
                  <a:pt x="1545" y="1578"/>
                </a:lnTo>
                <a:lnTo>
                  <a:pt x="1655" y="1780"/>
                </a:lnTo>
                <a:lnTo>
                  <a:pt x="1986" y="1780"/>
                </a:lnTo>
                <a:lnTo>
                  <a:pt x="2041" y="1618"/>
                </a:lnTo>
                <a:lnTo>
                  <a:pt x="2317" y="1618"/>
                </a:lnTo>
                <a:lnTo>
                  <a:pt x="2427" y="1335"/>
                </a:lnTo>
                <a:lnTo>
                  <a:pt x="2813" y="1254"/>
                </a:lnTo>
                <a:lnTo>
                  <a:pt x="2869" y="1092"/>
                </a:lnTo>
                <a:lnTo>
                  <a:pt x="2979" y="1173"/>
                </a:lnTo>
                <a:lnTo>
                  <a:pt x="3034" y="1295"/>
                </a:lnTo>
                <a:lnTo>
                  <a:pt x="3089" y="1335"/>
                </a:lnTo>
                <a:lnTo>
                  <a:pt x="3200" y="1375"/>
                </a:lnTo>
                <a:lnTo>
                  <a:pt x="3200" y="1537"/>
                </a:lnTo>
                <a:lnTo>
                  <a:pt x="3255" y="1537"/>
                </a:lnTo>
                <a:lnTo>
                  <a:pt x="3586" y="1375"/>
                </a:lnTo>
                <a:lnTo>
                  <a:pt x="3806" y="1335"/>
                </a:lnTo>
                <a:lnTo>
                  <a:pt x="4193" y="1052"/>
                </a:lnTo>
                <a:lnTo>
                  <a:pt x="4082" y="1011"/>
                </a:lnTo>
                <a:lnTo>
                  <a:pt x="4193" y="971"/>
                </a:lnTo>
                <a:lnTo>
                  <a:pt x="4027" y="769"/>
                </a:lnTo>
                <a:lnTo>
                  <a:pt x="3917" y="688"/>
                </a:lnTo>
                <a:lnTo>
                  <a:pt x="4248" y="728"/>
                </a:lnTo>
                <a:lnTo>
                  <a:pt x="4303" y="647"/>
                </a:lnTo>
                <a:lnTo>
                  <a:pt x="4303" y="485"/>
                </a:lnTo>
                <a:lnTo>
                  <a:pt x="4193" y="324"/>
                </a:lnTo>
                <a:lnTo>
                  <a:pt x="4248" y="243"/>
                </a:lnTo>
                <a:lnTo>
                  <a:pt x="4193" y="0"/>
                </a:lnTo>
                <a:lnTo>
                  <a:pt x="4579" y="81"/>
                </a:lnTo>
                <a:lnTo>
                  <a:pt x="4910" y="81"/>
                </a:lnTo>
                <a:lnTo>
                  <a:pt x="5296" y="162"/>
                </a:lnTo>
                <a:lnTo>
                  <a:pt x="5737" y="324"/>
                </a:lnTo>
                <a:lnTo>
                  <a:pt x="6123" y="324"/>
                </a:lnTo>
                <a:lnTo>
                  <a:pt x="6178" y="526"/>
                </a:lnTo>
                <a:lnTo>
                  <a:pt x="6509" y="607"/>
                </a:lnTo>
                <a:lnTo>
                  <a:pt x="6730" y="971"/>
                </a:lnTo>
                <a:lnTo>
                  <a:pt x="6896" y="1295"/>
                </a:lnTo>
                <a:lnTo>
                  <a:pt x="7227" y="1335"/>
                </a:lnTo>
                <a:lnTo>
                  <a:pt x="7447" y="1456"/>
                </a:lnTo>
                <a:lnTo>
                  <a:pt x="7944" y="1456"/>
                </a:lnTo>
                <a:lnTo>
                  <a:pt x="8109" y="1497"/>
                </a:lnTo>
                <a:lnTo>
                  <a:pt x="8495" y="1578"/>
                </a:lnTo>
                <a:lnTo>
                  <a:pt x="8771" y="1578"/>
                </a:lnTo>
                <a:lnTo>
                  <a:pt x="8937" y="1537"/>
                </a:lnTo>
                <a:lnTo>
                  <a:pt x="9268" y="1740"/>
                </a:lnTo>
                <a:lnTo>
                  <a:pt x="9709" y="1740"/>
                </a:lnTo>
                <a:lnTo>
                  <a:pt x="10040" y="1982"/>
                </a:lnTo>
                <a:lnTo>
                  <a:pt x="10426" y="1861"/>
                </a:lnTo>
                <a:lnTo>
                  <a:pt x="10647" y="1901"/>
                </a:lnTo>
                <a:lnTo>
                  <a:pt x="10812" y="1820"/>
                </a:lnTo>
                <a:lnTo>
                  <a:pt x="11254" y="1901"/>
                </a:lnTo>
                <a:lnTo>
                  <a:pt x="11640" y="2023"/>
                </a:lnTo>
                <a:lnTo>
                  <a:pt x="12026" y="2063"/>
                </a:lnTo>
                <a:lnTo>
                  <a:pt x="12302" y="2023"/>
                </a:lnTo>
                <a:lnTo>
                  <a:pt x="12467" y="2144"/>
                </a:lnTo>
                <a:lnTo>
                  <a:pt x="12688" y="2225"/>
                </a:lnTo>
                <a:lnTo>
                  <a:pt x="12909" y="2346"/>
                </a:lnTo>
                <a:lnTo>
                  <a:pt x="12688" y="3034"/>
                </a:lnTo>
                <a:lnTo>
                  <a:pt x="12688" y="3196"/>
                </a:lnTo>
                <a:lnTo>
                  <a:pt x="12743" y="3277"/>
                </a:lnTo>
                <a:lnTo>
                  <a:pt x="13019" y="3317"/>
                </a:lnTo>
                <a:lnTo>
                  <a:pt x="13460" y="3479"/>
                </a:lnTo>
                <a:lnTo>
                  <a:pt x="13957" y="3236"/>
                </a:lnTo>
                <a:lnTo>
                  <a:pt x="14233" y="3155"/>
                </a:lnTo>
                <a:lnTo>
                  <a:pt x="14619" y="3155"/>
                </a:lnTo>
                <a:lnTo>
                  <a:pt x="14564" y="3600"/>
                </a:lnTo>
                <a:lnTo>
                  <a:pt x="14674" y="3722"/>
                </a:lnTo>
                <a:lnTo>
                  <a:pt x="14839" y="3965"/>
                </a:lnTo>
                <a:lnTo>
                  <a:pt x="14895" y="4167"/>
                </a:lnTo>
                <a:lnTo>
                  <a:pt x="14839" y="4329"/>
                </a:lnTo>
                <a:lnTo>
                  <a:pt x="15060" y="4410"/>
                </a:lnTo>
                <a:lnTo>
                  <a:pt x="15226" y="4652"/>
                </a:lnTo>
                <a:lnTo>
                  <a:pt x="15501" y="5421"/>
                </a:lnTo>
                <a:lnTo>
                  <a:pt x="15777" y="5340"/>
                </a:lnTo>
                <a:lnTo>
                  <a:pt x="16384" y="6028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20" name="d14130"/>
          <xdr:cNvSpPr>
            <a:spLocks/>
          </xdr:cNvSpPr>
        </xdr:nvSpPr>
        <xdr:spPr bwMode="auto">
          <a:xfrm>
            <a:off x="6656614" y="1057275"/>
            <a:ext cx="3895725" cy="2060121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w 16384"/>
              <a:gd name="T145" fmla="*/ 0 h 16384"/>
              <a:gd name="T146" fmla="*/ 16384 w 16384"/>
              <a:gd name="T147" fmla="*/ 16384 h 16384"/>
            </a:gdLst>
            <a:ahLst/>
            <a:cxnLst>
              <a:cxn ang="T96">
                <a:pos x="T0" y="T1"/>
              </a:cxn>
              <a:cxn ang="T97">
                <a:pos x="T2" y="T3"/>
              </a:cxn>
              <a:cxn ang="T98">
                <a:pos x="T4" y="T5"/>
              </a:cxn>
              <a:cxn ang="T99">
                <a:pos x="T6" y="T7"/>
              </a:cxn>
              <a:cxn ang="T100">
                <a:pos x="T8" y="T9"/>
              </a:cxn>
              <a:cxn ang="T101">
                <a:pos x="T10" y="T11"/>
              </a:cxn>
              <a:cxn ang="T102">
                <a:pos x="T12" y="T13"/>
              </a:cxn>
              <a:cxn ang="T103">
                <a:pos x="T14" y="T15"/>
              </a:cxn>
              <a:cxn ang="T104">
                <a:pos x="T16" y="T17"/>
              </a:cxn>
              <a:cxn ang="T105">
                <a:pos x="T18" y="T19"/>
              </a:cxn>
              <a:cxn ang="T106">
                <a:pos x="T20" y="T21"/>
              </a:cxn>
              <a:cxn ang="T107">
                <a:pos x="T22" y="T23"/>
              </a:cxn>
              <a:cxn ang="T108">
                <a:pos x="T24" y="T25"/>
              </a:cxn>
              <a:cxn ang="T109">
                <a:pos x="T26" y="T27"/>
              </a:cxn>
              <a:cxn ang="T110">
                <a:pos x="T28" y="T29"/>
              </a:cxn>
              <a:cxn ang="T111">
                <a:pos x="T30" y="T31"/>
              </a:cxn>
              <a:cxn ang="T112">
                <a:pos x="T32" y="T33"/>
              </a:cxn>
              <a:cxn ang="T113">
                <a:pos x="T34" y="T35"/>
              </a:cxn>
              <a:cxn ang="T114">
                <a:pos x="T36" y="T37"/>
              </a:cxn>
              <a:cxn ang="T115">
                <a:pos x="T38" y="T39"/>
              </a:cxn>
              <a:cxn ang="T116">
                <a:pos x="T40" y="T41"/>
              </a:cxn>
              <a:cxn ang="T117">
                <a:pos x="T42" y="T43"/>
              </a:cxn>
              <a:cxn ang="T118">
                <a:pos x="T44" y="T45"/>
              </a:cxn>
              <a:cxn ang="T119">
                <a:pos x="T46" y="T47"/>
              </a:cxn>
              <a:cxn ang="T120">
                <a:pos x="T48" y="T49"/>
              </a:cxn>
              <a:cxn ang="T121">
                <a:pos x="T50" y="T51"/>
              </a:cxn>
              <a:cxn ang="T122">
                <a:pos x="T52" y="T53"/>
              </a:cxn>
              <a:cxn ang="T123">
                <a:pos x="T54" y="T55"/>
              </a:cxn>
              <a:cxn ang="T124">
                <a:pos x="T56" y="T57"/>
              </a:cxn>
              <a:cxn ang="T125">
                <a:pos x="T58" y="T59"/>
              </a:cxn>
              <a:cxn ang="T126">
                <a:pos x="T60" y="T61"/>
              </a:cxn>
              <a:cxn ang="T127">
                <a:pos x="T62" y="T63"/>
              </a:cxn>
              <a:cxn ang="T128">
                <a:pos x="T64" y="T65"/>
              </a:cxn>
              <a:cxn ang="T129">
                <a:pos x="T66" y="T67"/>
              </a:cxn>
              <a:cxn ang="T130">
                <a:pos x="T68" y="T69"/>
              </a:cxn>
              <a:cxn ang="T131">
                <a:pos x="T70" y="T71"/>
              </a:cxn>
              <a:cxn ang="T132">
                <a:pos x="T72" y="T73"/>
              </a:cxn>
              <a:cxn ang="T133">
                <a:pos x="T74" y="T75"/>
              </a:cxn>
              <a:cxn ang="T134">
                <a:pos x="T76" y="T77"/>
              </a:cxn>
              <a:cxn ang="T135">
                <a:pos x="T78" y="T79"/>
              </a:cxn>
              <a:cxn ang="T136">
                <a:pos x="T80" y="T81"/>
              </a:cxn>
              <a:cxn ang="T137">
                <a:pos x="T82" y="T83"/>
              </a:cxn>
              <a:cxn ang="T138">
                <a:pos x="T84" y="T85"/>
              </a:cxn>
              <a:cxn ang="T139">
                <a:pos x="T86" y="T87"/>
              </a:cxn>
              <a:cxn ang="T140">
                <a:pos x="T88" y="T89"/>
              </a:cxn>
              <a:cxn ang="T141">
                <a:pos x="T90" y="T91"/>
              </a:cxn>
              <a:cxn ang="T142">
                <a:pos x="T92" y="T93"/>
              </a:cxn>
              <a:cxn ang="T143">
                <a:pos x="T94" y="T95"/>
              </a:cxn>
            </a:cxnLst>
            <a:rect l="T144" t="T145" r="T146" b="T147"/>
            <a:pathLst>
              <a:path w="16384" h="16384">
                <a:moveTo>
                  <a:pt x="14371" y="10650"/>
                </a:moveTo>
                <a:lnTo>
                  <a:pt x="15780" y="11841"/>
                </a:lnTo>
                <a:lnTo>
                  <a:pt x="16183" y="12362"/>
                </a:lnTo>
                <a:lnTo>
                  <a:pt x="16384" y="12958"/>
                </a:lnTo>
                <a:lnTo>
                  <a:pt x="15659" y="14373"/>
                </a:lnTo>
                <a:lnTo>
                  <a:pt x="15257" y="13331"/>
                </a:lnTo>
                <a:lnTo>
                  <a:pt x="15378" y="12958"/>
                </a:lnTo>
                <a:lnTo>
                  <a:pt x="15176" y="13033"/>
                </a:lnTo>
                <a:lnTo>
                  <a:pt x="15015" y="12288"/>
                </a:lnTo>
                <a:lnTo>
                  <a:pt x="14814" y="12214"/>
                </a:lnTo>
                <a:lnTo>
                  <a:pt x="14854" y="12586"/>
                </a:lnTo>
                <a:lnTo>
                  <a:pt x="15217" y="14075"/>
                </a:lnTo>
                <a:lnTo>
                  <a:pt x="14532" y="14522"/>
                </a:lnTo>
                <a:lnTo>
                  <a:pt x="14411" y="13480"/>
                </a:lnTo>
                <a:lnTo>
                  <a:pt x="14291" y="13554"/>
                </a:lnTo>
                <a:lnTo>
                  <a:pt x="14452" y="14597"/>
                </a:lnTo>
                <a:lnTo>
                  <a:pt x="13606" y="15341"/>
                </a:lnTo>
                <a:lnTo>
                  <a:pt x="13606" y="13777"/>
                </a:lnTo>
                <a:lnTo>
                  <a:pt x="13486" y="13777"/>
                </a:lnTo>
                <a:lnTo>
                  <a:pt x="13526" y="15490"/>
                </a:lnTo>
                <a:lnTo>
                  <a:pt x="13003" y="16012"/>
                </a:lnTo>
                <a:lnTo>
                  <a:pt x="12680" y="15043"/>
                </a:lnTo>
                <a:lnTo>
                  <a:pt x="12560" y="15118"/>
                </a:lnTo>
                <a:lnTo>
                  <a:pt x="12680" y="15639"/>
                </a:lnTo>
                <a:lnTo>
                  <a:pt x="12842" y="16235"/>
                </a:lnTo>
                <a:lnTo>
                  <a:pt x="12600" y="16384"/>
                </a:lnTo>
                <a:lnTo>
                  <a:pt x="12157" y="15118"/>
                </a:lnTo>
                <a:lnTo>
                  <a:pt x="11956" y="15267"/>
                </a:lnTo>
                <a:lnTo>
                  <a:pt x="11755" y="13852"/>
                </a:lnTo>
                <a:lnTo>
                  <a:pt x="11634" y="13405"/>
                </a:lnTo>
                <a:lnTo>
                  <a:pt x="11473" y="13256"/>
                </a:lnTo>
                <a:lnTo>
                  <a:pt x="11513" y="12958"/>
                </a:lnTo>
                <a:lnTo>
                  <a:pt x="11473" y="12586"/>
                </a:lnTo>
                <a:lnTo>
                  <a:pt x="11352" y="12139"/>
                </a:lnTo>
                <a:lnTo>
                  <a:pt x="11272" y="11916"/>
                </a:lnTo>
                <a:lnTo>
                  <a:pt x="11312" y="11096"/>
                </a:lnTo>
                <a:lnTo>
                  <a:pt x="11030" y="11096"/>
                </a:lnTo>
                <a:lnTo>
                  <a:pt x="10829" y="11245"/>
                </a:lnTo>
                <a:lnTo>
                  <a:pt x="10466" y="11692"/>
                </a:lnTo>
                <a:lnTo>
                  <a:pt x="10144" y="11394"/>
                </a:lnTo>
                <a:lnTo>
                  <a:pt x="9943" y="11320"/>
                </a:lnTo>
                <a:lnTo>
                  <a:pt x="9903" y="11171"/>
                </a:lnTo>
                <a:lnTo>
                  <a:pt x="9903" y="10873"/>
                </a:lnTo>
                <a:lnTo>
                  <a:pt x="10064" y="9607"/>
                </a:lnTo>
                <a:lnTo>
                  <a:pt x="9903" y="9384"/>
                </a:lnTo>
                <a:lnTo>
                  <a:pt x="9742" y="9235"/>
                </a:lnTo>
                <a:lnTo>
                  <a:pt x="9621" y="9011"/>
                </a:lnTo>
                <a:lnTo>
                  <a:pt x="9420" y="9086"/>
                </a:lnTo>
                <a:lnTo>
                  <a:pt x="9138" y="9011"/>
                </a:lnTo>
                <a:lnTo>
                  <a:pt x="8856" y="8788"/>
                </a:lnTo>
                <a:lnTo>
                  <a:pt x="8534" y="8639"/>
                </a:lnTo>
                <a:lnTo>
                  <a:pt x="8413" y="8788"/>
                </a:lnTo>
                <a:lnTo>
                  <a:pt x="8252" y="8713"/>
                </a:lnTo>
                <a:lnTo>
                  <a:pt x="7971" y="8937"/>
                </a:lnTo>
                <a:lnTo>
                  <a:pt x="7729" y="8490"/>
                </a:lnTo>
                <a:lnTo>
                  <a:pt x="7407" y="8490"/>
                </a:lnTo>
                <a:lnTo>
                  <a:pt x="7165" y="8118"/>
                </a:lnTo>
                <a:lnTo>
                  <a:pt x="7045" y="8192"/>
                </a:lnTo>
                <a:lnTo>
                  <a:pt x="6843" y="8192"/>
                </a:lnTo>
                <a:lnTo>
                  <a:pt x="6562" y="8043"/>
                </a:lnTo>
                <a:lnTo>
                  <a:pt x="6441" y="7969"/>
                </a:lnTo>
                <a:lnTo>
                  <a:pt x="6079" y="7969"/>
                </a:lnTo>
                <a:lnTo>
                  <a:pt x="5918" y="7745"/>
                </a:lnTo>
                <a:lnTo>
                  <a:pt x="5676" y="7671"/>
                </a:lnTo>
                <a:lnTo>
                  <a:pt x="5555" y="7075"/>
                </a:lnTo>
                <a:lnTo>
                  <a:pt x="5394" y="6405"/>
                </a:lnTo>
                <a:lnTo>
                  <a:pt x="5153" y="6256"/>
                </a:lnTo>
                <a:lnTo>
                  <a:pt x="5112" y="5883"/>
                </a:lnTo>
                <a:lnTo>
                  <a:pt x="4831" y="5883"/>
                </a:lnTo>
                <a:lnTo>
                  <a:pt x="4509" y="5585"/>
                </a:lnTo>
                <a:lnTo>
                  <a:pt x="4227" y="5437"/>
                </a:lnTo>
                <a:lnTo>
                  <a:pt x="3985" y="5437"/>
                </a:lnTo>
                <a:lnTo>
                  <a:pt x="3704" y="5288"/>
                </a:lnTo>
                <a:lnTo>
                  <a:pt x="3744" y="5734"/>
                </a:lnTo>
                <a:lnTo>
                  <a:pt x="3704" y="5883"/>
                </a:lnTo>
                <a:lnTo>
                  <a:pt x="3784" y="6181"/>
                </a:lnTo>
                <a:lnTo>
                  <a:pt x="3784" y="6479"/>
                </a:lnTo>
                <a:lnTo>
                  <a:pt x="3744" y="6628"/>
                </a:lnTo>
                <a:lnTo>
                  <a:pt x="3502" y="6554"/>
                </a:lnTo>
                <a:lnTo>
                  <a:pt x="3583" y="6703"/>
                </a:lnTo>
                <a:lnTo>
                  <a:pt x="3704" y="7075"/>
                </a:lnTo>
                <a:lnTo>
                  <a:pt x="3623" y="7149"/>
                </a:lnTo>
                <a:lnTo>
                  <a:pt x="3704" y="7224"/>
                </a:lnTo>
                <a:lnTo>
                  <a:pt x="3422" y="7745"/>
                </a:lnTo>
                <a:lnTo>
                  <a:pt x="3261" y="7820"/>
                </a:lnTo>
                <a:lnTo>
                  <a:pt x="3019" y="8118"/>
                </a:lnTo>
                <a:lnTo>
                  <a:pt x="2979" y="8118"/>
                </a:lnTo>
                <a:lnTo>
                  <a:pt x="2979" y="7820"/>
                </a:lnTo>
                <a:lnTo>
                  <a:pt x="2898" y="7745"/>
                </a:lnTo>
                <a:lnTo>
                  <a:pt x="2858" y="7671"/>
                </a:lnTo>
                <a:lnTo>
                  <a:pt x="2818" y="7447"/>
                </a:lnTo>
                <a:lnTo>
                  <a:pt x="2737" y="7298"/>
                </a:lnTo>
                <a:lnTo>
                  <a:pt x="2335" y="6554"/>
                </a:lnTo>
                <a:lnTo>
                  <a:pt x="2214" y="6330"/>
                </a:lnTo>
                <a:lnTo>
                  <a:pt x="2134" y="5734"/>
                </a:lnTo>
                <a:lnTo>
                  <a:pt x="1973" y="5734"/>
                </a:lnTo>
                <a:lnTo>
                  <a:pt x="1771" y="5437"/>
                </a:lnTo>
                <a:lnTo>
                  <a:pt x="1691" y="5213"/>
                </a:lnTo>
                <a:lnTo>
                  <a:pt x="1570" y="5288"/>
                </a:lnTo>
                <a:lnTo>
                  <a:pt x="1570" y="5064"/>
                </a:lnTo>
                <a:lnTo>
                  <a:pt x="1449" y="4990"/>
                </a:lnTo>
                <a:lnTo>
                  <a:pt x="1409" y="4617"/>
                </a:lnTo>
                <a:lnTo>
                  <a:pt x="1208" y="4617"/>
                </a:lnTo>
                <a:lnTo>
                  <a:pt x="926" y="3947"/>
                </a:lnTo>
                <a:lnTo>
                  <a:pt x="805" y="3873"/>
                </a:lnTo>
                <a:lnTo>
                  <a:pt x="845" y="3500"/>
                </a:lnTo>
                <a:lnTo>
                  <a:pt x="725" y="3500"/>
                </a:lnTo>
                <a:lnTo>
                  <a:pt x="282" y="4022"/>
                </a:lnTo>
                <a:lnTo>
                  <a:pt x="161" y="4022"/>
                </a:lnTo>
                <a:lnTo>
                  <a:pt x="161" y="3575"/>
                </a:lnTo>
                <a:lnTo>
                  <a:pt x="0" y="3202"/>
                </a:lnTo>
                <a:lnTo>
                  <a:pt x="40" y="3053"/>
                </a:lnTo>
                <a:lnTo>
                  <a:pt x="161" y="2755"/>
                </a:lnTo>
                <a:lnTo>
                  <a:pt x="201" y="2532"/>
                </a:lnTo>
                <a:lnTo>
                  <a:pt x="362" y="2458"/>
                </a:lnTo>
                <a:lnTo>
                  <a:pt x="523" y="2160"/>
                </a:lnTo>
                <a:lnTo>
                  <a:pt x="604" y="1787"/>
                </a:lnTo>
                <a:lnTo>
                  <a:pt x="805" y="1862"/>
                </a:lnTo>
                <a:lnTo>
                  <a:pt x="845" y="2309"/>
                </a:lnTo>
                <a:lnTo>
                  <a:pt x="1047" y="2383"/>
                </a:lnTo>
                <a:lnTo>
                  <a:pt x="1328" y="2383"/>
                </a:lnTo>
                <a:lnTo>
                  <a:pt x="1409" y="2607"/>
                </a:lnTo>
                <a:lnTo>
                  <a:pt x="1328" y="3053"/>
                </a:lnTo>
                <a:lnTo>
                  <a:pt x="1530" y="3202"/>
                </a:lnTo>
                <a:lnTo>
                  <a:pt x="1650" y="3500"/>
                </a:lnTo>
                <a:lnTo>
                  <a:pt x="1811" y="3649"/>
                </a:lnTo>
                <a:lnTo>
                  <a:pt x="2013" y="3947"/>
                </a:lnTo>
                <a:lnTo>
                  <a:pt x="2214" y="3947"/>
                </a:lnTo>
                <a:lnTo>
                  <a:pt x="2415" y="3947"/>
                </a:lnTo>
                <a:lnTo>
                  <a:pt x="2415" y="3798"/>
                </a:lnTo>
                <a:lnTo>
                  <a:pt x="2295" y="3426"/>
                </a:lnTo>
                <a:lnTo>
                  <a:pt x="2214" y="3128"/>
                </a:lnTo>
                <a:lnTo>
                  <a:pt x="2214" y="2755"/>
                </a:lnTo>
                <a:lnTo>
                  <a:pt x="2254" y="2607"/>
                </a:lnTo>
                <a:lnTo>
                  <a:pt x="2496" y="2458"/>
                </a:lnTo>
                <a:lnTo>
                  <a:pt x="2576" y="2160"/>
                </a:lnTo>
                <a:lnTo>
                  <a:pt x="2697" y="1936"/>
                </a:lnTo>
                <a:lnTo>
                  <a:pt x="3019" y="1862"/>
                </a:lnTo>
                <a:lnTo>
                  <a:pt x="3140" y="1787"/>
                </a:lnTo>
                <a:lnTo>
                  <a:pt x="3220" y="1415"/>
                </a:lnTo>
                <a:lnTo>
                  <a:pt x="3341" y="1192"/>
                </a:lnTo>
                <a:lnTo>
                  <a:pt x="3583" y="1043"/>
                </a:lnTo>
                <a:lnTo>
                  <a:pt x="3502" y="521"/>
                </a:lnTo>
                <a:lnTo>
                  <a:pt x="3583" y="298"/>
                </a:lnTo>
                <a:lnTo>
                  <a:pt x="3663" y="0"/>
                </a:lnTo>
                <a:lnTo>
                  <a:pt x="4066" y="149"/>
                </a:lnTo>
                <a:lnTo>
                  <a:pt x="4428" y="372"/>
                </a:lnTo>
                <a:lnTo>
                  <a:pt x="4871" y="819"/>
                </a:lnTo>
                <a:lnTo>
                  <a:pt x="5193" y="819"/>
                </a:lnTo>
                <a:lnTo>
                  <a:pt x="5475" y="819"/>
                </a:lnTo>
                <a:lnTo>
                  <a:pt x="5636" y="1043"/>
                </a:lnTo>
                <a:lnTo>
                  <a:pt x="5797" y="1787"/>
                </a:lnTo>
                <a:lnTo>
                  <a:pt x="6159" y="2160"/>
                </a:lnTo>
                <a:lnTo>
                  <a:pt x="6481" y="2234"/>
                </a:lnTo>
                <a:lnTo>
                  <a:pt x="6642" y="2532"/>
                </a:lnTo>
                <a:lnTo>
                  <a:pt x="7004" y="2681"/>
                </a:lnTo>
                <a:lnTo>
                  <a:pt x="7407" y="2904"/>
                </a:lnTo>
                <a:lnTo>
                  <a:pt x="7769" y="2979"/>
                </a:lnTo>
                <a:lnTo>
                  <a:pt x="7850" y="2979"/>
                </a:lnTo>
                <a:lnTo>
                  <a:pt x="8091" y="3128"/>
                </a:lnTo>
                <a:lnTo>
                  <a:pt x="8373" y="3426"/>
                </a:lnTo>
                <a:lnTo>
                  <a:pt x="8695" y="3798"/>
                </a:lnTo>
                <a:lnTo>
                  <a:pt x="9017" y="4319"/>
                </a:lnTo>
                <a:lnTo>
                  <a:pt x="9339" y="4692"/>
                </a:lnTo>
                <a:lnTo>
                  <a:pt x="9500" y="5064"/>
                </a:lnTo>
                <a:lnTo>
                  <a:pt x="9702" y="5139"/>
                </a:lnTo>
                <a:lnTo>
                  <a:pt x="9822" y="5585"/>
                </a:lnTo>
                <a:lnTo>
                  <a:pt x="10265" y="5734"/>
                </a:lnTo>
                <a:lnTo>
                  <a:pt x="10466" y="5958"/>
                </a:lnTo>
                <a:lnTo>
                  <a:pt x="10627" y="6405"/>
                </a:lnTo>
                <a:lnTo>
                  <a:pt x="10748" y="6777"/>
                </a:lnTo>
                <a:lnTo>
                  <a:pt x="10829" y="7447"/>
                </a:lnTo>
                <a:lnTo>
                  <a:pt x="10909" y="8192"/>
                </a:lnTo>
                <a:lnTo>
                  <a:pt x="11111" y="8788"/>
                </a:lnTo>
                <a:lnTo>
                  <a:pt x="11352" y="9086"/>
                </a:lnTo>
                <a:lnTo>
                  <a:pt x="11513" y="9160"/>
                </a:lnTo>
                <a:lnTo>
                  <a:pt x="11795" y="9309"/>
                </a:lnTo>
                <a:lnTo>
                  <a:pt x="12036" y="9458"/>
                </a:lnTo>
                <a:lnTo>
                  <a:pt x="12157" y="9607"/>
                </a:lnTo>
                <a:lnTo>
                  <a:pt x="12197" y="9905"/>
                </a:lnTo>
                <a:lnTo>
                  <a:pt x="12077" y="10352"/>
                </a:lnTo>
                <a:lnTo>
                  <a:pt x="11916" y="10873"/>
                </a:lnTo>
                <a:lnTo>
                  <a:pt x="11956" y="11096"/>
                </a:lnTo>
                <a:lnTo>
                  <a:pt x="11916" y="11320"/>
                </a:lnTo>
                <a:lnTo>
                  <a:pt x="12358" y="11543"/>
                </a:lnTo>
                <a:lnTo>
                  <a:pt x="12680" y="11469"/>
                </a:lnTo>
                <a:lnTo>
                  <a:pt x="12922" y="11171"/>
                </a:lnTo>
                <a:lnTo>
                  <a:pt x="13204" y="10873"/>
                </a:lnTo>
                <a:lnTo>
                  <a:pt x="13566" y="10873"/>
                </a:lnTo>
                <a:lnTo>
                  <a:pt x="13848" y="10873"/>
                </a:lnTo>
                <a:lnTo>
                  <a:pt x="14089" y="10799"/>
                </a:lnTo>
                <a:lnTo>
                  <a:pt x="14371" y="10650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21" name="d14201"/>
          <xdr:cNvSpPr>
            <a:spLocks/>
          </xdr:cNvSpPr>
        </xdr:nvSpPr>
        <xdr:spPr bwMode="auto">
          <a:xfrm>
            <a:off x="8131629" y="5276850"/>
            <a:ext cx="1922689" cy="1891393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w 16384"/>
              <a:gd name="T145" fmla="*/ 0 h 16384"/>
              <a:gd name="T146" fmla="*/ 16384 w 16384"/>
              <a:gd name="T147" fmla="*/ 16384 h 16384"/>
            </a:gdLst>
            <a:ahLst/>
            <a:cxnLst>
              <a:cxn ang="T96">
                <a:pos x="T0" y="T1"/>
              </a:cxn>
              <a:cxn ang="T97">
                <a:pos x="T2" y="T3"/>
              </a:cxn>
              <a:cxn ang="T98">
                <a:pos x="T4" y="T5"/>
              </a:cxn>
              <a:cxn ang="T99">
                <a:pos x="T6" y="T7"/>
              </a:cxn>
              <a:cxn ang="T100">
                <a:pos x="T8" y="T9"/>
              </a:cxn>
              <a:cxn ang="T101">
                <a:pos x="T10" y="T11"/>
              </a:cxn>
              <a:cxn ang="T102">
                <a:pos x="T12" y="T13"/>
              </a:cxn>
              <a:cxn ang="T103">
                <a:pos x="T14" y="T15"/>
              </a:cxn>
              <a:cxn ang="T104">
                <a:pos x="T16" y="T17"/>
              </a:cxn>
              <a:cxn ang="T105">
                <a:pos x="T18" y="T19"/>
              </a:cxn>
              <a:cxn ang="T106">
                <a:pos x="T20" y="T21"/>
              </a:cxn>
              <a:cxn ang="T107">
                <a:pos x="T22" y="T23"/>
              </a:cxn>
              <a:cxn ang="T108">
                <a:pos x="T24" y="T25"/>
              </a:cxn>
              <a:cxn ang="T109">
                <a:pos x="T26" y="T27"/>
              </a:cxn>
              <a:cxn ang="T110">
                <a:pos x="T28" y="T29"/>
              </a:cxn>
              <a:cxn ang="T111">
                <a:pos x="T30" y="T31"/>
              </a:cxn>
              <a:cxn ang="T112">
                <a:pos x="T32" y="T33"/>
              </a:cxn>
              <a:cxn ang="T113">
                <a:pos x="T34" y="T35"/>
              </a:cxn>
              <a:cxn ang="T114">
                <a:pos x="T36" y="T37"/>
              </a:cxn>
              <a:cxn ang="T115">
                <a:pos x="T38" y="T39"/>
              </a:cxn>
              <a:cxn ang="T116">
                <a:pos x="T40" y="T41"/>
              </a:cxn>
              <a:cxn ang="T117">
                <a:pos x="T42" y="T43"/>
              </a:cxn>
              <a:cxn ang="T118">
                <a:pos x="T44" y="T45"/>
              </a:cxn>
              <a:cxn ang="T119">
                <a:pos x="T46" y="T47"/>
              </a:cxn>
              <a:cxn ang="T120">
                <a:pos x="T48" y="T49"/>
              </a:cxn>
              <a:cxn ang="T121">
                <a:pos x="T50" y="T51"/>
              </a:cxn>
              <a:cxn ang="T122">
                <a:pos x="T52" y="T53"/>
              </a:cxn>
              <a:cxn ang="T123">
                <a:pos x="T54" y="T55"/>
              </a:cxn>
              <a:cxn ang="T124">
                <a:pos x="T56" y="T57"/>
              </a:cxn>
              <a:cxn ang="T125">
                <a:pos x="T58" y="T59"/>
              </a:cxn>
              <a:cxn ang="T126">
                <a:pos x="T60" y="T61"/>
              </a:cxn>
              <a:cxn ang="T127">
                <a:pos x="T62" y="T63"/>
              </a:cxn>
              <a:cxn ang="T128">
                <a:pos x="T64" y="T65"/>
              </a:cxn>
              <a:cxn ang="T129">
                <a:pos x="T66" y="T67"/>
              </a:cxn>
              <a:cxn ang="T130">
                <a:pos x="T68" y="T69"/>
              </a:cxn>
              <a:cxn ang="T131">
                <a:pos x="T70" y="T71"/>
              </a:cxn>
              <a:cxn ang="T132">
                <a:pos x="T72" y="T73"/>
              </a:cxn>
              <a:cxn ang="T133">
                <a:pos x="T74" y="T75"/>
              </a:cxn>
              <a:cxn ang="T134">
                <a:pos x="T76" y="T77"/>
              </a:cxn>
              <a:cxn ang="T135">
                <a:pos x="T78" y="T79"/>
              </a:cxn>
              <a:cxn ang="T136">
                <a:pos x="T80" y="T81"/>
              </a:cxn>
              <a:cxn ang="T137">
                <a:pos x="T82" y="T83"/>
              </a:cxn>
              <a:cxn ang="T138">
                <a:pos x="T84" y="T85"/>
              </a:cxn>
              <a:cxn ang="T139">
                <a:pos x="T86" y="T87"/>
              </a:cxn>
              <a:cxn ang="T140">
                <a:pos x="T88" y="T89"/>
              </a:cxn>
              <a:cxn ang="T141">
                <a:pos x="T90" y="T91"/>
              </a:cxn>
              <a:cxn ang="T142">
                <a:pos x="T92" y="T93"/>
              </a:cxn>
              <a:cxn ang="T143">
                <a:pos x="T94" y="T95"/>
              </a:cxn>
            </a:cxnLst>
            <a:rect l="T144" t="T145" r="T146" b="T147"/>
            <a:pathLst>
              <a:path w="16384" h="16384">
                <a:moveTo>
                  <a:pt x="5706" y="243"/>
                </a:moveTo>
                <a:lnTo>
                  <a:pt x="5950" y="0"/>
                </a:lnTo>
                <a:lnTo>
                  <a:pt x="6684" y="324"/>
                </a:lnTo>
                <a:lnTo>
                  <a:pt x="7010" y="811"/>
                </a:lnTo>
                <a:lnTo>
                  <a:pt x="6847" y="1217"/>
                </a:lnTo>
                <a:lnTo>
                  <a:pt x="6439" y="1217"/>
                </a:lnTo>
                <a:lnTo>
                  <a:pt x="6358" y="2514"/>
                </a:lnTo>
                <a:lnTo>
                  <a:pt x="6195" y="2595"/>
                </a:lnTo>
                <a:lnTo>
                  <a:pt x="5787" y="2352"/>
                </a:lnTo>
                <a:lnTo>
                  <a:pt x="6195" y="3001"/>
                </a:lnTo>
                <a:lnTo>
                  <a:pt x="5054" y="3407"/>
                </a:lnTo>
                <a:lnTo>
                  <a:pt x="5298" y="3731"/>
                </a:lnTo>
                <a:lnTo>
                  <a:pt x="5298" y="3974"/>
                </a:lnTo>
                <a:lnTo>
                  <a:pt x="5461" y="4137"/>
                </a:lnTo>
                <a:lnTo>
                  <a:pt x="5869" y="4055"/>
                </a:lnTo>
                <a:lnTo>
                  <a:pt x="6113" y="3650"/>
                </a:lnTo>
                <a:lnTo>
                  <a:pt x="6358" y="3812"/>
                </a:lnTo>
                <a:lnTo>
                  <a:pt x="6358" y="3488"/>
                </a:lnTo>
                <a:lnTo>
                  <a:pt x="6521" y="3163"/>
                </a:lnTo>
                <a:lnTo>
                  <a:pt x="6929" y="2677"/>
                </a:lnTo>
                <a:lnTo>
                  <a:pt x="7499" y="3244"/>
                </a:lnTo>
                <a:lnTo>
                  <a:pt x="7336" y="3407"/>
                </a:lnTo>
                <a:lnTo>
                  <a:pt x="7010" y="3731"/>
                </a:lnTo>
                <a:lnTo>
                  <a:pt x="6766" y="4055"/>
                </a:lnTo>
                <a:lnTo>
                  <a:pt x="6684" y="4542"/>
                </a:lnTo>
                <a:lnTo>
                  <a:pt x="6929" y="4867"/>
                </a:lnTo>
                <a:lnTo>
                  <a:pt x="7418" y="5272"/>
                </a:lnTo>
                <a:lnTo>
                  <a:pt x="7907" y="5515"/>
                </a:lnTo>
                <a:lnTo>
                  <a:pt x="8070" y="5353"/>
                </a:lnTo>
                <a:lnTo>
                  <a:pt x="7988" y="4948"/>
                </a:lnTo>
                <a:lnTo>
                  <a:pt x="7581" y="4623"/>
                </a:lnTo>
                <a:lnTo>
                  <a:pt x="7988" y="4461"/>
                </a:lnTo>
                <a:lnTo>
                  <a:pt x="8314" y="4704"/>
                </a:lnTo>
                <a:lnTo>
                  <a:pt x="8396" y="4055"/>
                </a:lnTo>
                <a:lnTo>
                  <a:pt x="7907" y="3488"/>
                </a:lnTo>
                <a:lnTo>
                  <a:pt x="8640" y="3407"/>
                </a:lnTo>
                <a:lnTo>
                  <a:pt x="9211" y="3488"/>
                </a:lnTo>
                <a:lnTo>
                  <a:pt x="9618" y="3812"/>
                </a:lnTo>
                <a:lnTo>
                  <a:pt x="9700" y="4218"/>
                </a:lnTo>
                <a:lnTo>
                  <a:pt x="9863" y="4867"/>
                </a:lnTo>
                <a:lnTo>
                  <a:pt x="9211" y="4867"/>
                </a:lnTo>
                <a:lnTo>
                  <a:pt x="9374" y="5272"/>
                </a:lnTo>
                <a:lnTo>
                  <a:pt x="9129" y="5434"/>
                </a:lnTo>
                <a:lnTo>
                  <a:pt x="9374" y="5515"/>
                </a:lnTo>
                <a:lnTo>
                  <a:pt x="9618" y="5921"/>
                </a:lnTo>
                <a:lnTo>
                  <a:pt x="9945" y="6408"/>
                </a:lnTo>
                <a:lnTo>
                  <a:pt x="9781" y="6813"/>
                </a:lnTo>
                <a:lnTo>
                  <a:pt x="10597" y="7543"/>
                </a:lnTo>
                <a:lnTo>
                  <a:pt x="12064" y="7949"/>
                </a:lnTo>
                <a:lnTo>
                  <a:pt x="13287" y="7949"/>
                </a:lnTo>
                <a:lnTo>
                  <a:pt x="13939" y="7868"/>
                </a:lnTo>
                <a:lnTo>
                  <a:pt x="14917" y="7462"/>
                </a:lnTo>
                <a:lnTo>
                  <a:pt x="14917" y="7786"/>
                </a:lnTo>
                <a:lnTo>
                  <a:pt x="15324" y="8030"/>
                </a:lnTo>
                <a:lnTo>
                  <a:pt x="15813" y="8354"/>
                </a:lnTo>
                <a:lnTo>
                  <a:pt x="16221" y="8516"/>
                </a:lnTo>
                <a:lnTo>
                  <a:pt x="16384" y="9084"/>
                </a:lnTo>
                <a:lnTo>
                  <a:pt x="15650" y="9490"/>
                </a:lnTo>
                <a:lnTo>
                  <a:pt x="15161" y="9814"/>
                </a:lnTo>
                <a:lnTo>
                  <a:pt x="15080" y="10463"/>
                </a:lnTo>
                <a:lnTo>
                  <a:pt x="14591" y="10625"/>
                </a:lnTo>
                <a:lnTo>
                  <a:pt x="14509" y="10382"/>
                </a:lnTo>
                <a:lnTo>
                  <a:pt x="14346" y="10544"/>
                </a:lnTo>
                <a:lnTo>
                  <a:pt x="14020" y="10544"/>
                </a:lnTo>
                <a:lnTo>
                  <a:pt x="13287" y="9652"/>
                </a:lnTo>
                <a:lnTo>
                  <a:pt x="13613" y="10301"/>
                </a:lnTo>
                <a:lnTo>
                  <a:pt x="13857" y="10706"/>
                </a:lnTo>
                <a:lnTo>
                  <a:pt x="14183" y="11112"/>
                </a:lnTo>
                <a:lnTo>
                  <a:pt x="14591" y="11355"/>
                </a:lnTo>
                <a:lnTo>
                  <a:pt x="14509" y="12410"/>
                </a:lnTo>
                <a:lnTo>
                  <a:pt x="14020" y="12329"/>
                </a:lnTo>
                <a:lnTo>
                  <a:pt x="13939" y="12166"/>
                </a:lnTo>
                <a:lnTo>
                  <a:pt x="13694" y="11923"/>
                </a:lnTo>
                <a:lnTo>
                  <a:pt x="13287" y="11923"/>
                </a:lnTo>
                <a:lnTo>
                  <a:pt x="13205" y="12572"/>
                </a:lnTo>
                <a:lnTo>
                  <a:pt x="13287" y="13140"/>
                </a:lnTo>
                <a:lnTo>
                  <a:pt x="13450" y="13140"/>
                </a:lnTo>
                <a:lnTo>
                  <a:pt x="13857" y="13059"/>
                </a:lnTo>
                <a:lnTo>
                  <a:pt x="14102" y="13221"/>
                </a:lnTo>
                <a:lnTo>
                  <a:pt x="13776" y="13626"/>
                </a:lnTo>
                <a:lnTo>
                  <a:pt x="13776" y="13789"/>
                </a:lnTo>
                <a:lnTo>
                  <a:pt x="13531" y="14113"/>
                </a:lnTo>
                <a:lnTo>
                  <a:pt x="13124" y="13951"/>
                </a:lnTo>
                <a:lnTo>
                  <a:pt x="12634" y="14032"/>
                </a:lnTo>
                <a:lnTo>
                  <a:pt x="11901" y="14113"/>
                </a:lnTo>
                <a:lnTo>
                  <a:pt x="11004" y="14194"/>
                </a:lnTo>
                <a:lnTo>
                  <a:pt x="10434" y="14356"/>
                </a:lnTo>
                <a:lnTo>
                  <a:pt x="9945" y="14600"/>
                </a:lnTo>
                <a:lnTo>
                  <a:pt x="8803" y="15411"/>
                </a:lnTo>
                <a:lnTo>
                  <a:pt x="8314" y="15897"/>
                </a:lnTo>
                <a:lnTo>
                  <a:pt x="7907" y="15573"/>
                </a:lnTo>
                <a:lnTo>
                  <a:pt x="7825" y="15005"/>
                </a:lnTo>
                <a:lnTo>
                  <a:pt x="7418" y="14681"/>
                </a:lnTo>
                <a:lnTo>
                  <a:pt x="7418" y="14113"/>
                </a:lnTo>
                <a:lnTo>
                  <a:pt x="7255" y="14032"/>
                </a:lnTo>
                <a:lnTo>
                  <a:pt x="6929" y="14356"/>
                </a:lnTo>
                <a:lnTo>
                  <a:pt x="6603" y="14437"/>
                </a:lnTo>
                <a:lnTo>
                  <a:pt x="6032" y="14356"/>
                </a:lnTo>
                <a:lnTo>
                  <a:pt x="5706" y="14600"/>
                </a:lnTo>
                <a:lnTo>
                  <a:pt x="5461" y="14437"/>
                </a:lnTo>
                <a:lnTo>
                  <a:pt x="5298" y="14437"/>
                </a:lnTo>
                <a:lnTo>
                  <a:pt x="4809" y="15248"/>
                </a:lnTo>
                <a:lnTo>
                  <a:pt x="4157" y="15330"/>
                </a:lnTo>
                <a:lnTo>
                  <a:pt x="3424" y="16384"/>
                </a:lnTo>
                <a:lnTo>
                  <a:pt x="3260" y="16303"/>
                </a:lnTo>
                <a:lnTo>
                  <a:pt x="2690" y="16141"/>
                </a:lnTo>
                <a:lnTo>
                  <a:pt x="2771" y="15816"/>
                </a:lnTo>
                <a:lnTo>
                  <a:pt x="2282" y="15897"/>
                </a:lnTo>
                <a:lnTo>
                  <a:pt x="1793" y="15816"/>
                </a:lnTo>
                <a:lnTo>
                  <a:pt x="2038" y="15411"/>
                </a:lnTo>
                <a:lnTo>
                  <a:pt x="2282" y="15248"/>
                </a:lnTo>
                <a:lnTo>
                  <a:pt x="2119" y="15005"/>
                </a:lnTo>
                <a:lnTo>
                  <a:pt x="2201" y="14762"/>
                </a:lnTo>
                <a:lnTo>
                  <a:pt x="2364" y="14518"/>
                </a:lnTo>
                <a:lnTo>
                  <a:pt x="2771" y="14356"/>
                </a:lnTo>
                <a:lnTo>
                  <a:pt x="2934" y="14113"/>
                </a:lnTo>
                <a:lnTo>
                  <a:pt x="3097" y="14032"/>
                </a:lnTo>
                <a:lnTo>
                  <a:pt x="3587" y="14275"/>
                </a:lnTo>
                <a:lnTo>
                  <a:pt x="3994" y="14275"/>
                </a:lnTo>
                <a:lnTo>
                  <a:pt x="4402" y="14194"/>
                </a:lnTo>
                <a:lnTo>
                  <a:pt x="4646" y="13545"/>
                </a:lnTo>
                <a:lnTo>
                  <a:pt x="4320" y="13140"/>
                </a:lnTo>
                <a:lnTo>
                  <a:pt x="3913" y="12815"/>
                </a:lnTo>
                <a:lnTo>
                  <a:pt x="3668" y="12734"/>
                </a:lnTo>
                <a:lnTo>
                  <a:pt x="3016" y="12572"/>
                </a:lnTo>
                <a:lnTo>
                  <a:pt x="2445" y="12410"/>
                </a:lnTo>
                <a:lnTo>
                  <a:pt x="2282" y="12734"/>
                </a:lnTo>
                <a:lnTo>
                  <a:pt x="2038" y="12653"/>
                </a:lnTo>
                <a:lnTo>
                  <a:pt x="2201" y="12410"/>
                </a:lnTo>
                <a:lnTo>
                  <a:pt x="2364" y="12085"/>
                </a:lnTo>
                <a:lnTo>
                  <a:pt x="2201" y="11599"/>
                </a:lnTo>
                <a:lnTo>
                  <a:pt x="1956" y="11112"/>
                </a:lnTo>
                <a:lnTo>
                  <a:pt x="2038" y="10950"/>
                </a:lnTo>
                <a:lnTo>
                  <a:pt x="1875" y="10706"/>
                </a:lnTo>
                <a:lnTo>
                  <a:pt x="1712" y="10463"/>
                </a:lnTo>
                <a:lnTo>
                  <a:pt x="1386" y="10139"/>
                </a:lnTo>
                <a:lnTo>
                  <a:pt x="1141" y="9976"/>
                </a:lnTo>
                <a:lnTo>
                  <a:pt x="897" y="9571"/>
                </a:lnTo>
                <a:lnTo>
                  <a:pt x="652" y="9328"/>
                </a:lnTo>
                <a:lnTo>
                  <a:pt x="245" y="9003"/>
                </a:lnTo>
                <a:lnTo>
                  <a:pt x="0" y="9003"/>
                </a:lnTo>
                <a:lnTo>
                  <a:pt x="163" y="8841"/>
                </a:lnTo>
                <a:lnTo>
                  <a:pt x="1467" y="8679"/>
                </a:lnTo>
                <a:lnTo>
                  <a:pt x="1956" y="8679"/>
                </a:lnTo>
                <a:lnTo>
                  <a:pt x="1956" y="8598"/>
                </a:lnTo>
                <a:lnTo>
                  <a:pt x="2201" y="8354"/>
                </a:lnTo>
                <a:lnTo>
                  <a:pt x="2445" y="8354"/>
                </a:lnTo>
                <a:lnTo>
                  <a:pt x="2771" y="8354"/>
                </a:lnTo>
                <a:lnTo>
                  <a:pt x="2934" y="8354"/>
                </a:lnTo>
                <a:lnTo>
                  <a:pt x="3260" y="8354"/>
                </a:lnTo>
                <a:lnTo>
                  <a:pt x="3505" y="8192"/>
                </a:lnTo>
                <a:lnTo>
                  <a:pt x="3668" y="7949"/>
                </a:lnTo>
                <a:lnTo>
                  <a:pt x="3831" y="8030"/>
                </a:lnTo>
                <a:lnTo>
                  <a:pt x="3994" y="8192"/>
                </a:lnTo>
                <a:lnTo>
                  <a:pt x="4076" y="8516"/>
                </a:lnTo>
                <a:lnTo>
                  <a:pt x="4402" y="8679"/>
                </a:lnTo>
                <a:lnTo>
                  <a:pt x="4646" y="8679"/>
                </a:lnTo>
                <a:lnTo>
                  <a:pt x="4728" y="8435"/>
                </a:lnTo>
                <a:lnTo>
                  <a:pt x="4891" y="8354"/>
                </a:lnTo>
                <a:lnTo>
                  <a:pt x="5135" y="8192"/>
                </a:lnTo>
                <a:lnTo>
                  <a:pt x="5543" y="8030"/>
                </a:lnTo>
                <a:lnTo>
                  <a:pt x="5869" y="8111"/>
                </a:lnTo>
                <a:lnTo>
                  <a:pt x="5950" y="7786"/>
                </a:lnTo>
                <a:lnTo>
                  <a:pt x="5787" y="7381"/>
                </a:lnTo>
                <a:lnTo>
                  <a:pt x="5787" y="6975"/>
                </a:lnTo>
                <a:lnTo>
                  <a:pt x="6032" y="6813"/>
                </a:lnTo>
                <a:lnTo>
                  <a:pt x="6032" y="6651"/>
                </a:lnTo>
                <a:lnTo>
                  <a:pt x="5706" y="6651"/>
                </a:lnTo>
                <a:lnTo>
                  <a:pt x="5380" y="6570"/>
                </a:lnTo>
                <a:lnTo>
                  <a:pt x="4891" y="6326"/>
                </a:lnTo>
                <a:lnTo>
                  <a:pt x="4565" y="5921"/>
                </a:lnTo>
                <a:lnTo>
                  <a:pt x="4320" y="6002"/>
                </a:lnTo>
                <a:lnTo>
                  <a:pt x="4076" y="5678"/>
                </a:lnTo>
                <a:lnTo>
                  <a:pt x="3994" y="5434"/>
                </a:lnTo>
                <a:lnTo>
                  <a:pt x="4320" y="5029"/>
                </a:lnTo>
                <a:lnTo>
                  <a:pt x="4239" y="4704"/>
                </a:lnTo>
                <a:lnTo>
                  <a:pt x="4076" y="4137"/>
                </a:lnTo>
                <a:lnTo>
                  <a:pt x="3750" y="3731"/>
                </a:lnTo>
                <a:lnTo>
                  <a:pt x="3750" y="3244"/>
                </a:lnTo>
                <a:lnTo>
                  <a:pt x="3260" y="3001"/>
                </a:lnTo>
                <a:lnTo>
                  <a:pt x="3260" y="2514"/>
                </a:lnTo>
                <a:lnTo>
                  <a:pt x="3097" y="2271"/>
                </a:lnTo>
                <a:lnTo>
                  <a:pt x="2853" y="2028"/>
                </a:lnTo>
                <a:lnTo>
                  <a:pt x="3179" y="1784"/>
                </a:lnTo>
                <a:lnTo>
                  <a:pt x="3260" y="1622"/>
                </a:lnTo>
                <a:lnTo>
                  <a:pt x="3913" y="1541"/>
                </a:lnTo>
                <a:lnTo>
                  <a:pt x="4402" y="1379"/>
                </a:lnTo>
                <a:lnTo>
                  <a:pt x="4565" y="1217"/>
                </a:lnTo>
                <a:lnTo>
                  <a:pt x="4809" y="730"/>
                </a:lnTo>
                <a:lnTo>
                  <a:pt x="5135" y="649"/>
                </a:lnTo>
                <a:lnTo>
                  <a:pt x="5298" y="973"/>
                </a:lnTo>
                <a:lnTo>
                  <a:pt x="5706" y="243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22" name="d14203"/>
          <xdr:cNvSpPr>
            <a:spLocks/>
          </xdr:cNvSpPr>
        </xdr:nvSpPr>
        <xdr:spPr bwMode="auto">
          <a:xfrm>
            <a:off x="4226379" y="4276725"/>
            <a:ext cx="1551214" cy="1235529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0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0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2147483646 w 16384"/>
              <a:gd name="T117" fmla="*/ 2147483646 h 16384"/>
              <a:gd name="T118" fmla="*/ 2147483646 w 16384"/>
              <a:gd name="T119" fmla="*/ 2147483646 h 16384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16384"/>
              <a:gd name="T181" fmla="*/ 0 h 16384"/>
              <a:gd name="T182" fmla="*/ 16384 w 16384"/>
              <a:gd name="T183" fmla="*/ 16384 h 16384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16384" h="16384">
                <a:moveTo>
                  <a:pt x="15777" y="9681"/>
                </a:moveTo>
                <a:lnTo>
                  <a:pt x="15676" y="10674"/>
                </a:lnTo>
                <a:lnTo>
                  <a:pt x="15777" y="11171"/>
                </a:lnTo>
                <a:lnTo>
                  <a:pt x="15979" y="11295"/>
                </a:lnTo>
                <a:lnTo>
                  <a:pt x="16081" y="11171"/>
                </a:lnTo>
                <a:lnTo>
                  <a:pt x="16384" y="11419"/>
                </a:lnTo>
                <a:lnTo>
                  <a:pt x="16384" y="11916"/>
                </a:lnTo>
                <a:lnTo>
                  <a:pt x="15979" y="12288"/>
                </a:lnTo>
                <a:lnTo>
                  <a:pt x="15878" y="12909"/>
                </a:lnTo>
                <a:lnTo>
                  <a:pt x="15676" y="13529"/>
                </a:lnTo>
                <a:lnTo>
                  <a:pt x="15676" y="14274"/>
                </a:lnTo>
                <a:lnTo>
                  <a:pt x="16081" y="14646"/>
                </a:lnTo>
                <a:lnTo>
                  <a:pt x="16384" y="15143"/>
                </a:lnTo>
                <a:lnTo>
                  <a:pt x="16384" y="15888"/>
                </a:lnTo>
                <a:lnTo>
                  <a:pt x="15777" y="16012"/>
                </a:lnTo>
                <a:lnTo>
                  <a:pt x="15069" y="15888"/>
                </a:lnTo>
                <a:lnTo>
                  <a:pt x="14361" y="15763"/>
                </a:lnTo>
                <a:lnTo>
                  <a:pt x="13552" y="15763"/>
                </a:lnTo>
                <a:lnTo>
                  <a:pt x="12945" y="15888"/>
                </a:lnTo>
                <a:lnTo>
                  <a:pt x="12339" y="16012"/>
                </a:lnTo>
                <a:lnTo>
                  <a:pt x="11631" y="16260"/>
                </a:lnTo>
                <a:lnTo>
                  <a:pt x="11024" y="16384"/>
                </a:lnTo>
                <a:lnTo>
                  <a:pt x="10518" y="15888"/>
                </a:lnTo>
                <a:lnTo>
                  <a:pt x="10720" y="14895"/>
                </a:lnTo>
                <a:lnTo>
                  <a:pt x="11024" y="14770"/>
                </a:lnTo>
                <a:lnTo>
                  <a:pt x="11428" y="14398"/>
                </a:lnTo>
                <a:lnTo>
                  <a:pt x="11226" y="13902"/>
                </a:lnTo>
                <a:lnTo>
                  <a:pt x="10518" y="13902"/>
                </a:lnTo>
                <a:lnTo>
                  <a:pt x="10215" y="13405"/>
                </a:lnTo>
                <a:lnTo>
                  <a:pt x="10012" y="13902"/>
                </a:lnTo>
                <a:lnTo>
                  <a:pt x="9304" y="14274"/>
                </a:lnTo>
                <a:lnTo>
                  <a:pt x="8698" y="14895"/>
                </a:lnTo>
                <a:lnTo>
                  <a:pt x="7787" y="15019"/>
                </a:lnTo>
                <a:lnTo>
                  <a:pt x="7787" y="14770"/>
                </a:lnTo>
                <a:lnTo>
                  <a:pt x="7181" y="14522"/>
                </a:lnTo>
                <a:lnTo>
                  <a:pt x="6877" y="13902"/>
                </a:lnTo>
                <a:lnTo>
                  <a:pt x="6574" y="13902"/>
                </a:lnTo>
                <a:lnTo>
                  <a:pt x="6776" y="13281"/>
                </a:lnTo>
                <a:lnTo>
                  <a:pt x="6574" y="12909"/>
                </a:lnTo>
                <a:lnTo>
                  <a:pt x="5259" y="12909"/>
                </a:lnTo>
                <a:lnTo>
                  <a:pt x="5057" y="12536"/>
                </a:lnTo>
                <a:lnTo>
                  <a:pt x="4450" y="12660"/>
                </a:lnTo>
                <a:lnTo>
                  <a:pt x="4045" y="12288"/>
                </a:lnTo>
                <a:lnTo>
                  <a:pt x="3236" y="12536"/>
                </a:lnTo>
                <a:lnTo>
                  <a:pt x="2630" y="12288"/>
                </a:lnTo>
                <a:lnTo>
                  <a:pt x="2023" y="13157"/>
                </a:lnTo>
                <a:lnTo>
                  <a:pt x="1315" y="13281"/>
                </a:lnTo>
                <a:lnTo>
                  <a:pt x="1112" y="13281"/>
                </a:lnTo>
                <a:lnTo>
                  <a:pt x="1011" y="13157"/>
                </a:lnTo>
                <a:lnTo>
                  <a:pt x="708" y="12288"/>
                </a:lnTo>
                <a:lnTo>
                  <a:pt x="0" y="11667"/>
                </a:lnTo>
                <a:lnTo>
                  <a:pt x="0" y="9557"/>
                </a:lnTo>
                <a:lnTo>
                  <a:pt x="607" y="8937"/>
                </a:lnTo>
                <a:lnTo>
                  <a:pt x="1517" y="8688"/>
                </a:lnTo>
                <a:lnTo>
                  <a:pt x="2023" y="8440"/>
                </a:lnTo>
                <a:lnTo>
                  <a:pt x="2528" y="8316"/>
                </a:lnTo>
                <a:lnTo>
                  <a:pt x="3135" y="8316"/>
                </a:lnTo>
                <a:lnTo>
                  <a:pt x="3439" y="8192"/>
                </a:lnTo>
                <a:lnTo>
                  <a:pt x="3641" y="7447"/>
                </a:lnTo>
                <a:lnTo>
                  <a:pt x="3944" y="6578"/>
                </a:lnTo>
                <a:lnTo>
                  <a:pt x="4147" y="6578"/>
                </a:lnTo>
                <a:lnTo>
                  <a:pt x="4147" y="5958"/>
                </a:lnTo>
                <a:lnTo>
                  <a:pt x="4147" y="5585"/>
                </a:lnTo>
                <a:lnTo>
                  <a:pt x="4551" y="5461"/>
                </a:lnTo>
                <a:lnTo>
                  <a:pt x="5158" y="5461"/>
                </a:lnTo>
                <a:lnTo>
                  <a:pt x="5562" y="5213"/>
                </a:lnTo>
                <a:lnTo>
                  <a:pt x="6068" y="5337"/>
                </a:lnTo>
                <a:lnTo>
                  <a:pt x="6372" y="5213"/>
                </a:lnTo>
                <a:lnTo>
                  <a:pt x="6270" y="3972"/>
                </a:lnTo>
                <a:lnTo>
                  <a:pt x="6675" y="3848"/>
                </a:lnTo>
                <a:lnTo>
                  <a:pt x="7484" y="3972"/>
                </a:lnTo>
                <a:lnTo>
                  <a:pt x="7484" y="3600"/>
                </a:lnTo>
                <a:lnTo>
                  <a:pt x="7484" y="3103"/>
                </a:lnTo>
                <a:lnTo>
                  <a:pt x="7686" y="2607"/>
                </a:lnTo>
                <a:lnTo>
                  <a:pt x="7990" y="3848"/>
                </a:lnTo>
                <a:lnTo>
                  <a:pt x="8597" y="3848"/>
                </a:lnTo>
                <a:lnTo>
                  <a:pt x="8900" y="4096"/>
                </a:lnTo>
                <a:lnTo>
                  <a:pt x="9203" y="4592"/>
                </a:lnTo>
                <a:lnTo>
                  <a:pt x="9203" y="5461"/>
                </a:lnTo>
                <a:lnTo>
                  <a:pt x="9810" y="5834"/>
                </a:lnTo>
                <a:lnTo>
                  <a:pt x="9810" y="4965"/>
                </a:lnTo>
                <a:lnTo>
                  <a:pt x="9709" y="4220"/>
                </a:lnTo>
                <a:lnTo>
                  <a:pt x="9810" y="3475"/>
                </a:lnTo>
                <a:lnTo>
                  <a:pt x="10012" y="3972"/>
                </a:lnTo>
                <a:lnTo>
                  <a:pt x="10417" y="4344"/>
                </a:lnTo>
                <a:lnTo>
                  <a:pt x="10417" y="4096"/>
                </a:lnTo>
                <a:lnTo>
                  <a:pt x="10822" y="3972"/>
                </a:lnTo>
                <a:lnTo>
                  <a:pt x="11327" y="3972"/>
                </a:lnTo>
                <a:lnTo>
                  <a:pt x="11732" y="3475"/>
                </a:lnTo>
                <a:lnTo>
                  <a:pt x="12237" y="4096"/>
                </a:lnTo>
                <a:lnTo>
                  <a:pt x="12642" y="4220"/>
                </a:lnTo>
                <a:lnTo>
                  <a:pt x="12945" y="2731"/>
                </a:lnTo>
                <a:lnTo>
                  <a:pt x="13249" y="2855"/>
                </a:lnTo>
                <a:lnTo>
                  <a:pt x="13249" y="3600"/>
                </a:lnTo>
                <a:lnTo>
                  <a:pt x="13047" y="4468"/>
                </a:lnTo>
                <a:lnTo>
                  <a:pt x="14159" y="3475"/>
                </a:lnTo>
                <a:lnTo>
                  <a:pt x="14361" y="2358"/>
                </a:lnTo>
                <a:lnTo>
                  <a:pt x="14058" y="1862"/>
                </a:lnTo>
                <a:lnTo>
                  <a:pt x="13856" y="1489"/>
                </a:lnTo>
                <a:lnTo>
                  <a:pt x="13957" y="1489"/>
                </a:lnTo>
                <a:lnTo>
                  <a:pt x="14058" y="0"/>
                </a:lnTo>
                <a:lnTo>
                  <a:pt x="14260" y="0"/>
                </a:lnTo>
                <a:lnTo>
                  <a:pt x="14159" y="496"/>
                </a:lnTo>
                <a:lnTo>
                  <a:pt x="14361" y="745"/>
                </a:lnTo>
                <a:lnTo>
                  <a:pt x="14361" y="1241"/>
                </a:lnTo>
                <a:lnTo>
                  <a:pt x="14462" y="1365"/>
                </a:lnTo>
                <a:lnTo>
                  <a:pt x="14564" y="1614"/>
                </a:lnTo>
                <a:lnTo>
                  <a:pt x="15272" y="1489"/>
                </a:lnTo>
                <a:lnTo>
                  <a:pt x="16283" y="1614"/>
                </a:lnTo>
                <a:lnTo>
                  <a:pt x="16384" y="2234"/>
                </a:lnTo>
                <a:lnTo>
                  <a:pt x="16384" y="2979"/>
                </a:lnTo>
                <a:lnTo>
                  <a:pt x="16384" y="3848"/>
                </a:lnTo>
                <a:lnTo>
                  <a:pt x="16081" y="4717"/>
                </a:lnTo>
                <a:lnTo>
                  <a:pt x="16081" y="5710"/>
                </a:lnTo>
                <a:lnTo>
                  <a:pt x="15777" y="6703"/>
                </a:lnTo>
                <a:lnTo>
                  <a:pt x="15676" y="7075"/>
                </a:lnTo>
                <a:lnTo>
                  <a:pt x="15979" y="7944"/>
                </a:lnTo>
                <a:lnTo>
                  <a:pt x="16081" y="8440"/>
                </a:lnTo>
                <a:lnTo>
                  <a:pt x="15878" y="8688"/>
                </a:lnTo>
                <a:lnTo>
                  <a:pt x="15777" y="968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23" name="d14204"/>
          <xdr:cNvSpPr>
            <a:spLocks/>
          </xdr:cNvSpPr>
        </xdr:nvSpPr>
        <xdr:spPr bwMode="auto">
          <a:xfrm>
            <a:off x="7068911" y="4754336"/>
            <a:ext cx="1224643" cy="898071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0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16384"/>
              <a:gd name="T112" fmla="*/ 0 h 16384"/>
              <a:gd name="T113" fmla="*/ 16384 w 16384"/>
              <a:gd name="T114" fmla="*/ 16384 h 16384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16384" h="16384">
                <a:moveTo>
                  <a:pt x="15360" y="8021"/>
                </a:moveTo>
                <a:lnTo>
                  <a:pt x="15744" y="8704"/>
                </a:lnTo>
                <a:lnTo>
                  <a:pt x="15616" y="9557"/>
                </a:lnTo>
                <a:lnTo>
                  <a:pt x="15616" y="10240"/>
                </a:lnTo>
                <a:lnTo>
                  <a:pt x="16000" y="10752"/>
                </a:lnTo>
                <a:lnTo>
                  <a:pt x="16384" y="11264"/>
                </a:lnTo>
                <a:lnTo>
                  <a:pt x="16256" y="11947"/>
                </a:lnTo>
                <a:lnTo>
                  <a:pt x="15616" y="11776"/>
                </a:lnTo>
                <a:lnTo>
                  <a:pt x="14976" y="12629"/>
                </a:lnTo>
                <a:lnTo>
                  <a:pt x="14720" y="12800"/>
                </a:lnTo>
                <a:lnTo>
                  <a:pt x="13440" y="13653"/>
                </a:lnTo>
                <a:lnTo>
                  <a:pt x="12928" y="13653"/>
                </a:lnTo>
                <a:lnTo>
                  <a:pt x="12032" y="14848"/>
                </a:lnTo>
                <a:lnTo>
                  <a:pt x="11520" y="14848"/>
                </a:lnTo>
                <a:lnTo>
                  <a:pt x="10496" y="15701"/>
                </a:lnTo>
                <a:lnTo>
                  <a:pt x="9728" y="16213"/>
                </a:lnTo>
                <a:lnTo>
                  <a:pt x="9344" y="15531"/>
                </a:lnTo>
                <a:lnTo>
                  <a:pt x="8832" y="14848"/>
                </a:lnTo>
                <a:lnTo>
                  <a:pt x="8064" y="14848"/>
                </a:lnTo>
                <a:lnTo>
                  <a:pt x="7168" y="14848"/>
                </a:lnTo>
                <a:lnTo>
                  <a:pt x="7040" y="15189"/>
                </a:lnTo>
                <a:lnTo>
                  <a:pt x="6656" y="16043"/>
                </a:lnTo>
                <a:lnTo>
                  <a:pt x="6016" y="16384"/>
                </a:lnTo>
                <a:lnTo>
                  <a:pt x="5504" y="16384"/>
                </a:lnTo>
                <a:lnTo>
                  <a:pt x="4736" y="16213"/>
                </a:lnTo>
                <a:lnTo>
                  <a:pt x="4096" y="15872"/>
                </a:lnTo>
                <a:lnTo>
                  <a:pt x="3456" y="15701"/>
                </a:lnTo>
                <a:lnTo>
                  <a:pt x="2816" y="15531"/>
                </a:lnTo>
                <a:lnTo>
                  <a:pt x="1920" y="15360"/>
                </a:lnTo>
                <a:lnTo>
                  <a:pt x="1152" y="15360"/>
                </a:lnTo>
                <a:lnTo>
                  <a:pt x="512" y="15189"/>
                </a:lnTo>
                <a:lnTo>
                  <a:pt x="384" y="15019"/>
                </a:lnTo>
                <a:lnTo>
                  <a:pt x="0" y="15189"/>
                </a:lnTo>
                <a:lnTo>
                  <a:pt x="512" y="13824"/>
                </a:lnTo>
                <a:lnTo>
                  <a:pt x="1024" y="13312"/>
                </a:lnTo>
                <a:lnTo>
                  <a:pt x="1408" y="12629"/>
                </a:lnTo>
                <a:lnTo>
                  <a:pt x="1408" y="11947"/>
                </a:lnTo>
                <a:lnTo>
                  <a:pt x="1536" y="10581"/>
                </a:lnTo>
                <a:lnTo>
                  <a:pt x="1920" y="10411"/>
                </a:lnTo>
                <a:lnTo>
                  <a:pt x="2176" y="9216"/>
                </a:lnTo>
                <a:lnTo>
                  <a:pt x="2560" y="8875"/>
                </a:lnTo>
                <a:lnTo>
                  <a:pt x="3072" y="8704"/>
                </a:lnTo>
                <a:lnTo>
                  <a:pt x="4096" y="7339"/>
                </a:lnTo>
                <a:lnTo>
                  <a:pt x="4352" y="6485"/>
                </a:lnTo>
                <a:lnTo>
                  <a:pt x="4096" y="5973"/>
                </a:lnTo>
                <a:lnTo>
                  <a:pt x="3456" y="6144"/>
                </a:lnTo>
                <a:lnTo>
                  <a:pt x="3584" y="4949"/>
                </a:lnTo>
                <a:lnTo>
                  <a:pt x="2944" y="4608"/>
                </a:lnTo>
                <a:lnTo>
                  <a:pt x="2560" y="3072"/>
                </a:lnTo>
                <a:lnTo>
                  <a:pt x="1536" y="3072"/>
                </a:lnTo>
                <a:lnTo>
                  <a:pt x="1280" y="2389"/>
                </a:lnTo>
                <a:lnTo>
                  <a:pt x="1408" y="1877"/>
                </a:lnTo>
                <a:lnTo>
                  <a:pt x="2048" y="1365"/>
                </a:lnTo>
                <a:lnTo>
                  <a:pt x="2432" y="0"/>
                </a:lnTo>
                <a:lnTo>
                  <a:pt x="3328" y="1024"/>
                </a:lnTo>
                <a:lnTo>
                  <a:pt x="4224" y="1707"/>
                </a:lnTo>
                <a:lnTo>
                  <a:pt x="5120" y="2048"/>
                </a:lnTo>
                <a:lnTo>
                  <a:pt x="5504" y="2048"/>
                </a:lnTo>
                <a:lnTo>
                  <a:pt x="6144" y="2731"/>
                </a:lnTo>
                <a:lnTo>
                  <a:pt x="7424" y="3413"/>
                </a:lnTo>
                <a:lnTo>
                  <a:pt x="8448" y="2560"/>
                </a:lnTo>
                <a:lnTo>
                  <a:pt x="8832" y="1536"/>
                </a:lnTo>
                <a:lnTo>
                  <a:pt x="9216" y="1877"/>
                </a:lnTo>
                <a:lnTo>
                  <a:pt x="9472" y="2901"/>
                </a:lnTo>
                <a:lnTo>
                  <a:pt x="9728" y="3584"/>
                </a:lnTo>
                <a:lnTo>
                  <a:pt x="10368" y="4608"/>
                </a:lnTo>
                <a:lnTo>
                  <a:pt x="11136" y="5291"/>
                </a:lnTo>
                <a:lnTo>
                  <a:pt x="11648" y="5632"/>
                </a:lnTo>
                <a:lnTo>
                  <a:pt x="12544" y="5461"/>
                </a:lnTo>
                <a:lnTo>
                  <a:pt x="12672" y="5461"/>
                </a:lnTo>
                <a:lnTo>
                  <a:pt x="13056" y="6827"/>
                </a:lnTo>
                <a:lnTo>
                  <a:pt x="13056" y="7851"/>
                </a:lnTo>
                <a:lnTo>
                  <a:pt x="13568" y="8192"/>
                </a:lnTo>
                <a:lnTo>
                  <a:pt x="14208" y="8192"/>
                </a:lnTo>
                <a:lnTo>
                  <a:pt x="15360" y="8021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24" name="d14205"/>
          <xdr:cNvSpPr>
            <a:spLocks/>
          </xdr:cNvSpPr>
        </xdr:nvSpPr>
        <xdr:spPr bwMode="auto">
          <a:xfrm>
            <a:off x="5996668" y="3891643"/>
            <a:ext cx="1398814" cy="1694089"/>
          </a:xfrm>
          <a:custGeom>
            <a:avLst/>
            <a:gdLst>
              <a:gd name="T0" fmla="*/ 2147483646 w 146"/>
              <a:gd name="T1" fmla="*/ 2147483646 h 181"/>
              <a:gd name="T2" fmla="*/ 2147483646 w 146"/>
              <a:gd name="T3" fmla="*/ 2147483646 h 181"/>
              <a:gd name="T4" fmla="*/ 2147483646 w 146"/>
              <a:gd name="T5" fmla="*/ 2147483646 h 181"/>
              <a:gd name="T6" fmla="*/ 2147483646 w 146"/>
              <a:gd name="T7" fmla="*/ 2147483646 h 181"/>
              <a:gd name="T8" fmla="*/ 2147483646 w 146"/>
              <a:gd name="T9" fmla="*/ 2147483646 h 181"/>
              <a:gd name="T10" fmla="*/ 2147483646 w 146"/>
              <a:gd name="T11" fmla="*/ 2147483646 h 181"/>
              <a:gd name="T12" fmla="*/ 2147483646 w 146"/>
              <a:gd name="T13" fmla="*/ 2147483646 h 181"/>
              <a:gd name="T14" fmla="*/ 2147483646 w 146"/>
              <a:gd name="T15" fmla="*/ 2147483646 h 181"/>
              <a:gd name="T16" fmla="*/ 2147483646 w 146"/>
              <a:gd name="T17" fmla="*/ 2147483646 h 181"/>
              <a:gd name="T18" fmla="*/ 2147483646 w 146"/>
              <a:gd name="T19" fmla="*/ 2147483646 h 181"/>
              <a:gd name="T20" fmla="*/ 2147483646 w 146"/>
              <a:gd name="T21" fmla="*/ 2147483646 h 181"/>
              <a:gd name="T22" fmla="*/ 2147483646 w 146"/>
              <a:gd name="T23" fmla="*/ 2147483646 h 181"/>
              <a:gd name="T24" fmla="*/ 2147483646 w 146"/>
              <a:gd name="T25" fmla="*/ 2147483646 h 181"/>
              <a:gd name="T26" fmla="*/ 2147483646 w 146"/>
              <a:gd name="T27" fmla="*/ 2147483646 h 181"/>
              <a:gd name="T28" fmla="*/ 2147483646 w 146"/>
              <a:gd name="T29" fmla="*/ 2147483646 h 181"/>
              <a:gd name="T30" fmla="*/ 2147483646 w 146"/>
              <a:gd name="T31" fmla="*/ 2147483646 h 181"/>
              <a:gd name="T32" fmla="*/ 2147483646 w 146"/>
              <a:gd name="T33" fmla="*/ 2147483646 h 181"/>
              <a:gd name="T34" fmla="*/ 2147483646 w 146"/>
              <a:gd name="T35" fmla="*/ 2147483646 h 181"/>
              <a:gd name="T36" fmla="*/ 2147483646 w 146"/>
              <a:gd name="T37" fmla="*/ 2147483646 h 181"/>
              <a:gd name="T38" fmla="*/ 2147483646 w 146"/>
              <a:gd name="T39" fmla="*/ 2147483646 h 181"/>
              <a:gd name="T40" fmla="*/ 2147483646 w 146"/>
              <a:gd name="T41" fmla="*/ 2147483646 h 181"/>
              <a:gd name="T42" fmla="*/ 2147483646 w 146"/>
              <a:gd name="T43" fmla="*/ 2147483646 h 181"/>
              <a:gd name="T44" fmla="*/ 2147483646 w 146"/>
              <a:gd name="T45" fmla="*/ 2147483646 h 181"/>
              <a:gd name="T46" fmla="*/ 2147483646 w 146"/>
              <a:gd name="T47" fmla="*/ 2147483646 h 181"/>
              <a:gd name="T48" fmla="*/ 2147483646 w 146"/>
              <a:gd name="T49" fmla="*/ 2147483646 h 181"/>
              <a:gd name="T50" fmla="*/ 2147483646 w 146"/>
              <a:gd name="T51" fmla="*/ 2147483646 h 181"/>
              <a:gd name="T52" fmla="*/ 2147483646 w 146"/>
              <a:gd name="T53" fmla="*/ 2147483646 h 181"/>
              <a:gd name="T54" fmla="*/ 2147483646 w 146"/>
              <a:gd name="T55" fmla="*/ 2147483646 h 181"/>
              <a:gd name="T56" fmla="*/ 2147483646 w 146"/>
              <a:gd name="T57" fmla="*/ 2147483646 h 181"/>
              <a:gd name="T58" fmla="*/ 2147483646 w 146"/>
              <a:gd name="T59" fmla="*/ 2147483646 h 181"/>
              <a:gd name="T60" fmla="*/ 2147483646 w 146"/>
              <a:gd name="T61" fmla="*/ 2147483646 h 181"/>
              <a:gd name="T62" fmla="*/ 2147483646 w 146"/>
              <a:gd name="T63" fmla="*/ 2147483646 h 181"/>
              <a:gd name="T64" fmla="*/ 2147483646 w 146"/>
              <a:gd name="T65" fmla="*/ 2147483646 h 181"/>
              <a:gd name="T66" fmla="*/ 2147483646 w 146"/>
              <a:gd name="T67" fmla="*/ 2147483646 h 181"/>
              <a:gd name="T68" fmla="*/ 2147483646 w 146"/>
              <a:gd name="T69" fmla="*/ 2147483646 h 181"/>
              <a:gd name="T70" fmla="*/ 2147483646 w 146"/>
              <a:gd name="T71" fmla="*/ 2147483646 h 181"/>
              <a:gd name="T72" fmla="*/ 2147483646 w 146"/>
              <a:gd name="T73" fmla="*/ 2147483646 h 181"/>
              <a:gd name="T74" fmla="*/ 2147483646 w 146"/>
              <a:gd name="T75" fmla="*/ 2147483646 h 181"/>
              <a:gd name="T76" fmla="*/ 2147483646 w 146"/>
              <a:gd name="T77" fmla="*/ 2147483646 h 181"/>
              <a:gd name="T78" fmla="*/ 2147483646 w 146"/>
              <a:gd name="T79" fmla="*/ 2147483646 h 181"/>
              <a:gd name="T80" fmla="*/ 2147483646 w 146"/>
              <a:gd name="T81" fmla="*/ 2147483646 h 181"/>
              <a:gd name="T82" fmla="*/ 0 w 146"/>
              <a:gd name="T83" fmla="*/ 2147483646 h 181"/>
              <a:gd name="T84" fmla="*/ 2147483646 w 146"/>
              <a:gd name="T85" fmla="*/ 2147483646 h 181"/>
              <a:gd name="T86" fmla="*/ 2147483646 w 146"/>
              <a:gd name="T87" fmla="*/ 2147483646 h 181"/>
              <a:gd name="T88" fmla="*/ 2147483646 w 146"/>
              <a:gd name="T89" fmla="*/ 2147483646 h 181"/>
              <a:gd name="T90" fmla="*/ 2147483646 w 146"/>
              <a:gd name="T91" fmla="*/ 2147483646 h 181"/>
              <a:gd name="T92" fmla="*/ 2147483646 w 146"/>
              <a:gd name="T93" fmla="*/ 2147483646 h 181"/>
              <a:gd name="T94" fmla="*/ 2147483646 w 146"/>
              <a:gd name="T95" fmla="*/ 2147483646 h 181"/>
              <a:gd name="T96" fmla="*/ 2147483646 w 146"/>
              <a:gd name="T97" fmla="*/ 2147483646 h 181"/>
              <a:gd name="T98" fmla="*/ 2147483646 w 146"/>
              <a:gd name="T99" fmla="*/ 2147483646 h 181"/>
              <a:gd name="T100" fmla="*/ 2147483646 w 146"/>
              <a:gd name="T101" fmla="*/ 2147483646 h 181"/>
              <a:gd name="T102" fmla="*/ 2147483646 w 146"/>
              <a:gd name="T103" fmla="*/ 2147483646 h 181"/>
              <a:gd name="T104" fmla="*/ 2147483646 w 146"/>
              <a:gd name="T105" fmla="*/ 2147483646 h 181"/>
              <a:gd name="T106" fmla="*/ 2147483646 w 146"/>
              <a:gd name="T107" fmla="*/ 2147483646 h 181"/>
              <a:gd name="T108" fmla="*/ 2147483646 w 146"/>
              <a:gd name="T109" fmla="*/ 0 h 181"/>
              <a:gd name="T110" fmla="*/ 2147483646 w 146"/>
              <a:gd name="T111" fmla="*/ 2147483646 h 181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w 146"/>
              <a:gd name="T169" fmla="*/ 0 h 181"/>
              <a:gd name="T170" fmla="*/ 146 w 146"/>
              <a:gd name="T171" fmla="*/ 181 h 181"/>
            </a:gdLst>
            <a:ahLst/>
            <a:cxnLst>
              <a:cxn ang="T112">
                <a:pos x="T0" y="T1"/>
              </a:cxn>
              <a:cxn ang="T113">
                <a:pos x="T2" y="T3"/>
              </a:cxn>
              <a:cxn ang="T114">
                <a:pos x="T4" y="T5"/>
              </a:cxn>
              <a:cxn ang="T115">
                <a:pos x="T6" y="T7"/>
              </a:cxn>
              <a:cxn ang="T116">
                <a:pos x="T8" y="T9"/>
              </a:cxn>
              <a:cxn ang="T117">
                <a:pos x="T10" y="T11"/>
              </a:cxn>
              <a:cxn ang="T118">
                <a:pos x="T12" y="T13"/>
              </a:cxn>
              <a:cxn ang="T119">
                <a:pos x="T14" y="T15"/>
              </a:cxn>
              <a:cxn ang="T120">
                <a:pos x="T16" y="T17"/>
              </a:cxn>
              <a:cxn ang="T121">
                <a:pos x="T18" y="T19"/>
              </a:cxn>
              <a:cxn ang="T122">
                <a:pos x="T20" y="T21"/>
              </a:cxn>
              <a:cxn ang="T123">
                <a:pos x="T22" y="T23"/>
              </a:cxn>
              <a:cxn ang="T124">
                <a:pos x="T24" y="T25"/>
              </a:cxn>
              <a:cxn ang="T125">
                <a:pos x="T26" y="T27"/>
              </a:cxn>
              <a:cxn ang="T126">
                <a:pos x="T28" y="T29"/>
              </a:cxn>
              <a:cxn ang="T127">
                <a:pos x="T30" y="T31"/>
              </a:cxn>
              <a:cxn ang="T128">
                <a:pos x="T32" y="T33"/>
              </a:cxn>
              <a:cxn ang="T129">
                <a:pos x="T34" y="T35"/>
              </a:cxn>
              <a:cxn ang="T130">
                <a:pos x="T36" y="T37"/>
              </a:cxn>
              <a:cxn ang="T131">
                <a:pos x="T38" y="T39"/>
              </a:cxn>
              <a:cxn ang="T132">
                <a:pos x="T40" y="T41"/>
              </a:cxn>
              <a:cxn ang="T133">
                <a:pos x="T42" y="T43"/>
              </a:cxn>
              <a:cxn ang="T134">
                <a:pos x="T44" y="T45"/>
              </a:cxn>
              <a:cxn ang="T135">
                <a:pos x="T46" y="T47"/>
              </a:cxn>
              <a:cxn ang="T136">
                <a:pos x="T48" y="T49"/>
              </a:cxn>
              <a:cxn ang="T137">
                <a:pos x="T50" y="T51"/>
              </a:cxn>
              <a:cxn ang="T138">
                <a:pos x="T52" y="T53"/>
              </a:cxn>
              <a:cxn ang="T139">
                <a:pos x="T54" y="T55"/>
              </a:cxn>
              <a:cxn ang="T140">
                <a:pos x="T56" y="T57"/>
              </a:cxn>
              <a:cxn ang="T141">
                <a:pos x="T58" y="T59"/>
              </a:cxn>
              <a:cxn ang="T142">
                <a:pos x="T60" y="T61"/>
              </a:cxn>
              <a:cxn ang="T143">
                <a:pos x="T62" y="T63"/>
              </a:cxn>
              <a:cxn ang="T144">
                <a:pos x="T64" y="T65"/>
              </a:cxn>
              <a:cxn ang="T145">
                <a:pos x="T66" y="T67"/>
              </a:cxn>
              <a:cxn ang="T146">
                <a:pos x="T68" y="T69"/>
              </a:cxn>
              <a:cxn ang="T147">
                <a:pos x="T70" y="T71"/>
              </a:cxn>
              <a:cxn ang="T148">
                <a:pos x="T72" y="T73"/>
              </a:cxn>
              <a:cxn ang="T149">
                <a:pos x="T74" y="T75"/>
              </a:cxn>
              <a:cxn ang="T150">
                <a:pos x="T76" y="T77"/>
              </a:cxn>
              <a:cxn ang="T151">
                <a:pos x="T78" y="T79"/>
              </a:cxn>
              <a:cxn ang="T152">
                <a:pos x="T80" y="T81"/>
              </a:cxn>
              <a:cxn ang="T153">
                <a:pos x="T82" y="T83"/>
              </a:cxn>
              <a:cxn ang="T154">
                <a:pos x="T84" y="T85"/>
              </a:cxn>
              <a:cxn ang="T155">
                <a:pos x="T86" y="T87"/>
              </a:cxn>
              <a:cxn ang="T156">
                <a:pos x="T88" y="T89"/>
              </a:cxn>
              <a:cxn ang="T157">
                <a:pos x="T90" y="T91"/>
              </a:cxn>
              <a:cxn ang="T158">
                <a:pos x="T92" y="T93"/>
              </a:cxn>
              <a:cxn ang="T159">
                <a:pos x="T94" y="T95"/>
              </a:cxn>
              <a:cxn ang="T160">
                <a:pos x="T96" y="T97"/>
              </a:cxn>
              <a:cxn ang="T161">
                <a:pos x="T98" y="T99"/>
              </a:cxn>
              <a:cxn ang="T162">
                <a:pos x="T100" y="T101"/>
              </a:cxn>
              <a:cxn ang="T163">
                <a:pos x="T102" y="T103"/>
              </a:cxn>
              <a:cxn ang="T164">
                <a:pos x="T104" y="T105"/>
              </a:cxn>
              <a:cxn ang="T165">
                <a:pos x="T106" y="T107"/>
              </a:cxn>
              <a:cxn ang="T166">
                <a:pos x="T108" y="T109"/>
              </a:cxn>
              <a:cxn ang="T167">
                <a:pos x="T110" y="T111"/>
              </a:cxn>
            </a:cxnLst>
            <a:rect l="T168" t="T169" r="T170" b="T171"/>
            <a:pathLst>
              <a:path w="146" h="181">
                <a:moveTo>
                  <a:pt x="94" y="14"/>
                </a:moveTo>
                <a:lnTo>
                  <a:pt x="98" y="16"/>
                </a:lnTo>
                <a:lnTo>
                  <a:pt x="101" y="19"/>
                </a:lnTo>
                <a:lnTo>
                  <a:pt x="101" y="23"/>
                </a:lnTo>
                <a:lnTo>
                  <a:pt x="100" y="29"/>
                </a:lnTo>
                <a:lnTo>
                  <a:pt x="99" y="36"/>
                </a:lnTo>
                <a:lnTo>
                  <a:pt x="100" y="40"/>
                </a:lnTo>
                <a:lnTo>
                  <a:pt x="99" y="44"/>
                </a:lnTo>
                <a:lnTo>
                  <a:pt x="101" y="48"/>
                </a:lnTo>
                <a:lnTo>
                  <a:pt x="102" y="54"/>
                </a:lnTo>
                <a:lnTo>
                  <a:pt x="102" y="58"/>
                </a:lnTo>
                <a:lnTo>
                  <a:pt x="106" y="61"/>
                </a:lnTo>
                <a:lnTo>
                  <a:pt x="108" y="65"/>
                </a:lnTo>
                <a:lnTo>
                  <a:pt x="110" y="66"/>
                </a:lnTo>
                <a:lnTo>
                  <a:pt x="112" y="72"/>
                </a:lnTo>
                <a:lnTo>
                  <a:pt x="115" y="74"/>
                </a:lnTo>
                <a:lnTo>
                  <a:pt x="119" y="77"/>
                </a:lnTo>
                <a:lnTo>
                  <a:pt x="121" y="81"/>
                </a:lnTo>
                <a:lnTo>
                  <a:pt x="120" y="85"/>
                </a:lnTo>
                <a:lnTo>
                  <a:pt x="116" y="88"/>
                </a:lnTo>
                <a:lnTo>
                  <a:pt x="114" y="93"/>
                </a:lnTo>
                <a:lnTo>
                  <a:pt x="112" y="98"/>
                </a:lnTo>
                <a:lnTo>
                  <a:pt x="111" y="105"/>
                </a:lnTo>
                <a:lnTo>
                  <a:pt x="117" y="107"/>
                </a:lnTo>
                <a:lnTo>
                  <a:pt x="122" y="106"/>
                </a:lnTo>
                <a:lnTo>
                  <a:pt x="124" y="110"/>
                </a:lnTo>
                <a:lnTo>
                  <a:pt x="132" y="110"/>
                </a:lnTo>
                <a:lnTo>
                  <a:pt x="135" y="119"/>
                </a:lnTo>
                <a:lnTo>
                  <a:pt x="140" y="121"/>
                </a:lnTo>
                <a:lnTo>
                  <a:pt x="139" y="128"/>
                </a:lnTo>
                <a:lnTo>
                  <a:pt x="144" y="127"/>
                </a:lnTo>
                <a:lnTo>
                  <a:pt x="146" y="130"/>
                </a:lnTo>
                <a:lnTo>
                  <a:pt x="144" y="135"/>
                </a:lnTo>
                <a:lnTo>
                  <a:pt x="136" y="143"/>
                </a:lnTo>
                <a:lnTo>
                  <a:pt x="132" y="144"/>
                </a:lnTo>
                <a:lnTo>
                  <a:pt x="129" y="146"/>
                </a:lnTo>
                <a:lnTo>
                  <a:pt x="127" y="153"/>
                </a:lnTo>
                <a:lnTo>
                  <a:pt x="124" y="154"/>
                </a:lnTo>
                <a:lnTo>
                  <a:pt x="123" y="162"/>
                </a:lnTo>
                <a:lnTo>
                  <a:pt x="123" y="166"/>
                </a:lnTo>
                <a:lnTo>
                  <a:pt x="120" y="170"/>
                </a:lnTo>
                <a:lnTo>
                  <a:pt x="116" y="173"/>
                </a:lnTo>
                <a:lnTo>
                  <a:pt x="112" y="181"/>
                </a:lnTo>
                <a:lnTo>
                  <a:pt x="109" y="181"/>
                </a:lnTo>
                <a:lnTo>
                  <a:pt x="106" y="181"/>
                </a:lnTo>
                <a:lnTo>
                  <a:pt x="100" y="177"/>
                </a:lnTo>
                <a:lnTo>
                  <a:pt x="95" y="171"/>
                </a:lnTo>
                <a:lnTo>
                  <a:pt x="89" y="169"/>
                </a:lnTo>
                <a:lnTo>
                  <a:pt x="82" y="167"/>
                </a:lnTo>
                <a:lnTo>
                  <a:pt x="73" y="166"/>
                </a:lnTo>
                <a:lnTo>
                  <a:pt x="66" y="165"/>
                </a:lnTo>
                <a:lnTo>
                  <a:pt x="59" y="163"/>
                </a:lnTo>
                <a:lnTo>
                  <a:pt x="53" y="163"/>
                </a:lnTo>
                <a:lnTo>
                  <a:pt x="54" y="157"/>
                </a:lnTo>
                <a:lnTo>
                  <a:pt x="56" y="150"/>
                </a:lnTo>
                <a:lnTo>
                  <a:pt x="58" y="144"/>
                </a:lnTo>
                <a:lnTo>
                  <a:pt x="60" y="137"/>
                </a:lnTo>
                <a:lnTo>
                  <a:pt x="61" y="130"/>
                </a:lnTo>
                <a:lnTo>
                  <a:pt x="58" y="126"/>
                </a:lnTo>
                <a:lnTo>
                  <a:pt x="58" y="122"/>
                </a:lnTo>
                <a:lnTo>
                  <a:pt x="56" y="116"/>
                </a:lnTo>
                <a:lnTo>
                  <a:pt x="52" y="112"/>
                </a:lnTo>
                <a:lnTo>
                  <a:pt x="51" y="104"/>
                </a:lnTo>
                <a:lnTo>
                  <a:pt x="52" y="99"/>
                </a:lnTo>
                <a:lnTo>
                  <a:pt x="55" y="98"/>
                </a:lnTo>
                <a:lnTo>
                  <a:pt x="56" y="92"/>
                </a:lnTo>
                <a:lnTo>
                  <a:pt x="48" y="92"/>
                </a:lnTo>
                <a:lnTo>
                  <a:pt x="49" y="86"/>
                </a:lnTo>
                <a:lnTo>
                  <a:pt x="47" y="85"/>
                </a:lnTo>
                <a:lnTo>
                  <a:pt x="44" y="89"/>
                </a:lnTo>
                <a:lnTo>
                  <a:pt x="40" y="87"/>
                </a:lnTo>
                <a:lnTo>
                  <a:pt x="44" y="85"/>
                </a:lnTo>
                <a:lnTo>
                  <a:pt x="44" y="81"/>
                </a:lnTo>
                <a:lnTo>
                  <a:pt x="47" y="76"/>
                </a:lnTo>
                <a:lnTo>
                  <a:pt x="44" y="69"/>
                </a:lnTo>
                <a:lnTo>
                  <a:pt x="35" y="71"/>
                </a:lnTo>
                <a:lnTo>
                  <a:pt x="28" y="68"/>
                </a:lnTo>
                <a:lnTo>
                  <a:pt x="13" y="78"/>
                </a:lnTo>
                <a:lnTo>
                  <a:pt x="11" y="76"/>
                </a:lnTo>
                <a:lnTo>
                  <a:pt x="7" y="69"/>
                </a:lnTo>
                <a:lnTo>
                  <a:pt x="8" y="60"/>
                </a:lnTo>
                <a:lnTo>
                  <a:pt x="2" y="59"/>
                </a:lnTo>
                <a:lnTo>
                  <a:pt x="4" y="51"/>
                </a:lnTo>
                <a:lnTo>
                  <a:pt x="0" y="49"/>
                </a:lnTo>
                <a:lnTo>
                  <a:pt x="2" y="44"/>
                </a:lnTo>
                <a:lnTo>
                  <a:pt x="5" y="44"/>
                </a:lnTo>
                <a:lnTo>
                  <a:pt x="8" y="46"/>
                </a:lnTo>
                <a:lnTo>
                  <a:pt x="11" y="43"/>
                </a:lnTo>
                <a:lnTo>
                  <a:pt x="14" y="42"/>
                </a:lnTo>
                <a:lnTo>
                  <a:pt x="16" y="36"/>
                </a:lnTo>
                <a:lnTo>
                  <a:pt x="21" y="29"/>
                </a:lnTo>
                <a:lnTo>
                  <a:pt x="25" y="19"/>
                </a:lnTo>
                <a:lnTo>
                  <a:pt x="38" y="23"/>
                </a:lnTo>
                <a:lnTo>
                  <a:pt x="38" y="18"/>
                </a:lnTo>
                <a:lnTo>
                  <a:pt x="46" y="19"/>
                </a:lnTo>
                <a:lnTo>
                  <a:pt x="55" y="23"/>
                </a:lnTo>
                <a:lnTo>
                  <a:pt x="59" y="27"/>
                </a:lnTo>
                <a:lnTo>
                  <a:pt x="60" y="34"/>
                </a:lnTo>
                <a:lnTo>
                  <a:pt x="65" y="37"/>
                </a:lnTo>
                <a:lnTo>
                  <a:pt x="64" y="32"/>
                </a:lnTo>
                <a:lnTo>
                  <a:pt x="72" y="32"/>
                </a:lnTo>
                <a:lnTo>
                  <a:pt x="76" y="22"/>
                </a:lnTo>
                <a:lnTo>
                  <a:pt x="72" y="17"/>
                </a:lnTo>
                <a:lnTo>
                  <a:pt x="61" y="7"/>
                </a:lnTo>
                <a:lnTo>
                  <a:pt x="66" y="5"/>
                </a:lnTo>
                <a:lnTo>
                  <a:pt x="69" y="8"/>
                </a:lnTo>
                <a:lnTo>
                  <a:pt x="73" y="9"/>
                </a:lnTo>
                <a:lnTo>
                  <a:pt x="78" y="10"/>
                </a:lnTo>
                <a:lnTo>
                  <a:pt x="82" y="12"/>
                </a:lnTo>
                <a:lnTo>
                  <a:pt x="84" y="0"/>
                </a:lnTo>
                <a:lnTo>
                  <a:pt x="88" y="1"/>
                </a:lnTo>
                <a:lnTo>
                  <a:pt x="87" y="11"/>
                </a:lnTo>
                <a:lnTo>
                  <a:pt x="94" y="14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25" name="d14206"/>
          <xdr:cNvSpPr>
            <a:spLocks/>
          </xdr:cNvSpPr>
        </xdr:nvSpPr>
        <xdr:spPr bwMode="auto">
          <a:xfrm>
            <a:off x="2160814" y="5257800"/>
            <a:ext cx="2046515" cy="2069646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0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0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0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2147483646 w 16384"/>
              <a:gd name="T117" fmla="*/ 2147483646 h 16384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w 16384"/>
              <a:gd name="T178" fmla="*/ 0 h 16384"/>
              <a:gd name="T179" fmla="*/ 16384 w 16384"/>
              <a:gd name="T180" fmla="*/ 16384 h 16384"/>
            </a:gdLst>
            <a:ahLst/>
            <a:cxnLst>
              <a:cxn ang="T118">
                <a:pos x="T0" y="T1"/>
              </a:cxn>
              <a:cxn ang="T119">
                <a:pos x="T2" y="T3"/>
              </a:cxn>
              <a:cxn ang="T120">
                <a:pos x="T4" y="T5"/>
              </a:cxn>
              <a:cxn ang="T121">
                <a:pos x="T6" y="T7"/>
              </a:cxn>
              <a:cxn ang="T122">
                <a:pos x="T8" y="T9"/>
              </a:cxn>
              <a:cxn ang="T123">
                <a:pos x="T10" y="T11"/>
              </a:cxn>
              <a:cxn ang="T124">
                <a:pos x="T12" y="T13"/>
              </a:cxn>
              <a:cxn ang="T125">
                <a:pos x="T14" y="T15"/>
              </a:cxn>
              <a:cxn ang="T126">
                <a:pos x="T16" y="T17"/>
              </a:cxn>
              <a:cxn ang="T127">
                <a:pos x="T18" y="T19"/>
              </a:cxn>
              <a:cxn ang="T128">
                <a:pos x="T20" y="T21"/>
              </a:cxn>
              <a:cxn ang="T129">
                <a:pos x="T22" y="T23"/>
              </a:cxn>
              <a:cxn ang="T130">
                <a:pos x="T24" y="T25"/>
              </a:cxn>
              <a:cxn ang="T131">
                <a:pos x="T26" y="T27"/>
              </a:cxn>
              <a:cxn ang="T132">
                <a:pos x="T28" y="T29"/>
              </a:cxn>
              <a:cxn ang="T133">
                <a:pos x="T30" y="T31"/>
              </a:cxn>
              <a:cxn ang="T134">
                <a:pos x="T32" y="T33"/>
              </a:cxn>
              <a:cxn ang="T135">
                <a:pos x="T34" y="T35"/>
              </a:cxn>
              <a:cxn ang="T136">
                <a:pos x="T36" y="T37"/>
              </a:cxn>
              <a:cxn ang="T137">
                <a:pos x="T38" y="T39"/>
              </a:cxn>
              <a:cxn ang="T138">
                <a:pos x="T40" y="T41"/>
              </a:cxn>
              <a:cxn ang="T139">
                <a:pos x="T42" y="T43"/>
              </a:cxn>
              <a:cxn ang="T140">
                <a:pos x="T44" y="T45"/>
              </a:cxn>
              <a:cxn ang="T141">
                <a:pos x="T46" y="T47"/>
              </a:cxn>
              <a:cxn ang="T142">
                <a:pos x="T48" y="T49"/>
              </a:cxn>
              <a:cxn ang="T143">
                <a:pos x="T50" y="T51"/>
              </a:cxn>
              <a:cxn ang="T144">
                <a:pos x="T52" y="T53"/>
              </a:cxn>
              <a:cxn ang="T145">
                <a:pos x="T54" y="T55"/>
              </a:cxn>
              <a:cxn ang="T146">
                <a:pos x="T56" y="T57"/>
              </a:cxn>
              <a:cxn ang="T147">
                <a:pos x="T58" y="T59"/>
              </a:cxn>
              <a:cxn ang="T148">
                <a:pos x="T60" y="T61"/>
              </a:cxn>
              <a:cxn ang="T149">
                <a:pos x="T62" y="T63"/>
              </a:cxn>
              <a:cxn ang="T150">
                <a:pos x="T64" y="T65"/>
              </a:cxn>
              <a:cxn ang="T151">
                <a:pos x="T66" y="T67"/>
              </a:cxn>
              <a:cxn ang="T152">
                <a:pos x="T68" y="T69"/>
              </a:cxn>
              <a:cxn ang="T153">
                <a:pos x="T70" y="T71"/>
              </a:cxn>
              <a:cxn ang="T154">
                <a:pos x="T72" y="T73"/>
              </a:cxn>
              <a:cxn ang="T155">
                <a:pos x="T74" y="T75"/>
              </a:cxn>
              <a:cxn ang="T156">
                <a:pos x="T76" y="T77"/>
              </a:cxn>
              <a:cxn ang="T157">
                <a:pos x="T78" y="T79"/>
              </a:cxn>
              <a:cxn ang="T158">
                <a:pos x="T80" y="T81"/>
              </a:cxn>
              <a:cxn ang="T159">
                <a:pos x="T82" y="T83"/>
              </a:cxn>
              <a:cxn ang="T160">
                <a:pos x="T84" y="T85"/>
              </a:cxn>
              <a:cxn ang="T161">
                <a:pos x="T86" y="T87"/>
              </a:cxn>
              <a:cxn ang="T162">
                <a:pos x="T88" y="T89"/>
              </a:cxn>
              <a:cxn ang="T163">
                <a:pos x="T90" y="T91"/>
              </a:cxn>
              <a:cxn ang="T164">
                <a:pos x="T92" y="T93"/>
              </a:cxn>
              <a:cxn ang="T165">
                <a:pos x="T94" y="T95"/>
              </a:cxn>
              <a:cxn ang="T166">
                <a:pos x="T96" y="T97"/>
              </a:cxn>
              <a:cxn ang="T167">
                <a:pos x="T98" y="T99"/>
              </a:cxn>
              <a:cxn ang="T168">
                <a:pos x="T100" y="T101"/>
              </a:cxn>
              <a:cxn ang="T169">
                <a:pos x="T102" y="T103"/>
              </a:cxn>
              <a:cxn ang="T170">
                <a:pos x="T104" y="T105"/>
              </a:cxn>
              <a:cxn ang="T171">
                <a:pos x="T106" y="T107"/>
              </a:cxn>
              <a:cxn ang="T172">
                <a:pos x="T108" y="T109"/>
              </a:cxn>
              <a:cxn ang="T173">
                <a:pos x="T110" y="T111"/>
              </a:cxn>
              <a:cxn ang="T174">
                <a:pos x="T112" y="T113"/>
              </a:cxn>
              <a:cxn ang="T175">
                <a:pos x="T114" y="T115"/>
              </a:cxn>
              <a:cxn ang="T176">
                <a:pos x="T116" y="T117"/>
              </a:cxn>
            </a:cxnLst>
            <a:rect l="T177" t="T178" r="T179" b="T180"/>
            <a:pathLst>
              <a:path w="16384" h="16384">
                <a:moveTo>
                  <a:pt x="6508" y="1483"/>
                </a:moveTo>
                <a:lnTo>
                  <a:pt x="6584" y="1260"/>
                </a:lnTo>
                <a:lnTo>
                  <a:pt x="6814" y="1112"/>
                </a:lnTo>
                <a:lnTo>
                  <a:pt x="7120" y="964"/>
                </a:lnTo>
                <a:lnTo>
                  <a:pt x="7273" y="593"/>
                </a:lnTo>
                <a:lnTo>
                  <a:pt x="7580" y="593"/>
                </a:lnTo>
                <a:lnTo>
                  <a:pt x="8269" y="1705"/>
                </a:lnTo>
                <a:lnTo>
                  <a:pt x="8804" y="1779"/>
                </a:lnTo>
                <a:lnTo>
                  <a:pt x="9187" y="1557"/>
                </a:lnTo>
                <a:lnTo>
                  <a:pt x="9570" y="1186"/>
                </a:lnTo>
                <a:lnTo>
                  <a:pt x="9647" y="1409"/>
                </a:lnTo>
                <a:lnTo>
                  <a:pt x="9800" y="1112"/>
                </a:lnTo>
                <a:lnTo>
                  <a:pt x="9953" y="890"/>
                </a:lnTo>
                <a:lnTo>
                  <a:pt x="10183" y="741"/>
                </a:lnTo>
                <a:lnTo>
                  <a:pt x="10259" y="371"/>
                </a:lnTo>
                <a:lnTo>
                  <a:pt x="10336" y="297"/>
                </a:lnTo>
                <a:lnTo>
                  <a:pt x="10948" y="148"/>
                </a:lnTo>
                <a:lnTo>
                  <a:pt x="11101" y="0"/>
                </a:lnTo>
                <a:lnTo>
                  <a:pt x="11254" y="74"/>
                </a:lnTo>
                <a:lnTo>
                  <a:pt x="11331" y="222"/>
                </a:lnTo>
                <a:lnTo>
                  <a:pt x="11714" y="741"/>
                </a:lnTo>
                <a:lnTo>
                  <a:pt x="11943" y="1038"/>
                </a:lnTo>
                <a:lnTo>
                  <a:pt x="12250" y="1260"/>
                </a:lnTo>
                <a:lnTo>
                  <a:pt x="12709" y="1557"/>
                </a:lnTo>
                <a:lnTo>
                  <a:pt x="12862" y="1557"/>
                </a:lnTo>
                <a:lnTo>
                  <a:pt x="13092" y="1853"/>
                </a:lnTo>
                <a:lnTo>
                  <a:pt x="13092" y="2150"/>
                </a:lnTo>
                <a:lnTo>
                  <a:pt x="13551" y="1928"/>
                </a:lnTo>
                <a:lnTo>
                  <a:pt x="13857" y="1705"/>
                </a:lnTo>
                <a:lnTo>
                  <a:pt x="14240" y="1260"/>
                </a:lnTo>
                <a:lnTo>
                  <a:pt x="14853" y="1483"/>
                </a:lnTo>
                <a:lnTo>
                  <a:pt x="15312" y="1483"/>
                </a:lnTo>
                <a:lnTo>
                  <a:pt x="15695" y="1186"/>
                </a:lnTo>
                <a:lnTo>
                  <a:pt x="15848" y="1038"/>
                </a:lnTo>
                <a:lnTo>
                  <a:pt x="15925" y="1334"/>
                </a:lnTo>
                <a:lnTo>
                  <a:pt x="16078" y="1483"/>
                </a:lnTo>
                <a:lnTo>
                  <a:pt x="16384" y="1631"/>
                </a:lnTo>
                <a:lnTo>
                  <a:pt x="16231" y="2150"/>
                </a:lnTo>
                <a:lnTo>
                  <a:pt x="16231" y="2446"/>
                </a:lnTo>
                <a:lnTo>
                  <a:pt x="16307" y="2669"/>
                </a:lnTo>
                <a:lnTo>
                  <a:pt x="16307" y="2891"/>
                </a:lnTo>
                <a:lnTo>
                  <a:pt x="16231" y="3262"/>
                </a:lnTo>
                <a:lnTo>
                  <a:pt x="16078" y="3484"/>
                </a:lnTo>
                <a:lnTo>
                  <a:pt x="16231" y="3559"/>
                </a:lnTo>
                <a:lnTo>
                  <a:pt x="16231" y="3707"/>
                </a:lnTo>
                <a:lnTo>
                  <a:pt x="16078" y="3855"/>
                </a:lnTo>
                <a:lnTo>
                  <a:pt x="16001" y="4226"/>
                </a:lnTo>
                <a:lnTo>
                  <a:pt x="16154" y="4596"/>
                </a:lnTo>
                <a:lnTo>
                  <a:pt x="15772" y="4745"/>
                </a:lnTo>
                <a:lnTo>
                  <a:pt x="15465" y="4893"/>
                </a:lnTo>
                <a:lnTo>
                  <a:pt x="15082" y="5041"/>
                </a:lnTo>
                <a:lnTo>
                  <a:pt x="14700" y="5190"/>
                </a:lnTo>
                <a:lnTo>
                  <a:pt x="14164" y="5486"/>
                </a:lnTo>
                <a:lnTo>
                  <a:pt x="13704" y="5708"/>
                </a:lnTo>
                <a:lnTo>
                  <a:pt x="13092" y="6153"/>
                </a:lnTo>
                <a:lnTo>
                  <a:pt x="12709" y="6524"/>
                </a:lnTo>
                <a:lnTo>
                  <a:pt x="12403" y="6746"/>
                </a:lnTo>
                <a:lnTo>
                  <a:pt x="11943" y="7117"/>
                </a:lnTo>
                <a:lnTo>
                  <a:pt x="11561" y="7414"/>
                </a:lnTo>
                <a:lnTo>
                  <a:pt x="11101" y="7710"/>
                </a:lnTo>
                <a:lnTo>
                  <a:pt x="10719" y="7858"/>
                </a:lnTo>
                <a:lnTo>
                  <a:pt x="10336" y="8081"/>
                </a:lnTo>
                <a:lnTo>
                  <a:pt x="9953" y="8377"/>
                </a:lnTo>
                <a:lnTo>
                  <a:pt x="9417" y="8822"/>
                </a:lnTo>
                <a:lnTo>
                  <a:pt x="8958" y="9193"/>
                </a:lnTo>
                <a:lnTo>
                  <a:pt x="8422" y="9564"/>
                </a:lnTo>
                <a:lnTo>
                  <a:pt x="8192" y="9564"/>
                </a:lnTo>
                <a:lnTo>
                  <a:pt x="8039" y="9712"/>
                </a:lnTo>
                <a:lnTo>
                  <a:pt x="7733" y="10157"/>
                </a:lnTo>
                <a:lnTo>
                  <a:pt x="7426" y="10305"/>
                </a:lnTo>
                <a:lnTo>
                  <a:pt x="7350" y="10750"/>
                </a:lnTo>
                <a:lnTo>
                  <a:pt x="7273" y="11343"/>
                </a:lnTo>
                <a:lnTo>
                  <a:pt x="7350" y="12158"/>
                </a:lnTo>
                <a:lnTo>
                  <a:pt x="7503" y="12751"/>
                </a:lnTo>
                <a:lnTo>
                  <a:pt x="7350" y="13344"/>
                </a:lnTo>
                <a:lnTo>
                  <a:pt x="7273" y="13641"/>
                </a:lnTo>
                <a:lnTo>
                  <a:pt x="7197" y="13938"/>
                </a:lnTo>
                <a:lnTo>
                  <a:pt x="7044" y="14456"/>
                </a:lnTo>
                <a:lnTo>
                  <a:pt x="7120" y="14827"/>
                </a:lnTo>
                <a:lnTo>
                  <a:pt x="7197" y="15124"/>
                </a:lnTo>
                <a:lnTo>
                  <a:pt x="7044" y="15569"/>
                </a:lnTo>
                <a:lnTo>
                  <a:pt x="6967" y="15865"/>
                </a:lnTo>
                <a:lnTo>
                  <a:pt x="6967" y="16013"/>
                </a:lnTo>
                <a:lnTo>
                  <a:pt x="7044" y="16236"/>
                </a:lnTo>
                <a:lnTo>
                  <a:pt x="6814" y="16384"/>
                </a:lnTo>
                <a:lnTo>
                  <a:pt x="5589" y="15717"/>
                </a:lnTo>
                <a:lnTo>
                  <a:pt x="4747" y="15346"/>
                </a:lnTo>
                <a:lnTo>
                  <a:pt x="4364" y="15272"/>
                </a:lnTo>
                <a:lnTo>
                  <a:pt x="3981" y="15198"/>
                </a:lnTo>
                <a:lnTo>
                  <a:pt x="3522" y="15050"/>
                </a:lnTo>
                <a:lnTo>
                  <a:pt x="3062" y="14975"/>
                </a:lnTo>
                <a:lnTo>
                  <a:pt x="2756" y="14531"/>
                </a:lnTo>
                <a:lnTo>
                  <a:pt x="2450" y="14382"/>
                </a:lnTo>
                <a:lnTo>
                  <a:pt x="2220" y="14456"/>
                </a:lnTo>
                <a:lnTo>
                  <a:pt x="1761" y="14234"/>
                </a:lnTo>
                <a:lnTo>
                  <a:pt x="1531" y="14160"/>
                </a:lnTo>
                <a:lnTo>
                  <a:pt x="1531" y="13789"/>
                </a:lnTo>
                <a:lnTo>
                  <a:pt x="1837" y="13641"/>
                </a:lnTo>
                <a:lnTo>
                  <a:pt x="1914" y="13196"/>
                </a:lnTo>
                <a:lnTo>
                  <a:pt x="2144" y="12900"/>
                </a:lnTo>
                <a:lnTo>
                  <a:pt x="2220" y="12529"/>
                </a:lnTo>
                <a:lnTo>
                  <a:pt x="2144" y="12307"/>
                </a:lnTo>
                <a:lnTo>
                  <a:pt x="2373" y="12084"/>
                </a:lnTo>
                <a:lnTo>
                  <a:pt x="2603" y="11936"/>
                </a:lnTo>
                <a:lnTo>
                  <a:pt x="2833" y="11639"/>
                </a:lnTo>
                <a:lnTo>
                  <a:pt x="3139" y="11491"/>
                </a:lnTo>
                <a:lnTo>
                  <a:pt x="3522" y="11194"/>
                </a:lnTo>
                <a:lnTo>
                  <a:pt x="3828" y="11194"/>
                </a:lnTo>
                <a:lnTo>
                  <a:pt x="3981" y="11046"/>
                </a:lnTo>
                <a:lnTo>
                  <a:pt x="4364" y="10972"/>
                </a:lnTo>
                <a:lnTo>
                  <a:pt x="4747" y="11046"/>
                </a:lnTo>
                <a:lnTo>
                  <a:pt x="5053" y="10824"/>
                </a:lnTo>
                <a:lnTo>
                  <a:pt x="5053" y="10601"/>
                </a:lnTo>
                <a:lnTo>
                  <a:pt x="5053" y="10379"/>
                </a:lnTo>
                <a:lnTo>
                  <a:pt x="5130" y="10157"/>
                </a:lnTo>
                <a:lnTo>
                  <a:pt x="5436" y="10008"/>
                </a:lnTo>
                <a:lnTo>
                  <a:pt x="5512" y="9638"/>
                </a:lnTo>
                <a:lnTo>
                  <a:pt x="5436" y="9489"/>
                </a:lnTo>
                <a:lnTo>
                  <a:pt x="4747" y="9712"/>
                </a:lnTo>
                <a:lnTo>
                  <a:pt x="4441" y="9638"/>
                </a:lnTo>
                <a:lnTo>
                  <a:pt x="4134" y="9564"/>
                </a:lnTo>
                <a:lnTo>
                  <a:pt x="3828" y="9564"/>
                </a:lnTo>
                <a:lnTo>
                  <a:pt x="3675" y="9564"/>
                </a:lnTo>
                <a:lnTo>
                  <a:pt x="3445" y="9341"/>
                </a:lnTo>
                <a:lnTo>
                  <a:pt x="3292" y="9193"/>
                </a:lnTo>
                <a:lnTo>
                  <a:pt x="3062" y="9119"/>
                </a:lnTo>
                <a:lnTo>
                  <a:pt x="2833" y="9267"/>
                </a:lnTo>
                <a:lnTo>
                  <a:pt x="2756" y="9564"/>
                </a:lnTo>
                <a:lnTo>
                  <a:pt x="2756" y="9712"/>
                </a:lnTo>
                <a:lnTo>
                  <a:pt x="2220" y="9934"/>
                </a:lnTo>
                <a:lnTo>
                  <a:pt x="1991" y="10008"/>
                </a:lnTo>
                <a:lnTo>
                  <a:pt x="1608" y="9786"/>
                </a:lnTo>
                <a:lnTo>
                  <a:pt x="1378" y="9489"/>
                </a:lnTo>
                <a:lnTo>
                  <a:pt x="1148" y="9267"/>
                </a:lnTo>
                <a:lnTo>
                  <a:pt x="995" y="9193"/>
                </a:lnTo>
                <a:lnTo>
                  <a:pt x="766" y="9415"/>
                </a:lnTo>
                <a:lnTo>
                  <a:pt x="612" y="9415"/>
                </a:lnTo>
                <a:lnTo>
                  <a:pt x="306" y="8896"/>
                </a:lnTo>
                <a:lnTo>
                  <a:pt x="77" y="8896"/>
                </a:lnTo>
                <a:lnTo>
                  <a:pt x="0" y="8748"/>
                </a:lnTo>
                <a:lnTo>
                  <a:pt x="0" y="8526"/>
                </a:lnTo>
                <a:lnTo>
                  <a:pt x="306" y="8229"/>
                </a:lnTo>
                <a:lnTo>
                  <a:pt x="612" y="8155"/>
                </a:lnTo>
                <a:lnTo>
                  <a:pt x="689" y="7858"/>
                </a:lnTo>
                <a:lnTo>
                  <a:pt x="459" y="7784"/>
                </a:lnTo>
                <a:lnTo>
                  <a:pt x="383" y="7636"/>
                </a:lnTo>
                <a:lnTo>
                  <a:pt x="383" y="7265"/>
                </a:lnTo>
                <a:lnTo>
                  <a:pt x="306" y="6895"/>
                </a:lnTo>
                <a:lnTo>
                  <a:pt x="77" y="6598"/>
                </a:lnTo>
                <a:lnTo>
                  <a:pt x="0" y="6376"/>
                </a:lnTo>
                <a:lnTo>
                  <a:pt x="0" y="6153"/>
                </a:lnTo>
                <a:lnTo>
                  <a:pt x="536" y="6005"/>
                </a:lnTo>
                <a:lnTo>
                  <a:pt x="1148" y="6079"/>
                </a:lnTo>
                <a:lnTo>
                  <a:pt x="1455" y="6005"/>
                </a:lnTo>
                <a:lnTo>
                  <a:pt x="1991" y="5783"/>
                </a:lnTo>
                <a:lnTo>
                  <a:pt x="2603" y="5708"/>
                </a:lnTo>
                <a:lnTo>
                  <a:pt x="2756" y="5486"/>
                </a:lnTo>
                <a:lnTo>
                  <a:pt x="4287" y="5412"/>
                </a:lnTo>
                <a:lnTo>
                  <a:pt x="4823" y="5338"/>
                </a:lnTo>
                <a:lnTo>
                  <a:pt x="5053" y="5338"/>
                </a:lnTo>
                <a:lnTo>
                  <a:pt x="5512" y="5190"/>
                </a:lnTo>
                <a:lnTo>
                  <a:pt x="5436" y="4819"/>
                </a:lnTo>
                <a:lnTo>
                  <a:pt x="5436" y="4596"/>
                </a:lnTo>
                <a:lnTo>
                  <a:pt x="5665" y="4522"/>
                </a:lnTo>
                <a:lnTo>
                  <a:pt x="6048" y="4596"/>
                </a:lnTo>
                <a:lnTo>
                  <a:pt x="6355" y="4522"/>
                </a:lnTo>
                <a:lnTo>
                  <a:pt x="6508" y="4226"/>
                </a:lnTo>
                <a:lnTo>
                  <a:pt x="6584" y="4003"/>
                </a:lnTo>
                <a:lnTo>
                  <a:pt x="6508" y="3781"/>
                </a:lnTo>
                <a:lnTo>
                  <a:pt x="6737" y="3707"/>
                </a:lnTo>
                <a:lnTo>
                  <a:pt x="6584" y="3040"/>
                </a:lnTo>
                <a:lnTo>
                  <a:pt x="6584" y="2965"/>
                </a:lnTo>
                <a:lnTo>
                  <a:pt x="6508" y="2595"/>
                </a:lnTo>
                <a:lnTo>
                  <a:pt x="6431" y="2372"/>
                </a:lnTo>
                <a:lnTo>
                  <a:pt x="6508" y="2150"/>
                </a:lnTo>
                <a:lnTo>
                  <a:pt x="6737" y="1928"/>
                </a:lnTo>
                <a:lnTo>
                  <a:pt x="6661" y="1779"/>
                </a:lnTo>
                <a:lnTo>
                  <a:pt x="6508" y="148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26" name="d14207"/>
          <xdr:cNvSpPr>
            <a:spLocks/>
          </xdr:cNvSpPr>
        </xdr:nvSpPr>
        <xdr:spPr bwMode="auto">
          <a:xfrm>
            <a:off x="5710918" y="4528457"/>
            <a:ext cx="869496" cy="945697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0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0 w 16384"/>
              <a:gd name="T101" fmla="*/ 2147483646 h 16384"/>
              <a:gd name="T102" fmla="*/ 0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2147483646 w 16384"/>
              <a:gd name="T111" fmla="*/ 2147483646 h 16384"/>
              <a:gd name="T112" fmla="*/ 2147483646 w 16384"/>
              <a:gd name="T113" fmla="*/ 2147483646 h 16384"/>
              <a:gd name="T114" fmla="*/ 2147483646 w 16384"/>
              <a:gd name="T115" fmla="*/ 2147483646 h 16384"/>
              <a:gd name="T116" fmla="*/ 2147483646 w 16384"/>
              <a:gd name="T117" fmla="*/ 2147483646 h 16384"/>
              <a:gd name="T118" fmla="*/ 0 w 16384"/>
              <a:gd name="T119" fmla="*/ 2147483646 h 16384"/>
              <a:gd name="T120" fmla="*/ 2147483646 w 16384"/>
              <a:gd name="T121" fmla="*/ 2147483646 h 16384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w 16384"/>
              <a:gd name="T184" fmla="*/ 0 h 16384"/>
              <a:gd name="T185" fmla="*/ 16384 w 16384"/>
              <a:gd name="T186" fmla="*/ 16384 h 16384"/>
            </a:gdLst>
            <a:ahLst/>
            <a:cxnLst>
              <a:cxn ang="T122">
                <a:pos x="T0" y="T1"/>
              </a:cxn>
              <a:cxn ang="T123">
                <a:pos x="T2" y="T3"/>
              </a:cxn>
              <a:cxn ang="T124">
                <a:pos x="T4" y="T5"/>
              </a:cxn>
              <a:cxn ang="T125">
                <a:pos x="T6" y="T7"/>
              </a:cxn>
              <a:cxn ang="T126">
                <a:pos x="T8" y="T9"/>
              </a:cxn>
              <a:cxn ang="T127">
                <a:pos x="T10" y="T11"/>
              </a:cxn>
              <a:cxn ang="T128">
                <a:pos x="T12" y="T13"/>
              </a:cxn>
              <a:cxn ang="T129">
                <a:pos x="T14" y="T15"/>
              </a:cxn>
              <a:cxn ang="T130">
                <a:pos x="T16" y="T17"/>
              </a:cxn>
              <a:cxn ang="T131">
                <a:pos x="T18" y="T19"/>
              </a:cxn>
              <a:cxn ang="T132">
                <a:pos x="T20" y="T21"/>
              </a:cxn>
              <a:cxn ang="T133">
                <a:pos x="T22" y="T23"/>
              </a:cxn>
              <a:cxn ang="T134">
                <a:pos x="T24" y="T25"/>
              </a:cxn>
              <a:cxn ang="T135">
                <a:pos x="T26" y="T27"/>
              </a:cxn>
              <a:cxn ang="T136">
                <a:pos x="T28" y="T29"/>
              </a:cxn>
              <a:cxn ang="T137">
                <a:pos x="T30" y="T31"/>
              </a:cxn>
              <a:cxn ang="T138">
                <a:pos x="T32" y="T33"/>
              </a:cxn>
              <a:cxn ang="T139">
                <a:pos x="T34" y="T35"/>
              </a:cxn>
              <a:cxn ang="T140">
                <a:pos x="T36" y="T37"/>
              </a:cxn>
              <a:cxn ang="T141">
                <a:pos x="T38" y="T39"/>
              </a:cxn>
              <a:cxn ang="T142">
                <a:pos x="T40" y="T41"/>
              </a:cxn>
              <a:cxn ang="T143">
                <a:pos x="T42" y="T43"/>
              </a:cxn>
              <a:cxn ang="T144">
                <a:pos x="T44" y="T45"/>
              </a:cxn>
              <a:cxn ang="T145">
                <a:pos x="T46" y="T47"/>
              </a:cxn>
              <a:cxn ang="T146">
                <a:pos x="T48" y="T49"/>
              </a:cxn>
              <a:cxn ang="T147">
                <a:pos x="T50" y="T51"/>
              </a:cxn>
              <a:cxn ang="T148">
                <a:pos x="T52" y="T53"/>
              </a:cxn>
              <a:cxn ang="T149">
                <a:pos x="T54" y="T55"/>
              </a:cxn>
              <a:cxn ang="T150">
                <a:pos x="T56" y="T57"/>
              </a:cxn>
              <a:cxn ang="T151">
                <a:pos x="T58" y="T59"/>
              </a:cxn>
              <a:cxn ang="T152">
                <a:pos x="T60" y="T61"/>
              </a:cxn>
              <a:cxn ang="T153">
                <a:pos x="T62" y="T63"/>
              </a:cxn>
              <a:cxn ang="T154">
                <a:pos x="T64" y="T65"/>
              </a:cxn>
              <a:cxn ang="T155">
                <a:pos x="T66" y="T67"/>
              </a:cxn>
              <a:cxn ang="T156">
                <a:pos x="T68" y="T69"/>
              </a:cxn>
              <a:cxn ang="T157">
                <a:pos x="T70" y="T71"/>
              </a:cxn>
              <a:cxn ang="T158">
                <a:pos x="T72" y="T73"/>
              </a:cxn>
              <a:cxn ang="T159">
                <a:pos x="T74" y="T75"/>
              </a:cxn>
              <a:cxn ang="T160">
                <a:pos x="T76" y="T77"/>
              </a:cxn>
              <a:cxn ang="T161">
                <a:pos x="T78" y="T79"/>
              </a:cxn>
              <a:cxn ang="T162">
                <a:pos x="T80" y="T81"/>
              </a:cxn>
              <a:cxn ang="T163">
                <a:pos x="T82" y="T83"/>
              </a:cxn>
              <a:cxn ang="T164">
                <a:pos x="T84" y="T85"/>
              </a:cxn>
              <a:cxn ang="T165">
                <a:pos x="T86" y="T87"/>
              </a:cxn>
              <a:cxn ang="T166">
                <a:pos x="T88" y="T89"/>
              </a:cxn>
              <a:cxn ang="T167">
                <a:pos x="T90" y="T91"/>
              </a:cxn>
              <a:cxn ang="T168">
                <a:pos x="T92" y="T93"/>
              </a:cxn>
              <a:cxn ang="T169">
                <a:pos x="T94" y="T95"/>
              </a:cxn>
              <a:cxn ang="T170">
                <a:pos x="T96" y="T97"/>
              </a:cxn>
              <a:cxn ang="T171">
                <a:pos x="T98" y="T99"/>
              </a:cxn>
              <a:cxn ang="T172">
                <a:pos x="T100" y="T101"/>
              </a:cxn>
              <a:cxn ang="T173">
                <a:pos x="T102" y="T103"/>
              </a:cxn>
              <a:cxn ang="T174">
                <a:pos x="T104" y="T105"/>
              </a:cxn>
              <a:cxn ang="T175">
                <a:pos x="T106" y="T107"/>
              </a:cxn>
              <a:cxn ang="T176">
                <a:pos x="T108" y="T109"/>
              </a:cxn>
              <a:cxn ang="T177">
                <a:pos x="T110" y="T111"/>
              </a:cxn>
              <a:cxn ang="T178">
                <a:pos x="T112" y="T113"/>
              </a:cxn>
              <a:cxn ang="T179">
                <a:pos x="T114" y="T115"/>
              </a:cxn>
              <a:cxn ang="T180">
                <a:pos x="T116" y="T117"/>
              </a:cxn>
              <a:cxn ang="T181">
                <a:pos x="T118" y="T119"/>
              </a:cxn>
              <a:cxn ang="T182">
                <a:pos x="T120" y="T121"/>
              </a:cxn>
            </a:cxnLst>
            <a:rect l="T183" t="T184" r="T185" b="T186"/>
            <a:pathLst>
              <a:path w="16384" h="16384">
                <a:moveTo>
                  <a:pt x="180" y="8273"/>
                </a:moveTo>
                <a:lnTo>
                  <a:pt x="1260" y="8111"/>
                </a:lnTo>
                <a:lnTo>
                  <a:pt x="3061" y="7949"/>
                </a:lnTo>
                <a:lnTo>
                  <a:pt x="5401" y="7786"/>
                </a:lnTo>
                <a:lnTo>
                  <a:pt x="5941" y="6813"/>
                </a:lnTo>
                <a:lnTo>
                  <a:pt x="5941" y="6164"/>
                </a:lnTo>
                <a:lnTo>
                  <a:pt x="5401" y="5515"/>
                </a:lnTo>
                <a:lnTo>
                  <a:pt x="5401" y="4867"/>
                </a:lnTo>
                <a:lnTo>
                  <a:pt x="6482" y="4218"/>
                </a:lnTo>
                <a:lnTo>
                  <a:pt x="7022" y="3569"/>
                </a:lnTo>
                <a:lnTo>
                  <a:pt x="7562" y="2595"/>
                </a:lnTo>
                <a:lnTo>
                  <a:pt x="7742" y="1622"/>
                </a:lnTo>
                <a:lnTo>
                  <a:pt x="10443" y="0"/>
                </a:lnTo>
                <a:lnTo>
                  <a:pt x="11703" y="487"/>
                </a:lnTo>
                <a:lnTo>
                  <a:pt x="13323" y="162"/>
                </a:lnTo>
                <a:lnTo>
                  <a:pt x="13863" y="1298"/>
                </a:lnTo>
                <a:lnTo>
                  <a:pt x="13323" y="2109"/>
                </a:lnTo>
                <a:lnTo>
                  <a:pt x="13323" y="2758"/>
                </a:lnTo>
                <a:lnTo>
                  <a:pt x="12603" y="3082"/>
                </a:lnTo>
                <a:lnTo>
                  <a:pt x="13323" y="3407"/>
                </a:lnTo>
                <a:lnTo>
                  <a:pt x="13863" y="2758"/>
                </a:lnTo>
                <a:lnTo>
                  <a:pt x="14223" y="2920"/>
                </a:lnTo>
                <a:lnTo>
                  <a:pt x="14043" y="3893"/>
                </a:lnTo>
                <a:lnTo>
                  <a:pt x="15484" y="3893"/>
                </a:lnTo>
                <a:lnTo>
                  <a:pt x="15304" y="4867"/>
                </a:lnTo>
                <a:lnTo>
                  <a:pt x="14764" y="5029"/>
                </a:lnTo>
                <a:lnTo>
                  <a:pt x="14584" y="5840"/>
                </a:lnTo>
                <a:lnTo>
                  <a:pt x="14764" y="7138"/>
                </a:lnTo>
                <a:lnTo>
                  <a:pt x="15484" y="7786"/>
                </a:lnTo>
                <a:lnTo>
                  <a:pt x="15844" y="8760"/>
                </a:lnTo>
                <a:lnTo>
                  <a:pt x="15844" y="9409"/>
                </a:lnTo>
                <a:lnTo>
                  <a:pt x="16384" y="10058"/>
                </a:lnTo>
                <a:lnTo>
                  <a:pt x="16204" y="11193"/>
                </a:lnTo>
                <a:lnTo>
                  <a:pt x="15844" y="12329"/>
                </a:lnTo>
                <a:lnTo>
                  <a:pt x="15484" y="13302"/>
                </a:lnTo>
                <a:lnTo>
                  <a:pt x="15124" y="14437"/>
                </a:lnTo>
                <a:lnTo>
                  <a:pt x="14944" y="15411"/>
                </a:lnTo>
                <a:lnTo>
                  <a:pt x="14043" y="15411"/>
                </a:lnTo>
                <a:lnTo>
                  <a:pt x="12603" y="15248"/>
                </a:lnTo>
                <a:lnTo>
                  <a:pt x="11523" y="15735"/>
                </a:lnTo>
                <a:lnTo>
                  <a:pt x="10263" y="15897"/>
                </a:lnTo>
                <a:lnTo>
                  <a:pt x="8822" y="15735"/>
                </a:lnTo>
                <a:lnTo>
                  <a:pt x="7382" y="15573"/>
                </a:lnTo>
                <a:lnTo>
                  <a:pt x="6121" y="16060"/>
                </a:lnTo>
                <a:lnTo>
                  <a:pt x="5221" y="16060"/>
                </a:lnTo>
                <a:lnTo>
                  <a:pt x="3781" y="16060"/>
                </a:lnTo>
                <a:lnTo>
                  <a:pt x="2341" y="16222"/>
                </a:lnTo>
                <a:lnTo>
                  <a:pt x="1260" y="16384"/>
                </a:lnTo>
                <a:lnTo>
                  <a:pt x="1260" y="15411"/>
                </a:lnTo>
                <a:lnTo>
                  <a:pt x="720" y="14762"/>
                </a:lnTo>
                <a:lnTo>
                  <a:pt x="0" y="14275"/>
                </a:lnTo>
                <a:lnTo>
                  <a:pt x="0" y="13302"/>
                </a:lnTo>
                <a:lnTo>
                  <a:pt x="360" y="12491"/>
                </a:lnTo>
                <a:lnTo>
                  <a:pt x="540" y="11680"/>
                </a:lnTo>
                <a:lnTo>
                  <a:pt x="1260" y="11193"/>
                </a:lnTo>
                <a:lnTo>
                  <a:pt x="1260" y="10544"/>
                </a:lnTo>
                <a:lnTo>
                  <a:pt x="720" y="10220"/>
                </a:lnTo>
                <a:lnTo>
                  <a:pt x="540" y="10382"/>
                </a:lnTo>
                <a:lnTo>
                  <a:pt x="180" y="10220"/>
                </a:lnTo>
                <a:lnTo>
                  <a:pt x="0" y="9571"/>
                </a:lnTo>
                <a:lnTo>
                  <a:pt x="180" y="82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27" name="d14208"/>
          <xdr:cNvSpPr>
            <a:spLocks/>
          </xdr:cNvSpPr>
        </xdr:nvSpPr>
        <xdr:spPr bwMode="auto">
          <a:xfrm>
            <a:off x="7795532" y="5397954"/>
            <a:ext cx="853168" cy="608239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0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0 h 16384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w 16384"/>
              <a:gd name="T100" fmla="*/ 0 h 16384"/>
              <a:gd name="T101" fmla="*/ 16384 w 16384"/>
              <a:gd name="T102" fmla="*/ 16384 h 16384"/>
            </a:gdLst>
            <a:ahLst/>
            <a:cxnLst>
              <a:cxn ang="T66">
                <a:pos x="T0" y="T1"/>
              </a:cxn>
              <a:cxn ang="T67">
                <a:pos x="T2" y="T3"/>
              </a:cxn>
              <a:cxn ang="T68">
                <a:pos x="T4" y="T5"/>
              </a:cxn>
              <a:cxn ang="T69">
                <a:pos x="T6" y="T7"/>
              </a:cxn>
              <a:cxn ang="T70">
                <a:pos x="T8" y="T9"/>
              </a:cxn>
              <a:cxn ang="T71">
                <a:pos x="T10" y="T11"/>
              </a:cxn>
              <a:cxn ang="T72">
                <a:pos x="T12" y="T13"/>
              </a:cxn>
              <a:cxn ang="T73">
                <a:pos x="T14" y="T15"/>
              </a:cxn>
              <a:cxn ang="T74">
                <a:pos x="T16" y="T17"/>
              </a:cxn>
              <a:cxn ang="T75">
                <a:pos x="T18" y="T19"/>
              </a:cxn>
              <a:cxn ang="T76">
                <a:pos x="T20" y="T21"/>
              </a:cxn>
              <a:cxn ang="T77">
                <a:pos x="T22" y="T23"/>
              </a:cxn>
              <a:cxn ang="T78">
                <a:pos x="T24" y="T25"/>
              </a:cxn>
              <a:cxn ang="T79">
                <a:pos x="T26" y="T27"/>
              </a:cxn>
              <a:cxn ang="T80">
                <a:pos x="T28" y="T29"/>
              </a:cxn>
              <a:cxn ang="T81">
                <a:pos x="T30" y="T31"/>
              </a:cxn>
              <a:cxn ang="T82">
                <a:pos x="T32" y="T33"/>
              </a:cxn>
              <a:cxn ang="T83">
                <a:pos x="T34" y="T35"/>
              </a:cxn>
              <a:cxn ang="T84">
                <a:pos x="T36" y="T37"/>
              </a:cxn>
              <a:cxn ang="T85">
                <a:pos x="T38" y="T39"/>
              </a:cxn>
              <a:cxn ang="T86">
                <a:pos x="T40" y="T41"/>
              </a:cxn>
              <a:cxn ang="T87">
                <a:pos x="T42" y="T43"/>
              </a:cxn>
              <a:cxn ang="T88">
                <a:pos x="T44" y="T45"/>
              </a:cxn>
              <a:cxn ang="T89">
                <a:pos x="T46" y="T47"/>
              </a:cxn>
              <a:cxn ang="T90">
                <a:pos x="T48" y="T49"/>
              </a:cxn>
              <a:cxn ang="T91">
                <a:pos x="T50" y="T51"/>
              </a:cxn>
              <a:cxn ang="T92">
                <a:pos x="T52" y="T53"/>
              </a:cxn>
              <a:cxn ang="T93">
                <a:pos x="T54" y="T55"/>
              </a:cxn>
              <a:cxn ang="T94">
                <a:pos x="T56" y="T57"/>
              </a:cxn>
              <a:cxn ang="T95">
                <a:pos x="T58" y="T59"/>
              </a:cxn>
              <a:cxn ang="T96">
                <a:pos x="T60" y="T61"/>
              </a:cxn>
              <a:cxn ang="T97">
                <a:pos x="T62" y="T63"/>
              </a:cxn>
              <a:cxn ang="T98">
                <a:pos x="T64" y="T65"/>
              </a:cxn>
            </a:cxnLst>
            <a:rect l="T99" t="T100" r="T101" b="T102"/>
            <a:pathLst>
              <a:path w="16384" h="16384">
                <a:moveTo>
                  <a:pt x="9389" y="252"/>
                </a:moveTo>
                <a:lnTo>
                  <a:pt x="9757" y="1008"/>
                </a:lnTo>
                <a:lnTo>
                  <a:pt x="10861" y="2016"/>
                </a:lnTo>
                <a:lnTo>
                  <a:pt x="11782" y="2016"/>
                </a:lnTo>
                <a:lnTo>
                  <a:pt x="12150" y="2521"/>
                </a:lnTo>
                <a:lnTo>
                  <a:pt x="12886" y="3025"/>
                </a:lnTo>
                <a:lnTo>
                  <a:pt x="13439" y="3781"/>
                </a:lnTo>
                <a:lnTo>
                  <a:pt x="13807" y="4537"/>
                </a:lnTo>
                <a:lnTo>
                  <a:pt x="13807" y="6049"/>
                </a:lnTo>
                <a:lnTo>
                  <a:pt x="14911" y="6806"/>
                </a:lnTo>
                <a:lnTo>
                  <a:pt x="14911" y="8318"/>
                </a:lnTo>
                <a:lnTo>
                  <a:pt x="15648" y="9578"/>
                </a:lnTo>
                <a:lnTo>
                  <a:pt x="16016" y="11343"/>
                </a:lnTo>
                <a:lnTo>
                  <a:pt x="16200" y="12351"/>
                </a:lnTo>
                <a:lnTo>
                  <a:pt x="15464" y="13611"/>
                </a:lnTo>
                <a:lnTo>
                  <a:pt x="15648" y="14368"/>
                </a:lnTo>
                <a:lnTo>
                  <a:pt x="16200" y="15376"/>
                </a:lnTo>
                <a:lnTo>
                  <a:pt x="16384" y="15628"/>
                </a:lnTo>
                <a:lnTo>
                  <a:pt x="15832" y="16384"/>
                </a:lnTo>
                <a:lnTo>
                  <a:pt x="14911" y="16384"/>
                </a:lnTo>
                <a:lnTo>
                  <a:pt x="14175" y="15880"/>
                </a:lnTo>
                <a:lnTo>
                  <a:pt x="13623" y="15628"/>
                </a:lnTo>
                <a:lnTo>
                  <a:pt x="12702" y="15880"/>
                </a:lnTo>
                <a:lnTo>
                  <a:pt x="11782" y="16132"/>
                </a:lnTo>
                <a:lnTo>
                  <a:pt x="11229" y="15880"/>
                </a:lnTo>
                <a:lnTo>
                  <a:pt x="10493" y="15880"/>
                </a:lnTo>
                <a:lnTo>
                  <a:pt x="9941" y="14872"/>
                </a:lnTo>
                <a:lnTo>
                  <a:pt x="10125" y="14368"/>
                </a:lnTo>
                <a:lnTo>
                  <a:pt x="10677" y="14368"/>
                </a:lnTo>
                <a:lnTo>
                  <a:pt x="11598" y="13863"/>
                </a:lnTo>
                <a:lnTo>
                  <a:pt x="12150" y="13863"/>
                </a:lnTo>
                <a:lnTo>
                  <a:pt x="13070" y="12855"/>
                </a:lnTo>
                <a:lnTo>
                  <a:pt x="13439" y="11847"/>
                </a:lnTo>
                <a:lnTo>
                  <a:pt x="12886" y="11091"/>
                </a:lnTo>
                <a:lnTo>
                  <a:pt x="11966" y="11343"/>
                </a:lnTo>
                <a:lnTo>
                  <a:pt x="11782" y="10839"/>
                </a:lnTo>
                <a:lnTo>
                  <a:pt x="10309" y="10839"/>
                </a:lnTo>
                <a:lnTo>
                  <a:pt x="9941" y="10587"/>
                </a:lnTo>
                <a:lnTo>
                  <a:pt x="9020" y="10839"/>
                </a:lnTo>
                <a:lnTo>
                  <a:pt x="8468" y="10587"/>
                </a:lnTo>
                <a:lnTo>
                  <a:pt x="7916" y="11847"/>
                </a:lnTo>
                <a:lnTo>
                  <a:pt x="7180" y="12351"/>
                </a:lnTo>
                <a:lnTo>
                  <a:pt x="6443" y="12351"/>
                </a:lnTo>
                <a:lnTo>
                  <a:pt x="5891" y="13359"/>
                </a:lnTo>
                <a:lnTo>
                  <a:pt x="5155" y="13863"/>
                </a:lnTo>
                <a:lnTo>
                  <a:pt x="4418" y="12603"/>
                </a:lnTo>
                <a:lnTo>
                  <a:pt x="4786" y="12099"/>
                </a:lnTo>
                <a:lnTo>
                  <a:pt x="4418" y="10839"/>
                </a:lnTo>
                <a:lnTo>
                  <a:pt x="3682" y="9830"/>
                </a:lnTo>
                <a:lnTo>
                  <a:pt x="2761" y="10335"/>
                </a:lnTo>
                <a:lnTo>
                  <a:pt x="1841" y="10082"/>
                </a:lnTo>
                <a:lnTo>
                  <a:pt x="1289" y="10335"/>
                </a:lnTo>
                <a:lnTo>
                  <a:pt x="1105" y="8822"/>
                </a:lnTo>
                <a:lnTo>
                  <a:pt x="368" y="9074"/>
                </a:lnTo>
                <a:lnTo>
                  <a:pt x="0" y="8570"/>
                </a:lnTo>
                <a:lnTo>
                  <a:pt x="184" y="7814"/>
                </a:lnTo>
                <a:lnTo>
                  <a:pt x="368" y="7310"/>
                </a:lnTo>
                <a:lnTo>
                  <a:pt x="0" y="6554"/>
                </a:lnTo>
                <a:lnTo>
                  <a:pt x="1105" y="5797"/>
                </a:lnTo>
                <a:lnTo>
                  <a:pt x="2577" y="4537"/>
                </a:lnTo>
                <a:lnTo>
                  <a:pt x="3314" y="4537"/>
                </a:lnTo>
                <a:lnTo>
                  <a:pt x="4602" y="2773"/>
                </a:lnTo>
                <a:lnTo>
                  <a:pt x="5339" y="2773"/>
                </a:lnTo>
                <a:lnTo>
                  <a:pt x="7180" y="1512"/>
                </a:lnTo>
                <a:lnTo>
                  <a:pt x="7548" y="1260"/>
                </a:lnTo>
                <a:lnTo>
                  <a:pt x="8468" y="0"/>
                </a:lnTo>
                <a:lnTo>
                  <a:pt x="9389" y="252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28" name="d14210"/>
          <xdr:cNvSpPr>
            <a:spLocks/>
          </xdr:cNvSpPr>
        </xdr:nvSpPr>
        <xdr:spPr bwMode="auto">
          <a:xfrm>
            <a:off x="8445954" y="6894739"/>
            <a:ext cx="834117" cy="983797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0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0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w 16384"/>
              <a:gd name="T133" fmla="*/ 0 h 16384"/>
              <a:gd name="T134" fmla="*/ 16384 w 16384"/>
              <a:gd name="T135" fmla="*/ 16384 h 16384"/>
            </a:gdLst>
            <a:ahLst/>
            <a:cxnLst>
              <a:cxn ang="T88">
                <a:pos x="T0" y="T1"/>
              </a:cxn>
              <a:cxn ang="T89">
                <a:pos x="T2" y="T3"/>
              </a:cxn>
              <a:cxn ang="T90">
                <a:pos x="T4" y="T5"/>
              </a:cxn>
              <a:cxn ang="T91">
                <a:pos x="T6" y="T7"/>
              </a:cxn>
              <a:cxn ang="T92">
                <a:pos x="T8" y="T9"/>
              </a:cxn>
              <a:cxn ang="T93">
                <a:pos x="T10" y="T11"/>
              </a:cxn>
              <a:cxn ang="T94">
                <a:pos x="T12" y="T13"/>
              </a:cxn>
              <a:cxn ang="T95">
                <a:pos x="T14" y="T15"/>
              </a:cxn>
              <a:cxn ang="T96">
                <a:pos x="T16" y="T17"/>
              </a:cxn>
              <a:cxn ang="T97">
                <a:pos x="T18" y="T19"/>
              </a:cxn>
              <a:cxn ang="T98">
                <a:pos x="T20" y="T21"/>
              </a:cxn>
              <a:cxn ang="T99">
                <a:pos x="T22" y="T23"/>
              </a:cxn>
              <a:cxn ang="T100">
                <a:pos x="T24" y="T25"/>
              </a:cxn>
              <a:cxn ang="T101">
                <a:pos x="T26" y="T27"/>
              </a:cxn>
              <a:cxn ang="T102">
                <a:pos x="T28" y="T29"/>
              </a:cxn>
              <a:cxn ang="T103">
                <a:pos x="T30" y="T31"/>
              </a:cxn>
              <a:cxn ang="T104">
                <a:pos x="T32" y="T33"/>
              </a:cxn>
              <a:cxn ang="T105">
                <a:pos x="T34" y="T35"/>
              </a:cxn>
              <a:cxn ang="T106">
                <a:pos x="T36" y="T37"/>
              </a:cxn>
              <a:cxn ang="T107">
                <a:pos x="T38" y="T39"/>
              </a:cxn>
              <a:cxn ang="T108">
                <a:pos x="T40" y="T41"/>
              </a:cxn>
              <a:cxn ang="T109">
                <a:pos x="T42" y="T43"/>
              </a:cxn>
              <a:cxn ang="T110">
                <a:pos x="T44" y="T45"/>
              </a:cxn>
              <a:cxn ang="T111">
                <a:pos x="T46" y="T47"/>
              </a:cxn>
              <a:cxn ang="T112">
                <a:pos x="T48" y="T49"/>
              </a:cxn>
              <a:cxn ang="T113">
                <a:pos x="T50" y="T51"/>
              </a:cxn>
              <a:cxn ang="T114">
                <a:pos x="T52" y="T53"/>
              </a:cxn>
              <a:cxn ang="T115">
                <a:pos x="T54" y="T55"/>
              </a:cxn>
              <a:cxn ang="T116">
                <a:pos x="T56" y="T57"/>
              </a:cxn>
              <a:cxn ang="T117">
                <a:pos x="T58" y="T59"/>
              </a:cxn>
              <a:cxn ang="T118">
                <a:pos x="T60" y="T61"/>
              </a:cxn>
              <a:cxn ang="T119">
                <a:pos x="T62" y="T63"/>
              </a:cxn>
              <a:cxn ang="T120">
                <a:pos x="T64" y="T65"/>
              </a:cxn>
              <a:cxn ang="T121">
                <a:pos x="T66" y="T67"/>
              </a:cxn>
              <a:cxn ang="T122">
                <a:pos x="T68" y="T69"/>
              </a:cxn>
              <a:cxn ang="T123">
                <a:pos x="T70" y="T71"/>
              </a:cxn>
              <a:cxn ang="T124">
                <a:pos x="T72" y="T73"/>
              </a:cxn>
              <a:cxn ang="T125">
                <a:pos x="T74" y="T75"/>
              </a:cxn>
              <a:cxn ang="T126">
                <a:pos x="T76" y="T77"/>
              </a:cxn>
              <a:cxn ang="T127">
                <a:pos x="T78" y="T79"/>
              </a:cxn>
              <a:cxn ang="T128">
                <a:pos x="T80" y="T81"/>
              </a:cxn>
              <a:cxn ang="T129">
                <a:pos x="T82" y="T83"/>
              </a:cxn>
              <a:cxn ang="T130">
                <a:pos x="T84" y="T85"/>
              </a:cxn>
              <a:cxn ang="T131">
                <a:pos x="T86" y="T87"/>
              </a:cxn>
            </a:cxnLst>
            <a:rect l="T132" t="T133" r="T134" b="T135"/>
            <a:pathLst>
              <a:path w="16384" h="16384">
                <a:moveTo>
                  <a:pt x="1695" y="4525"/>
                </a:moveTo>
                <a:lnTo>
                  <a:pt x="3390" y="2497"/>
                </a:lnTo>
                <a:lnTo>
                  <a:pt x="4896" y="2341"/>
                </a:lnTo>
                <a:lnTo>
                  <a:pt x="6026" y="780"/>
                </a:lnTo>
                <a:lnTo>
                  <a:pt x="6403" y="780"/>
                </a:lnTo>
                <a:lnTo>
                  <a:pt x="6968" y="1092"/>
                </a:lnTo>
                <a:lnTo>
                  <a:pt x="7721" y="624"/>
                </a:lnTo>
                <a:lnTo>
                  <a:pt x="9039" y="780"/>
                </a:lnTo>
                <a:lnTo>
                  <a:pt x="9793" y="624"/>
                </a:lnTo>
                <a:lnTo>
                  <a:pt x="10546" y="0"/>
                </a:lnTo>
                <a:lnTo>
                  <a:pt x="10923" y="156"/>
                </a:lnTo>
                <a:lnTo>
                  <a:pt x="10923" y="1248"/>
                </a:lnTo>
                <a:lnTo>
                  <a:pt x="11864" y="1872"/>
                </a:lnTo>
                <a:lnTo>
                  <a:pt x="12053" y="2965"/>
                </a:lnTo>
                <a:lnTo>
                  <a:pt x="12994" y="3589"/>
                </a:lnTo>
                <a:lnTo>
                  <a:pt x="12241" y="4213"/>
                </a:lnTo>
                <a:lnTo>
                  <a:pt x="11488" y="4837"/>
                </a:lnTo>
                <a:lnTo>
                  <a:pt x="11111" y="5617"/>
                </a:lnTo>
                <a:lnTo>
                  <a:pt x="10734" y="6866"/>
                </a:lnTo>
                <a:lnTo>
                  <a:pt x="10734" y="7958"/>
                </a:lnTo>
                <a:lnTo>
                  <a:pt x="11676" y="8582"/>
                </a:lnTo>
                <a:lnTo>
                  <a:pt x="11864" y="8894"/>
                </a:lnTo>
                <a:lnTo>
                  <a:pt x="12053" y="10299"/>
                </a:lnTo>
                <a:lnTo>
                  <a:pt x="12241" y="11079"/>
                </a:lnTo>
                <a:lnTo>
                  <a:pt x="13183" y="11547"/>
                </a:lnTo>
                <a:lnTo>
                  <a:pt x="14501" y="11703"/>
                </a:lnTo>
                <a:lnTo>
                  <a:pt x="15254" y="11859"/>
                </a:lnTo>
                <a:lnTo>
                  <a:pt x="16007" y="12015"/>
                </a:lnTo>
                <a:lnTo>
                  <a:pt x="16196" y="12639"/>
                </a:lnTo>
                <a:lnTo>
                  <a:pt x="16384" y="13575"/>
                </a:lnTo>
                <a:lnTo>
                  <a:pt x="16196" y="14512"/>
                </a:lnTo>
                <a:lnTo>
                  <a:pt x="15442" y="14824"/>
                </a:lnTo>
                <a:lnTo>
                  <a:pt x="15819" y="15448"/>
                </a:lnTo>
                <a:lnTo>
                  <a:pt x="15631" y="16072"/>
                </a:lnTo>
                <a:lnTo>
                  <a:pt x="14877" y="15448"/>
                </a:lnTo>
                <a:lnTo>
                  <a:pt x="14501" y="15916"/>
                </a:lnTo>
                <a:lnTo>
                  <a:pt x="13936" y="15916"/>
                </a:lnTo>
                <a:lnTo>
                  <a:pt x="13936" y="15292"/>
                </a:lnTo>
                <a:lnTo>
                  <a:pt x="13371" y="14512"/>
                </a:lnTo>
                <a:lnTo>
                  <a:pt x="12241" y="14980"/>
                </a:lnTo>
                <a:lnTo>
                  <a:pt x="13183" y="15136"/>
                </a:lnTo>
                <a:lnTo>
                  <a:pt x="12994" y="15604"/>
                </a:lnTo>
                <a:lnTo>
                  <a:pt x="12241" y="15760"/>
                </a:lnTo>
                <a:lnTo>
                  <a:pt x="11676" y="15916"/>
                </a:lnTo>
                <a:lnTo>
                  <a:pt x="10923" y="16228"/>
                </a:lnTo>
                <a:lnTo>
                  <a:pt x="9604" y="15292"/>
                </a:lnTo>
                <a:lnTo>
                  <a:pt x="9416" y="15916"/>
                </a:lnTo>
                <a:lnTo>
                  <a:pt x="7345" y="16072"/>
                </a:lnTo>
                <a:lnTo>
                  <a:pt x="7345" y="15760"/>
                </a:lnTo>
                <a:lnTo>
                  <a:pt x="6591" y="15760"/>
                </a:lnTo>
                <a:lnTo>
                  <a:pt x="5461" y="15916"/>
                </a:lnTo>
                <a:lnTo>
                  <a:pt x="5085" y="16384"/>
                </a:lnTo>
                <a:lnTo>
                  <a:pt x="3013" y="16072"/>
                </a:lnTo>
                <a:lnTo>
                  <a:pt x="1883" y="16072"/>
                </a:lnTo>
                <a:lnTo>
                  <a:pt x="1507" y="15760"/>
                </a:lnTo>
                <a:lnTo>
                  <a:pt x="565" y="15136"/>
                </a:lnTo>
                <a:lnTo>
                  <a:pt x="1318" y="14512"/>
                </a:lnTo>
                <a:lnTo>
                  <a:pt x="1507" y="13731"/>
                </a:lnTo>
                <a:lnTo>
                  <a:pt x="377" y="12951"/>
                </a:lnTo>
                <a:lnTo>
                  <a:pt x="0" y="12483"/>
                </a:lnTo>
                <a:lnTo>
                  <a:pt x="753" y="12171"/>
                </a:lnTo>
                <a:lnTo>
                  <a:pt x="2072" y="12483"/>
                </a:lnTo>
                <a:lnTo>
                  <a:pt x="2260" y="12327"/>
                </a:lnTo>
                <a:lnTo>
                  <a:pt x="1695" y="11859"/>
                </a:lnTo>
                <a:lnTo>
                  <a:pt x="2637" y="11391"/>
                </a:lnTo>
                <a:lnTo>
                  <a:pt x="1883" y="11235"/>
                </a:lnTo>
                <a:lnTo>
                  <a:pt x="1318" y="11547"/>
                </a:lnTo>
                <a:lnTo>
                  <a:pt x="753" y="11235"/>
                </a:lnTo>
                <a:lnTo>
                  <a:pt x="753" y="10455"/>
                </a:lnTo>
                <a:lnTo>
                  <a:pt x="1883" y="10923"/>
                </a:lnTo>
                <a:lnTo>
                  <a:pt x="2637" y="10767"/>
                </a:lnTo>
                <a:lnTo>
                  <a:pt x="3390" y="10611"/>
                </a:lnTo>
                <a:lnTo>
                  <a:pt x="4520" y="10767"/>
                </a:lnTo>
                <a:lnTo>
                  <a:pt x="4708" y="10299"/>
                </a:lnTo>
                <a:lnTo>
                  <a:pt x="3955" y="10299"/>
                </a:lnTo>
                <a:lnTo>
                  <a:pt x="3013" y="9986"/>
                </a:lnTo>
                <a:lnTo>
                  <a:pt x="2260" y="9674"/>
                </a:lnTo>
                <a:lnTo>
                  <a:pt x="2072" y="9362"/>
                </a:lnTo>
                <a:lnTo>
                  <a:pt x="2260" y="8738"/>
                </a:lnTo>
                <a:lnTo>
                  <a:pt x="2448" y="8114"/>
                </a:lnTo>
                <a:lnTo>
                  <a:pt x="2448" y="7490"/>
                </a:lnTo>
                <a:lnTo>
                  <a:pt x="2072" y="6710"/>
                </a:lnTo>
                <a:lnTo>
                  <a:pt x="1507" y="6085"/>
                </a:lnTo>
                <a:lnTo>
                  <a:pt x="2072" y="5929"/>
                </a:lnTo>
                <a:lnTo>
                  <a:pt x="2637" y="5617"/>
                </a:lnTo>
                <a:lnTo>
                  <a:pt x="2260" y="5305"/>
                </a:lnTo>
                <a:lnTo>
                  <a:pt x="1883" y="4993"/>
                </a:lnTo>
                <a:lnTo>
                  <a:pt x="1695" y="4525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29" name="d14211"/>
          <xdr:cNvSpPr>
            <a:spLocks/>
          </xdr:cNvSpPr>
        </xdr:nvSpPr>
        <xdr:spPr bwMode="auto">
          <a:xfrm>
            <a:off x="3109232" y="3480707"/>
            <a:ext cx="1719943" cy="1563461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0 w 16384"/>
              <a:gd name="T59" fmla="*/ 2147483646 h 16384"/>
              <a:gd name="T60" fmla="*/ 0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w 16384"/>
              <a:gd name="T166" fmla="*/ 0 h 16384"/>
              <a:gd name="T167" fmla="*/ 16384 w 16384"/>
              <a:gd name="T168" fmla="*/ 16384 h 16384"/>
            </a:gdLst>
            <a:ahLst/>
            <a:cxnLst>
              <a:cxn ang="T110">
                <a:pos x="T0" y="T1"/>
              </a:cxn>
              <a:cxn ang="T111">
                <a:pos x="T2" y="T3"/>
              </a:cxn>
              <a:cxn ang="T112">
                <a:pos x="T4" y="T5"/>
              </a:cxn>
              <a:cxn ang="T113">
                <a:pos x="T6" y="T7"/>
              </a:cxn>
              <a:cxn ang="T114">
                <a:pos x="T8" y="T9"/>
              </a:cxn>
              <a:cxn ang="T115">
                <a:pos x="T10" y="T11"/>
              </a:cxn>
              <a:cxn ang="T116">
                <a:pos x="T12" y="T13"/>
              </a:cxn>
              <a:cxn ang="T117">
                <a:pos x="T14" y="T15"/>
              </a:cxn>
              <a:cxn ang="T118">
                <a:pos x="T16" y="T17"/>
              </a:cxn>
              <a:cxn ang="T119">
                <a:pos x="T18" y="T19"/>
              </a:cxn>
              <a:cxn ang="T120">
                <a:pos x="T20" y="T21"/>
              </a:cxn>
              <a:cxn ang="T121">
                <a:pos x="T22" y="T23"/>
              </a:cxn>
              <a:cxn ang="T122">
                <a:pos x="T24" y="T25"/>
              </a:cxn>
              <a:cxn ang="T123">
                <a:pos x="T26" y="T27"/>
              </a:cxn>
              <a:cxn ang="T124">
                <a:pos x="T28" y="T29"/>
              </a:cxn>
              <a:cxn ang="T125">
                <a:pos x="T30" y="T31"/>
              </a:cxn>
              <a:cxn ang="T126">
                <a:pos x="T32" y="T33"/>
              </a:cxn>
              <a:cxn ang="T127">
                <a:pos x="T34" y="T35"/>
              </a:cxn>
              <a:cxn ang="T128">
                <a:pos x="T36" y="T37"/>
              </a:cxn>
              <a:cxn ang="T129">
                <a:pos x="T38" y="T39"/>
              </a:cxn>
              <a:cxn ang="T130">
                <a:pos x="T40" y="T41"/>
              </a:cxn>
              <a:cxn ang="T131">
                <a:pos x="T42" y="T43"/>
              </a:cxn>
              <a:cxn ang="T132">
                <a:pos x="T44" y="T45"/>
              </a:cxn>
              <a:cxn ang="T133">
                <a:pos x="T46" y="T47"/>
              </a:cxn>
              <a:cxn ang="T134">
                <a:pos x="T48" y="T49"/>
              </a:cxn>
              <a:cxn ang="T135">
                <a:pos x="T50" y="T51"/>
              </a:cxn>
              <a:cxn ang="T136">
                <a:pos x="T52" y="T53"/>
              </a:cxn>
              <a:cxn ang="T137">
                <a:pos x="T54" y="T55"/>
              </a:cxn>
              <a:cxn ang="T138">
                <a:pos x="T56" y="T57"/>
              </a:cxn>
              <a:cxn ang="T139">
                <a:pos x="T58" y="T59"/>
              </a:cxn>
              <a:cxn ang="T140">
                <a:pos x="T60" y="T61"/>
              </a:cxn>
              <a:cxn ang="T141">
                <a:pos x="T62" y="T63"/>
              </a:cxn>
              <a:cxn ang="T142">
                <a:pos x="T64" y="T65"/>
              </a:cxn>
              <a:cxn ang="T143">
                <a:pos x="T66" y="T67"/>
              </a:cxn>
              <a:cxn ang="T144">
                <a:pos x="T68" y="T69"/>
              </a:cxn>
              <a:cxn ang="T145">
                <a:pos x="T70" y="T71"/>
              </a:cxn>
              <a:cxn ang="T146">
                <a:pos x="T72" y="T73"/>
              </a:cxn>
              <a:cxn ang="T147">
                <a:pos x="T74" y="T75"/>
              </a:cxn>
              <a:cxn ang="T148">
                <a:pos x="T76" y="T77"/>
              </a:cxn>
              <a:cxn ang="T149">
                <a:pos x="T78" y="T79"/>
              </a:cxn>
              <a:cxn ang="T150">
                <a:pos x="T80" y="T81"/>
              </a:cxn>
              <a:cxn ang="T151">
                <a:pos x="T82" y="T83"/>
              </a:cxn>
              <a:cxn ang="T152">
                <a:pos x="T84" y="T85"/>
              </a:cxn>
              <a:cxn ang="T153">
                <a:pos x="T86" y="T87"/>
              </a:cxn>
              <a:cxn ang="T154">
                <a:pos x="T88" y="T89"/>
              </a:cxn>
              <a:cxn ang="T155">
                <a:pos x="T90" y="T91"/>
              </a:cxn>
              <a:cxn ang="T156">
                <a:pos x="T92" y="T93"/>
              </a:cxn>
              <a:cxn ang="T157">
                <a:pos x="T94" y="T95"/>
              </a:cxn>
              <a:cxn ang="T158">
                <a:pos x="T96" y="T97"/>
              </a:cxn>
              <a:cxn ang="T159">
                <a:pos x="T98" y="T99"/>
              </a:cxn>
              <a:cxn ang="T160">
                <a:pos x="T100" y="T101"/>
              </a:cxn>
              <a:cxn ang="T161">
                <a:pos x="T102" y="T103"/>
              </a:cxn>
              <a:cxn ang="T162">
                <a:pos x="T104" y="T105"/>
              </a:cxn>
              <a:cxn ang="T163">
                <a:pos x="T106" y="T107"/>
              </a:cxn>
              <a:cxn ang="T164">
                <a:pos x="T108" y="T109"/>
              </a:cxn>
            </a:cxnLst>
            <a:rect l="T165" t="T166" r="T167" b="T168"/>
            <a:pathLst>
              <a:path w="16384" h="16384">
                <a:moveTo>
                  <a:pt x="16293" y="11479"/>
                </a:moveTo>
                <a:lnTo>
                  <a:pt x="16384" y="12460"/>
                </a:lnTo>
                <a:lnTo>
                  <a:pt x="16111" y="12558"/>
                </a:lnTo>
                <a:lnTo>
                  <a:pt x="15656" y="12460"/>
                </a:lnTo>
                <a:lnTo>
                  <a:pt x="15292" y="12656"/>
                </a:lnTo>
                <a:lnTo>
                  <a:pt x="14746" y="12656"/>
                </a:lnTo>
                <a:lnTo>
                  <a:pt x="14382" y="12754"/>
                </a:lnTo>
                <a:lnTo>
                  <a:pt x="14382" y="13048"/>
                </a:lnTo>
                <a:lnTo>
                  <a:pt x="14382" y="13539"/>
                </a:lnTo>
                <a:lnTo>
                  <a:pt x="14199" y="13539"/>
                </a:lnTo>
                <a:lnTo>
                  <a:pt x="13926" y="14226"/>
                </a:lnTo>
                <a:lnTo>
                  <a:pt x="13744" y="14814"/>
                </a:lnTo>
                <a:lnTo>
                  <a:pt x="13471" y="14912"/>
                </a:lnTo>
                <a:lnTo>
                  <a:pt x="12925" y="14912"/>
                </a:lnTo>
                <a:lnTo>
                  <a:pt x="12470" y="15010"/>
                </a:lnTo>
                <a:lnTo>
                  <a:pt x="12015" y="15207"/>
                </a:lnTo>
                <a:lnTo>
                  <a:pt x="11105" y="15109"/>
                </a:lnTo>
                <a:lnTo>
                  <a:pt x="10468" y="15501"/>
                </a:lnTo>
                <a:lnTo>
                  <a:pt x="9648" y="15305"/>
                </a:lnTo>
                <a:lnTo>
                  <a:pt x="8829" y="15207"/>
                </a:lnTo>
                <a:lnTo>
                  <a:pt x="8192" y="15501"/>
                </a:lnTo>
                <a:lnTo>
                  <a:pt x="7737" y="14912"/>
                </a:lnTo>
                <a:lnTo>
                  <a:pt x="7737" y="14814"/>
                </a:lnTo>
                <a:lnTo>
                  <a:pt x="7646" y="14716"/>
                </a:lnTo>
                <a:lnTo>
                  <a:pt x="7646" y="14422"/>
                </a:lnTo>
                <a:lnTo>
                  <a:pt x="7282" y="14324"/>
                </a:lnTo>
                <a:lnTo>
                  <a:pt x="7191" y="14128"/>
                </a:lnTo>
                <a:lnTo>
                  <a:pt x="6918" y="14128"/>
                </a:lnTo>
                <a:lnTo>
                  <a:pt x="6736" y="14520"/>
                </a:lnTo>
                <a:lnTo>
                  <a:pt x="6372" y="14520"/>
                </a:lnTo>
                <a:lnTo>
                  <a:pt x="6190" y="15109"/>
                </a:lnTo>
                <a:lnTo>
                  <a:pt x="5552" y="15010"/>
                </a:lnTo>
                <a:lnTo>
                  <a:pt x="4733" y="15599"/>
                </a:lnTo>
                <a:lnTo>
                  <a:pt x="4460" y="15795"/>
                </a:lnTo>
                <a:lnTo>
                  <a:pt x="3823" y="16384"/>
                </a:lnTo>
                <a:lnTo>
                  <a:pt x="3368" y="15992"/>
                </a:lnTo>
                <a:lnTo>
                  <a:pt x="2913" y="15010"/>
                </a:lnTo>
                <a:lnTo>
                  <a:pt x="2731" y="14618"/>
                </a:lnTo>
                <a:lnTo>
                  <a:pt x="2094" y="14814"/>
                </a:lnTo>
                <a:lnTo>
                  <a:pt x="1638" y="13833"/>
                </a:lnTo>
                <a:lnTo>
                  <a:pt x="273" y="11577"/>
                </a:lnTo>
                <a:lnTo>
                  <a:pt x="273" y="11184"/>
                </a:lnTo>
                <a:lnTo>
                  <a:pt x="364" y="10399"/>
                </a:lnTo>
                <a:lnTo>
                  <a:pt x="546" y="10007"/>
                </a:lnTo>
                <a:lnTo>
                  <a:pt x="910" y="9811"/>
                </a:lnTo>
                <a:lnTo>
                  <a:pt x="1001" y="9516"/>
                </a:lnTo>
                <a:lnTo>
                  <a:pt x="910" y="9026"/>
                </a:lnTo>
                <a:lnTo>
                  <a:pt x="728" y="8633"/>
                </a:lnTo>
                <a:lnTo>
                  <a:pt x="819" y="8143"/>
                </a:lnTo>
                <a:lnTo>
                  <a:pt x="364" y="7554"/>
                </a:lnTo>
                <a:lnTo>
                  <a:pt x="455" y="7260"/>
                </a:lnTo>
                <a:lnTo>
                  <a:pt x="546" y="7064"/>
                </a:lnTo>
                <a:lnTo>
                  <a:pt x="637" y="6671"/>
                </a:lnTo>
                <a:lnTo>
                  <a:pt x="546" y="6083"/>
                </a:lnTo>
                <a:lnTo>
                  <a:pt x="637" y="5690"/>
                </a:lnTo>
                <a:lnTo>
                  <a:pt x="546" y="5298"/>
                </a:lnTo>
                <a:lnTo>
                  <a:pt x="364" y="5003"/>
                </a:lnTo>
                <a:lnTo>
                  <a:pt x="455" y="4513"/>
                </a:lnTo>
                <a:lnTo>
                  <a:pt x="182" y="4121"/>
                </a:lnTo>
                <a:lnTo>
                  <a:pt x="0" y="3532"/>
                </a:lnTo>
                <a:lnTo>
                  <a:pt x="91" y="3139"/>
                </a:lnTo>
                <a:lnTo>
                  <a:pt x="0" y="2747"/>
                </a:lnTo>
                <a:lnTo>
                  <a:pt x="91" y="2453"/>
                </a:lnTo>
                <a:lnTo>
                  <a:pt x="728" y="2355"/>
                </a:lnTo>
                <a:lnTo>
                  <a:pt x="1365" y="2256"/>
                </a:lnTo>
                <a:lnTo>
                  <a:pt x="1729" y="1668"/>
                </a:lnTo>
                <a:lnTo>
                  <a:pt x="2094" y="1570"/>
                </a:lnTo>
                <a:lnTo>
                  <a:pt x="2367" y="981"/>
                </a:lnTo>
                <a:lnTo>
                  <a:pt x="2549" y="981"/>
                </a:lnTo>
                <a:lnTo>
                  <a:pt x="3095" y="1079"/>
                </a:lnTo>
                <a:lnTo>
                  <a:pt x="3641" y="1275"/>
                </a:lnTo>
                <a:lnTo>
                  <a:pt x="4187" y="2060"/>
                </a:lnTo>
                <a:lnTo>
                  <a:pt x="4460" y="2158"/>
                </a:lnTo>
                <a:lnTo>
                  <a:pt x="4551" y="1766"/>
                </a:lnTo>
                <a:lnTo>
                  <a:pt x="5188" y="1668"/>
                </a:lnTo>
                <a:lnTo>
                  <a:pt x="5916" y="1472"/>
                </a:lnTo>
                <a:lnTo>
                  <a:pt x="6098" y="1472"/>
                </a:lnTo>
                <a:lnTo>
                  <a:pt x="6463" y="981"/>
                </a:lnTo>
                <a:lnTo>
                  <a:pt x="6827" y="883"/>
                </a:lnTo>
                <a:lnTo>
                  <a:pt x="7009" y="294"/>
                </a:lnTo>
                <a:lnTo>
                  <a:pt x="7282" y="392"/>
                </a:lnTo>
                <a:lnTo>
                  <a:pt x="7464" y="294"/>
                </a:lnTo>
                <a:lnTo>
                  <a:pt x="8101" y="0"/>
                </a:lnTo>
                <a:lnTo>
                  <a:pt x="8192" y="98"/>
                </a:lnTo>
                <a:lnTo>
                  <a:pt x="8829" y="294"/>
                </a:lnTo>
                <a:lnTo>
                  <a:pt x="9648" y="883"/>
                </a:lnTo>
                <a:lnTo>
                  <a:pt x="9466" y="1275"/>
                </a:lnTo>
                <a:lnTo>
                  <a:pt x="9375" y="1570"/>
                </a:lnTo>
                <a:lnTo>
                  <a:pt x="9739" y="1962"/>
                </a:lnTo>
                <a:lnTo>
                  <a:pt x="9648" y="2256"/>
                </a:lnTo>
                <a:lnTo>
                  <a:pt x="9739" y="2845"/>
                </a:lnTo>
                <a:lnTo>
                  <a:pt x="9739" y="3041"/>
                </a:lnTo>
                <a:lnTo>
                  <a:pt x="9648" y="3630"/>
                </a:lnTo>
                <a:lnTo>
                  <a:pt x="9830" y="4121"/>
                </a:lnTo>
                <a:lnTo>
                  <a:pt x="10377" y="5396"/>
                </a:lnTo>
                <a:lnTo>
                  <a:pt x="11105" y="6868"/>
                </a:lnTo>
                <a:lnTo>
                  <a:pt x="11651" y="7162"/>
                </a:lnTo>
                <a:lnTo>
                  <a:pt x="11924" y="7751"/>
                </a:lnTo>
                <a:lnTo>
                  <a:pt x="12288" y="8045"/>
                </a:lnTo>
                <a:lnTo>
                  <a:pt x="12288" y="8633"/>
                </a:lnTo>
                <a:lnTo>
                  <a:pt x="12470" y="9026"/>
                </a:lnTo>
                <a:lnTo>
                  <a:pt x="12470" y="9320"/>
                </a:lnTo>
                <a:lnTo>
                  <a:pt x="12288" y="9418"/>
                </a:lnTo>
                <a:lnTo>
                  <a:pt x="11924" y="9909"/>
                </a:lnTo>
                <a:lnTo>
                  <a:pt x="12106" y="11086"/>
                </a:lnTo>
                <a:lnTo>
                  <a:pt x="12470" y="11282"/>
                </a:lnTo>
                <a:lnTo>
                  <a:pt x="13289" y="10890"/>
                </a:lnTo>
                <a:lnTo>
                  <a:pt x="13926" y="10890"/>
                </a:lnTo>
                <a:lnTo>
                  <a:pt x="14928" y="10596"/>
                </a:lnTo>
                <a:lnTo>
                  <a:pt x="15474" y="11282"/>
                </a:lnTo>
                <a:lnTo>
                  <a:pt x="16293" y="1147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30" name="d14212"/>
          <xdr:cNvSpPr>
            <a:spLocks/>
          </xdr:cNvSpPr>
        </xdr:nvSpPr>
        <xdr:spPr bwMode="auto">
          <a:xfrm>
            <a:off x="4093029" y="2611211"/>
            <a:ext cx="1760764" cy="1786618"/>
          </a:xfrm>
          <a:custGeom>
            <a:avLst/>
            <a:gdLst>
              <a:gd name="T0" fmla="*/ 2147483646 w 184"/>
              <a:gd name="T1" fmla="*/ 2147483646 h 191"/>
              <a:gd name="T2" fmla="*/ 2147483646 w 184"/>
              <a:gd name="T3" fmla="*/ 2147483646 h 191"/>
              <a:gd name="T4" fmla="*/ 2147483646 w 184"/>
              <a:gd name="T5" fmla="*/ 2147483646 h 191"/>
              <a:gd name="T6" fmla="*/ 2147483646 w 184"/>
              <a:gd name="T7" fmla="*/ 2147483646 h 191"/>
              <a:gd name="T8" fmla="*/ 2147483646 w 184"/>
              <a:gd name="T9" fmla="*/ 2147483646 h 191"/>
              <a:gd name="T10" fmla="*/ 2147483646 w 184"/>
              <a:gd name="T11" fmla="*/ 2147483646 h 191"/>
              <a:gd name="T12" fmla="*/ 2147483646 w 184"/>
              <a:gd name="T13" fmla="*/ 2147483646 h 191"/>
              <a:gd name="T14" fmla="*/ 2147483646 w 184"/>
              <a:gd name="T15" fmla="*/ 2147483646 h 191"/>
              <a:gd name="T16" fmla="*/ 2147483646 w 184"/>
              <a:gd name="T17" fmla="*/ 2147483646 h 191"/>
              <a:gd name="T18" fmla="*/ 2147483646 w 184"/>
              <a:gd name="T19" fmla="*/ 2147483646 h 191"/>
              <a:gd name="T20" fmla="*/ 2147483646 w 184"/>
              <a:gd name="T21" fmla="*/ 2147483646 h 191"/>
              <a:gd name="T22" fmla="*/ 2147483646 w 184"/>
              <a:gd name="T23" fmla="*/ 2147483646 h 191"/>
              <a:gd name="T24" fmla="*/ 2147483646 w 184"/>
              <a:gd name="T25" fmla="*/ 2147483646 h 191"/>
              <a:gd name="T26" fmla="*/ 2147483646 w 184"/>
              <a:gd name="T27" fmla="*/ 2147483646 h 191"/>
              <a:gd name="T28" fmla="*/ 0 w 184"/>
              <a:gd name="T29" fmla="*/ 2147483646 h 191"/>
              <a:gd name="T30" fmla="*/ 2147483646 w 184"/>
              <a:gd name="T31" fmla="*/ 2147483646 h 191"/>
              <a:gd name="T32" fmla="*/ 2147483646 w 184"/>
              <a:gd name="T33" fmla="*/ 2147483646 h 191"/>
              <a:gd name="T34" fmla="*/ 2147483646 w 184"/>
              <a:gd name="T35" fmla="*/ 2147483646 h 191"/>
              <a:gd name="T36" fmla="*/ 2147483646 w 184"/>
              <a:gd name="T37" fmla="*/ 2147483646 h 191"/>
              <a:gd name="T38" fmla="*/ 2147483646 w 184"/>
              <a:gd name="T39" fmla="*/ 2147483646 h 191"/>
              <a:gd name="T40" fmla="*/ 2147483646 w 184"/>
              <a:gd name="T41" fmla="*/ 2147483646 h 191"/>
              <a:gd name="T42" fmla="*/ 2147483646 w 184"/>
              <a:gd name="T43" fmla="*/ 2147483646 h 191"/>
              <a:gd name="T44" fmla="*/ 2147483646 w 184"/>
              <a:gd name="T45" fmla="*/ 2147483646 h 191"/>
              <a:gd name="T46" fmla="*/ 2147483646 w 184"/>
              <a:gd name="T47" fmla="*/ 2147483646 h 191"/>
              <a:gd name="T48" fmla="*/ 2147483646 w 184"/>
              <a:gd name="T49" fmla="*/ 2147483646 h 191"/>
              <a:gd name="T50" fmla="*/ 2147483646 w 184"/>
              <a:gd name="T51" fmla="*/ 2147483646 h 191"/>
              <a:gd name="T52" fmla="*/ 2147483646 w 184"/>
              <a:gd name="T53" fmla="*/ 2147483646 h 191"/>
              <a:gd name="T54" fmla="*/ 2147483646 w 184"/>
              <a:gd name="T55" fmla="*/ 2147483646 h 191"/>
              <a:gd name="T56" fmla="*/ 2147483646 w 184"/>
              <a:gd name="T57" fmla="*/ 2147483646 h 191"/>
              <a:gd name="T58" fmla="*/ 2147483646 w 184"/>
              <a:gd name="T59" fmla="*/ 2147483646 h 191"/>
              <a:gd name="T60" fmla="*/ 2147483646 w 184"/>
              <a:gd name="T61" fmla="*/ 2147483646 h 191"/>
              <a:gd name="T62" fmla="*/ 2147483646 w 184"/>
              <a:gd name="T63" fmla="*/ 2147483646 h 191"/>
              <a:gd name="T64" fmla="*/ 2147483646 w 184"/>
              <a:gd name="T65" fmla="*/ 2147483646 h 191"/>
              <a:gd name="T66" fmla="*/ 2147483646 w 184"/>
              <a:gd name="T67" fmla="*/ 2147483646 h 191"/>
              <a:gd name="T68" fmla="*/ 2147483646 w 184"/>
              <a:gd name="T69" fmla="*/ 2147483646 h 191"/>
              <a:gd name="T70" fmla="*/ 2147483646 w 184"/>
              <a:gd name="T71" fmla="*/ 2147483646 h 191"/>
              <a:gd name="T72" fmla="*/ 2147483646 w 184"/>
              <a:gd name="T73" fmla="*/ 2147483646 h 191"/>
              <a:gd name="T74" fmla="*/ 2147483646 w 184"/>
              <a:gd name="T75" fmla="*/ 2147483646 h 191"/>
              <a:gd name="T76" fmla="*/ 2147483646 w 184"/>
              <a:gd name="T77" fmla="*/ 2147483646 h 191"/>
              <a:gd name="T78" fmla="*/ 2147483646 w 184"/>
              <a:gd name="T79" fmla="*/ 2147483646 h 191"/>
              <a:gd name="T80" fmla="*/ 2147483646 w 184"/>
              <a:gd name="T81" fmla="*/ 2147483646 h 191"/>
              <a:gd name="T82" fmla="*/ 2147483646 w 184"/>
              <a:gd name="T83" fmla="*/ 2147483646 h 191"/>
              <a:gd name="T84" fmla="*/ 2147483646 w 184"/>
              <a:gd name="T85" fmla="*/ 2147483646 h 191"/>
              <a:gd name="T86" fmla="*/ 2147483646 w 184"/>
              <a:gd name="T87" fmla="*/ 2147483646 h 191"/>
              <a:gd name="T88" fmla="*/ 2147483646 w 184"/>
              <a:gd name="T89" fmla="*/ 2147483646 h 191"/>
              <a:gd name="T90" fmla="*/ 2147483646 w 184"/>
              <a:gd name="T91" fmla="*/ 2147483646 h 191"/>
              <a:gd name="T92" fmla="*/ 2147483646 w 184"/>
              <a:gd name="T93" fmla="*/ 2147483646 h 191"/>
              <a:gd name="T94" fmla="*/ 2147483646 w 184"/>
              <a:gd name="T95" fmla="*/ 2147483646 h 191"/>
              <a:gd name="T96" fmla="*/ 2147483646 w 184"/>
              <a:gd name="T97" fmla="*/ 2147483646 h 191"/>
              <a:gd name="T98" fmla="*/ 2147483646 w 184"/>
              <a:gd name="T99" fmla="*/ 2147483646 h 191"/>
              <a:gd name="T100" fmla="*/ 2147483646 w 184"/>
              <a:gd name="T101" fmla="*/ 2147483646 h 191"/>
              <a:gd name="T102" fmla="*/ 2147483646 w 184"/>
              <a:gd name="T103" fmla="*/ 2147483646 h 191"/>
              <a:gd name="T104" fmla="*/ 2147483646 w 184"/>
              <a:gd name="T105" fmla="*/ 2147483646 h 191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84"/>
              <a:gd name="T160" fmla="*/ 0 h 191"/>
              <a:gd name="T161" fmla="*/ 184 w 184"/>
              <a:gd name="T162" fmla="*/ 191 h 191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84" h="191">
                <a:moveTo>
                  <a:pt x="151" y="190"/>
                </a:moveTo>
                <a:lnTo>
                  <a:pt x="149" y="182"/>
                </a:lnTo>
                <a:lnTo>
                  <a:pt x="145" y="178"/>
                </a:lnTo>
                <a:lnTo>
                  <a:pt x="144" y="173"/>
                </a:lnTo>
                <a:lnTo>
                  <a:pt x="144" y="168"/>
                </a:lnTo>
                <a:lnTo>
                  <a:pt x="144" y="162"/>
                </a:lnTo>
                <a:lnTo>
                  <a:pt x="142" y="160"/>
                </a:lnTo>
                <a:lnTo>
                  <a:pt x="140" y="157"/>
                </a:lnTo>
                <a:lnTo>
                  <a:pt x="135" y="156"/>
                </a:lnTo>
                <a:lnTo>
                  <a:pt x="130" y="150"/>
                </a:lnTo>
                <a:lnTo>
                  <a:pt x="126" y="148"/>
                </a:lnTo>
                <a:lnTo>
                  <a:pt x="122" y="145"/>
                </a:lnTo>
                <a:lnTo>
                  <a:pt x="123" y="142"/>
                </a:lnTo>
                <a:lnTo>
                  <a:pt x="121" y="141"/>
                </a:lnTo>
                <a:lnTo>
                  <a:pt x="118" y="142"/>
                </a:lnTo>
                <a:lnTo>
                  <a:pt x="114" y="142"/>
                </a:lnTo>
                <a:lnTo>
                  <a:pt x="114" y="145"/>
                </a:lnTo>
                <a:lnTo>
                  <a:pt x="105" y="151"/>
                </a:lnTo>
                <a:lnTo>
                  <a:pt x="102" y="148"/>
                </a:lnTo>
                <a:lnTo>
                  <a:pt x="96" y="146"/>
                </a:lnTo>
                <a:lnTo>
                  <a:pt x="93" y="144"/>
                </a:lnTo>
                <a:lnTo>
                  <a:pt x="90" y="139"/>
                </a:lnTo>
                <a:lnTo>
                  <a:pt x="91" y="132"/>
                </a:lnTo>
                <a:lnTo>
                  <a:pt x="82" y="132"/>
                </a:lnTo>
                <a:lnTo>
                  <a:pt x="78" y="128"/>
                </a:lnTo>
                <a:lnTo>
                  <a:pt x="75" y="128"/>
                </a:lnTo>
                <a:lnTo>
                  <a:pt x="74" y="125"/>
                </a:lnTo>
                <a:lnTo>
                  <a:pt x="62" y="123"/>
                </a:lnTo>
                <a:lnTo>
                  <a:pt x="59" y="120"/>
                </a:lnTo>
                <a:lnTo>
                  <a:pt x="47" y="119"/>
                </a:lnTo>
                <a:lnTo>
                  <a:pt x="45" y="117"/>
                </a:lnTo>
                <a:lnTo>
                  <a:pt x="42" y="118"/>
                </a:lnTo>
                <a:lnTo>
                  <a:pt x="40" y="115"/>
                </a:lnTo>
                <a:lnTo>
                  <a:pt x="36" y="114"/>
                </a:lnTo>
                <a:lnTo>
                  <a:pt x="32" y="112"/>
                </a:lnTo>
                <a:lnTo>
                  <a:pt x="27" y="115"/>
                </a:lnTo>
                <a:lnTo>
                  <a:pt x="21" y="114"/>
                </a:lnTo>
                <a:lnTo>
                  <a:pt x="18" y="115"/>
                </a:lnTo>
                <a:lnTo>
                  <a:pt x="15" y="119"/>
                </a:lnTo>
                <a:lnTo>
                  <a:pt x="11" y="123"/>
                </a:lnTo>
                <a:lnTo>
                  <a:pt x="4" y="124"/>
                </a:lnTo>
                <a:lnTo>
                  <a:pt x="4" y="122"/>
                </a:lnTo>
                <a:lnTo>
                  <a:pt x="3" y="116"/>
                </a:lnTo>
                <a:lnTo>
                  <a:pt x="4" y="113"/>
                </a:lnTo>
                <a:lnTo>
                  <a:pt x="0" y="109"/>
                </a:lnTo>
                <a:lnTo>
                  <a:pt x="1" y="106"/>
                </a:lnTo>
                <a:lnTo>
                  <a:pt x="6" y="104"/>
                </a:lnTo>
                <a:lnTo>
                  <a:pt x="12" y="101"/>
                </a:lnTo>
                <a:lnTo>
                  <a:pt x="13" y="98"/>
                </a:lnTo>
                <a:lnTo>
                  <a:pt x="15" y="95"/>
                </a:lnTo>
                <a:lnTo>
                  <a:pt x="18" y="95"/>
                </a:lnTo>
                <a:lnTo>
                  <a:pt x="23" y="91"/>
                </a:lnTo>
                <a:lnTo>
                  <a:pt x="29" y="96"/>
                </a:lnTo>
                <a:lnTo>
                  <a:pt x="35" y="95"/>
                </a:lnTo>
                <a:lnTo>
                  <a:pt x="39" y="93"/>
                </a:lnTo>
                <a:lnTo>
                  <a:pt x="41" y="94"/>
                </a:lnTo>
                <a:lnTo>
                  <a:pt x="45" y="93"/>
                </a:lnTo>
                <a:lnTo>
                  <a:pt x="50" y="92"/>
                </a:lnTo>
                <a:lnTo>
                  <a:pt x="54" y="93"/>
                </a:lnTo>
                <a:lnTo>
                  <a:pt x="60" y="91"/>
                </a:lnTo>
                <a:lnTo>
                  <a:pt x="66" y="91"/>
                </a:lnTo>
                <a:lnTo>
                  <a:pt x="70" y="94"/>
                </a:lnTo>
                <a:lnTo>
                  <a:pt x="76" y="91"/>
                </a:lnTo>
                <a:lnTo>
                  <a:pt x="77" y="92"/>
                </a:lnTo>
                <a:lnTo>
                  <a:pt x="80" y="92"/>
                </a:lnTo>
                <a:lnTo>
                  <a:pt x="82" y="89"/>
                </a:lnTo>
                <a:lnTo>
                  <a:pt x="82" y="82"/>
                </a:lnTo>
                <a:lnTo>
                  <a:pt x="85" y="80"/>
                </a:lnTo>
                <a:lnTo>
                  <a:pt x="85" y="76"/>
                </a:lnTo>
                <a:lnTo>
                  <a:pt x="85" y="72"/>
                </a:lnTo>
                <a:lnTo>
                  <a:pt x="84" y="67"/>
                </a:lnTo>
                <a:lnTo>
                  <a:pt x="81" y="66"/>
                </a:lnTo>
                <a:lnTo>
                  <a:pt x="77" y="64"/>
                </a:lnTo>
                <a:lnTo>
                  <a:pt x="75" y="63"/>
                </a:lnTo>
                <a:lnTo>
                  <a:pt x="74" y="58"/>
                </a:lnTo>
                <a:lnTo>
                  <a:pt x="73" y="54"/>
                </a:lnTo>
                <a:lnTo>
                  <a:pt x="69" y="53"/>
                </a:lnTo>
                <a:lnTo>
                  <a:pt x="67" y="50"/>
                </a:lnTo>
                <a:lnTo>
                  <a:pt x="66" y="47"/>
                </a:lnTo>
                <a:lnTo>
                  <a:pt x="66" y="42"/>
                </a:lnTo>
                <a:lnTo>
                  <a:pt x="62" y="38"/>
                </a:lnTo>
                <a:lnTo>
                  <a:pt x="61" y="33"/>
                </a:lnTo>
                <a:lnTo>
                  <a:pt x="58" y="29"/>
                </a:lnTo>
                <a:lnTo>
                  <a:pt x="58" y="27"/>
                </a:lnTo>
                <a:lnTo>
                  <a:pt x="59" y="21"/>
                </a:lnTo>
                <a:lnTo>
                  <a:pt x="62" y="19"/>
                </a:lnTo>
                <a:lnTo>
                  <a:pt x="66" y="21"/>
                </a:lnTo>
                <a:lnTo>
                  <a:pt x="75" y="17"/>
                </a:lnTo>
                <a:lnTo>
                  <a:pt x="81" y="9"/>
                </a:lnTo>
                <a:lnTo>
                  <a:pt x="86" y="9"/>
                </a:lnTo>
                <a:lnTo>
                  <a:pt x="88" y="7"/>
                </a:lnTo>
                <a:lnTo>
                  <a:pt x="92" y="9"/>
                </a:lnTo>
                <a:lnTo>
                  <a:pt x="96" y="6"/>
                </a:lnTo>
                <a:lnTo>
                  <a:pt x="103" y="9"/>
                </a:lnTo>
                <a:lnTo>
                  <a:pt x="102" y="14"/>
                </a:lnTo>
                <a:lnTo>
                  <a:pt x="106" y="20"/>
                </a:lnTo>
                <a:lnTo>
                  <a:pt x="106" y="27"/>
                </a:lnTo>
                <a:lnTo>
                  <a:pt x="112" y="26"/>
                </a:lnTo>
                <a:lnTo>
                  <a:pt x="115" y="29"/>
                </a:lnTo>
                <a:lnTo>
                  <a:pt x="122" y="29"/>
                </a:lnTo>
                <a:lnTo>
                  <a:pt x="131" y="32"/>
                </a:lnTo>
                <a:lnTo>
                  <a:pt x="136" y="39"/>
                </a:lnTo>
                <a:lnTo>
                  <a:pt x="140" y="41"/>
                </a:lnTo>
                <a:lnTo>
                  <a:pt x="142" y="40"/>
                </a:lnTo>
                <a:lnTo>
                  <a:pt x="144" y="38"/>
                </a:lnTo>
                <a:lnTo>
                  <a:pt x="143" y="32"/>
                </a:lnTo>
                <a:lnTo>
                  <a:pt x="145" y="30"/>
                </a:lnTo>
                <a:lnTo>
                  <a:pt x="144" y="28"/>
                </a:lnTo>
                <a:lnTo>
                  <a:pt x="146" y="27"/>
                </a:lnTo>
                <a:lnTo>
                  <a:pt x="145" y="25"/>
                </a:lnTo>
                <a:lnTo>
                  <a:pt x="147" y="25"/>
                </a:lnTo>
                <a:lnTo>
                  <a:pt x="147" y="23"/>
                </a:lnTo>
                <a:lnTo>
                  <a:pt x="146" y="18"/>
                </a:lnTo>
                <a:lnTo>
                  <a:pt x="145" y="13"/>
                </a:lnTo>
                <a:lnTo>
                  <a:pt x="155" y="10"/>
                </a:lnTo>
                <a:lnTo>
                  <a:pt x="155" y="5"/>
                </a:lnTo>
                <a:lnTo>
                  <a:pt x="151" y="4"/>
                </a:lnTo>
                <a:lnTo>
                  <a:pt x="150" y="3"/>
                </a:lnTo>
                <a:lnTo>
                  <a:pt x="154" y="0"/>
                </a:lnTo>
                <a:lnTo>
                  <a:pt x="157" y="2"/>
                </a:lnTo>
                <a:lnTo>
                  <a:pt x="161" y="8"/>
                </a:lnTo>
                <a:lnTo>
                  <a:pt x="167" y="8"/>
                </a:lnTo>
                <a:lnTo>
                  <a:pt x="179" y="15"/>
                </a:lnTo>
                <a:lnTo>
                  <a:pt x="180" y="22"/>
                </a:lnTo>
                <a:lnTo>
                  <a:pt x="179" y="40"/>
                </a:lnTo>
                <a:lnTo>
                  <a:pt x="177" y="50"/>
                </a:lnTo>
                <a:lnTo>
                  <a:pt x="176" y="55"/>
                </a:lnTo>
                <a:lnTo>
                  <a:pt x="177" y="59"/>
                </a:lnTo>
                <a:lnTo>
                  <a:pt x="177" y="64"/>
                </a:lnTo>
                <a:lnTo>
                  <a:pt x="179" y="68"/>
                </a:lnTo>
                <a:lnTo>
                  <a:pt x="182" y="73"/>
                </a:lnTo>
                <a:lnTo>
                  <a:pt x="183" y="79"/>
                </a:lnTo>
                <a:lnTo>
                  <a:pt x="184" y="83"/>
                </a:lnTo>
                <a:lnTo>
                  <a:pt x="184" y="88"/>
                </a:lnTo>
                <a:lnTo>
                  <a:pt x="183" y="96"/>
                </a:lnTo>
                <a:lnTo>
                  <a:pt x="178" y="104"/>
                </a:lnTo>
                <a:lnTo>
                  <a:pt x="174" y="110"/>
                </a:lnTo>
                <a:lnTo>
                  <a:pt x="172" y="115"/>
                </a:lnTo>
                <a:lnTo>
                  <a:pt x="173" y="121"/>
                </a:lnTo>
                <a:lnTo>
                  <a:pt x="174" y="125"/>
                </a:lnTo>
                <a:lnTo>
                  <a:pt x="176" y="129"/>
                </a:lnTo>
                <a:lnTo>
                  <a:pt x="177" y="137"/>
                </a:lnTo>
                <a:lnTo>
                  <a:pt x="175" y="145"/>
                </a:lnTo>
                <a:lnTo>
                  <a:pt x="173" y="153"/>
                </a:lnTo>
                <a:lnTo>
                  <a:pt x="172" y="159"/>
                </a:lnTo>
                <a:lnTo>
                  <a:pt x="171" y="164"/>
                </a:lnTo>
                <a:lnTo>
                  <a:pt x="170" y="172"/>
                </a:lnTo>
                <a:lnTo>
                  <a:pt x="171" y="178"/>
                </a:lnTo>
                <a:lnTo>
                  <a:pt x="172" y="182"/>
                </a:lnTo>
                <a:lnTo>
                  <a:pt x="174" y="186"/>
                </a:lnTo>
                <a:lnTo>
                  <a:pt x="175" y="191"/>
                </a:lnTo>
                <a:lnTo>
                  <a:pt x="165" y="190"/>
                </a:lnTo>
                <a:lnTo>
                  <a:pt x="158" y="191"/>
                </a:lnTo>
                <a:lnTo>
                  <a:pt x="157" y="189"/>
                </a:lnTo>
                <a:lnTo>
                  <a:pt x="156" y="188"/>
                </a:lnTo>
                <a:lnTo>
                  <a:pt x="156" y="184"/>
                </a:lnTo>
                <a:lnTo>
                  <a:pt x="154" y="182"/>
                </a:lnTo>
                <a:lnTo>
                  <a:pt x="155" y="178"/>
                </a:lnTo>
                <a:lnTo>
                  <a:pt x="153" y="178"/>
                </a:lnTo>
                <a:lnTo>
                  <a:pt x="152" y="190"/>
                </a:lnTo>
                <a:lnTo>
                  <a:pt x="151" y="19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31" name="d14213"/>
          <xdr:cNvSpPr>
            <a:spLocks/>
          </xdr:cNvSpPr>
        </xdr:nvSpPr>
        <xdr:spPr bwMode="auto">
          <a:xfrm>
            <a:off x="6408964" y="2694214"/>
            <a:ext cx="583747" cy="1321254"/>
          </a:xfrm>
          <a:custGeom>
            <a:avLst/>
            <a:gdLst>
              <a:gd name="T0" fmla="*/ 2147483646 w 61"/>
              <a:gd name="T1" fmla="*/ 2147483646 h 141"/>
              <a:gd name="T2" fmla="*/ 2147483646 w 61"/>
              <a:gd name="T3" fmla="*/ 2147483646 h 141"/>
              <a:gd name="T4" fmla="*/ 2147483646 w 61"/>
              <a:gd name="T5" fmla="*/ 2147483646 h 141"/>
              <a:gd name="T6" fmla="*/ 2147483646 w 61"/>
              <a:gd name="T7" fmla="*/ 2147483646 h 141"/>
              <a:gd name="T8" fmla="*/ 2147483646 w 61"/>
              <a:gd name="T9" fmla="*/ 2147483646 h 141"/>
              <a:gd name="T10" fmla="*/ 2147483646 w 61"/>
              <a:gd name="T11" fmla="*/ 2147483646 h 141"/>
              <a:gd name="T12" fmla="*/ 2147483646 w 61"/>
              <a:gd name="T13" fmla="*/ 2147483646 h 141"/>
              <a:gd name="T14" fmla="*/ 2147483646 w 61"/>
              <a:gd name="T15" fmla="*/ 2147483646 h 141"/>
              <a:gd name="T16" fmla="*/ 2147483646 w 61"/>
              <a:gd name="T17" fmla="*/ 2147483646 h 141"/>
              <a:gd name="T18" fmla="*/ 2147483646 w 61"/>
              <a:gd name="T19" fmla="*/ 2147483646 h 141"/>
              <a:gd name="T20" fmla="*/ 2147483646 w 61"/>
              <a:gd name="T21" fmla="*/ 2147483646 h 141"/>
              <a:gd name="T22" fmla="*/ 2147483646 w 61"/>
              <a:gd name="T23" fmla="*/ 2147483646 h 141"/>
              <a:gd name="T24" fmla="*/ 2147483646 w 61"/>
              <a:gd name="T25" fmla="*/ 2147483646 h 141"/>
              <a:gd name="T26" fmla="*/ 2147483646 w 61"/>
              <a:gd name="T27" fmla="*/ 2147483646 h 141"/>
              <a:gd name="T28" fmla="*/ 2147483646 w 61"/>
              <a:gd name="T29" fmla="*/ 2147483646 h 141"/>
              <a:gd name="T30" fmla="*/ 2147483646 w 61"/>
              <a:gd name="T31" fmla="*/ 2147483646 h 141"/>
              <a:gd name="T32" fmla="*/ 2147483646 w 61"/>
              <a:gd name="T33" fmla="*/ 2147483646 h 141"/>
              <a:gd name="T34" fmla="*/ 2147483646 w 61"/>
              <a:gd name="T35" fmla="*/ 2147483646 h 141"/>
              <a:gd name="T36" fmla="*/ 2147483646 w 61"/>
              <a:gd name="T37" fmla="*/ 2147483646 h 141"/>
              <a:gd name="T38" fmla="*/ 2147483646 w 61"/>
              <a:gd name="T39" fmla="*/ 2147483646 h 141"/>
              <a:gd name="T40" fmla="*/ 2147483646 w 61"/>
              <a:gd name="T41" fmla="*/ 2147483646 h 141"/>
              <a:gd name="T42" fmla="*/ 2147483646 w 61"/>
              <a:gd name="T43" fmla="*/ 2147483646 h 141"/>
              <a:gd name="T44" fmla="*/ 2147483646 w 61"/>
              <a:gd name="T45" fmla="*/ 2147483646 h 141"/>
              <a:gd name="T46" fmla="*/ 2147483646 w 61"/>
              <a:gd name="T47" fmla="*/ 2147483646 h 141"/>
              <a:gd name="T48" fmla="*/ 2147483646 w 61"/>
              <a:gd name="T49" fmla="*/ 2147483646 h 141"/>
              <a:gd name="T50" fmla="*/ 2147483646 w 61"/>
              <a:gd name="T51" fmla="*/ 2147483646 h 141"/>
              <a:gd name="T52" fmla="*/ 2147483646 w 61"/>
              <a:gd name="T53" fmla="*/ 2147483646 h 141"/>
              <a:gd name="T54" fmla="*/ 2147483646 w 61"/>
              <a:gd name="T55" fmla="*/ 2147483646 h 141"/>
              <a:gd name="T56" fmla="*/ 2147483646 w 61"/>
              <a:gd name="T57" fmla="*/ 2147483646 h 141"/>
              <a:gd name="T58" fmla="*/ 2147483646 w 61"/>
              <a:gd name="T59" fmla="*/ 2147483646 h 141"/>
              <a:gd name="T60" fmla="*/ 2147483646 w 61"/>
              <a:gd name="T61" fmla="*/ 2147483646 h 141"/>
              <a:gd name="T62" fmla="*/ 2147483646 w 61"/>
              <a:gd name="T63" fmla="*/ 2147483646 h 141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w 61"/>
              <a:gd name="T97" fmla="*/ 0 h 141"/>
              <a:gd name="T98" fmla="*/ 61 w 61"/>
              <a:gd name="T99" fmla="*/ 141 h 141"/>
            </a:gdLst>
            <a:ahLst/>
            <a:cxnLst>
              <a:cxn ang="T64">
                <a:pos x="T0" y="T1"/>
              </a:cxn>
              <a:cxn ang="T65">
                <a:pos x="T2" y="T3"/>
              </a:cxn>
              <a:cxn ang="T66">
                <a:pos x="T4" y="T5"/>
              </a:cxn>
              <a:cxn ang="T67">
                <a:pos x="T6" y="T7"/>
              </a:cxn>
              <a:cxn ang="T68">
                <a:pos x="T8" y="T9"/>
              </a:cxn>
              <a:cxn ang="T69">
                <a:pos x="T10" y="T11"/>
              </a:cxn>
              <a:cxn ang="T70">
                <a:pos x="T12" y="T13"/>
              </a:cxn>
              <a:cxn ang="T71">
                <a:pos x="T14" y="T15"/>
              </a:cxn>
              <a:cxn ang="T72">
                <a:pos x="T16" y="T17"/>
              </a:cxn>
              <a:cxn ang="T73">
                <a:pos x="T18" y="T19"/>
              </a:cxn>
              <a:cxn ang="T74">
                <a:pos x="T20" y="T21"/>
              </a:cxn>
              <a:cxn ang="T75">
                <a:pos x="T22" y="T23"/>
              </a:cxn>
              <a:cxn ang="T76">
                <a:pos x="T24" y="T25"/>
              </a:cxn>
              <a:cxn ang="T77">
                <a:pos x="T26" y="T27"/>
              </a:cxn>
              <a:cxn ang="T78">
                <a:pos x="T28" y="T29"/>
              </a:cxn>
              <a:cxn ang="T79">
                <a:pos x="T30" y="T31"/>
              </a:cxn>
              <a:cxn ang="T80">
                <a:pos x="T32" y="T33"/>
              </a:cxn>
              <a:cxn ang="T81">
                <a:pos x="T34" y="T35"/>
              </a:cxn>
              <a:cxn ang="T82">
                <a:pos x="T36" y="T37"/>
              </a:cxn>
              <a:cxn ang="T83">
                <a:pos x="T38" y="T39"/>
              </a:cxn>
              <a:cxn ang="T84">
                <a:pos x="T40" y="T41"/>
              </a:cxn>
              <a:cxn ang="T85">
                <a:pos x="T42" y="T43"/>
              </a:cxn>
              <a:cxn ang="T86">
                <a:pos x="T44" y="T45"/>
              </a:cxn>
              <a:cxn ang="T87">
                <a:pos x="T46" y="T47"/>
              </a:cxn>
              <a:cxn ang="T88">
                <a:pos x="T48" y="T49"/>
              </a:cxn>
              <a:cxn ang="T89">
                <a:pos x="T50" y="T51"/>
              </a:cxn>
              <a:cxn ang="T90">
                <a:pos x="T52" y="T53"/>
              </a:cxn>
              <a:cxn ang="T91">
                <a:pos x="T54" y="T55"/>
              </a:cxn>
              <a:cxn ang="T92">
                <a:pos x="T56" y="T57"/>
              </a:cxn>
              <a:cxn ang="T93">
                <a:pos x="T58" y="T59"/>
              </a:cxn>
              <a:cxn ang="T94">
                <a:pos x="T60" y="T61"/>
              </a:cxn>
              <a:cxn ang="T95">
                <a:pos x="T62" y="T63"/>
              </a:cxn>
            </a:cxnLst>
            <a:rect l="T96" t="T97" r="T98" b="T99"/>
            <a:pathLst>
              <a:path w="61" h="141">
                <a:moveTo>
                  <a:pt x="33" y="0"/>
                </a:moveTo>
                <a:lnTo>
                  <a:pt x="34" y="1"/>
                </a:lnTo>
                <a:lnTo>
                  <a:pt x="38" y="0"/>
                </a:lnTo>
                <a:lnTo>
                  <a:pt x="42" y="3"/>
                </a:lnTo>
                <a:lnTo>
                  <a:pt x="44" y="5"/>
                </a:lnTo>
                <a:lnTo>
                  <a:pt x="44" y="9"/>
                </a:lnTo>
                <a:lnTo>
                  <a:pt x="44" y="12"/>
                </a:lnTo>
                <a:lnTo>
                  <a:pt x="46" y="16"/>
                </a:lnTo>
                <a:lnTo>
                  <a:pt x="48" y="19"/>
                </a:lnTo>
                <a:lnTo>
                  <a:pt x="48" y="23"/>
                </a:lnTo>
                <a:lnTo>
                  <a:pt x="47" y="27"/>
                </a:lnTo>
                <a:lnTo>
                  <a:pt x="44" y="30"/>
                </a:lnTo>
                <a:lnTo>
                  <a:pt x="42" y="33"/>
                </a:lnTo>
                <a:lnTo>
                  <a:pt x="44" y="36"/>
                </a:lnTo>
                <a:lnTo>
                  <a:pt x="47" y="37"/>
                </a:lnTo>
                <a:lnTo>
                  <a:pt x="51" y="46"/>
                </a:lnTo>
                <a:lnTo>
                  <a:pt x="49" y="51"/>
                </a:lnTo>
                <a:lnTo>
                  <a:pt x="50" y="55"/>
                </a:lnTo>
                <a:lnTo>
                  <a:pt x="50" y="60"/>
                </a:lnTo>
                <a:lnTo>
                  <a:pt x="50" y="65"/>
                </a:lnTo>
                <a:lnTo>
                  <a:pt x="54" y="73"/>
                </a:lnTo>
                <a:lnTo>
                  <a:pt x="54" y="77"/>
                </a:lnTo>
                <a:lnTo>
                  <a:pt x="52" y="82"/>
                </a:lnTo>
                <a:lnTo>
                  <a:pt x="54" y="88"/>
                </a:lnTo>
                <a:lnTo>
                  <a:pt x="58" y="97"/>
                </a:lnTo>
                <a:lnTo>
                  <a:pt x="61" y="105"/>
                </a:lnTo>
                <a:lnTo>
                  <a:pt x="57" y="115"/>
                </a:lnTo>
                <a:lnTo>
                  <a:pt x="52" y="126"/>
                </a:lnTo>
                <a:lnTo>
                  <a:pt x="53" y="130"/>
                </a:lnTo>
                <a:lnTo>
                  <a:pt x="51" y="141"/>
                </a:lnTo>
                <a:lnTo>
                  <a:pt x="44" y="138"/>
                </a:lnTo>
                <a:lnTo>
                  <a:pt x="45" y="128"/>
                </a:lnTo>
                <a:lnTo>
                  <a:pt x="41" y="127"/>
                </a:lnTo>
                <a:lnTo>
                  <a:pt x="39" y="139"/>
                </a:lnTo>
                <a:lnTo>
                  <a:pt x="35" y="137"/>
                </a:lnTo>
                <a:lnTo>
                  <a:pt x="30" y="136"/>
                </a:lnTo>
                <a:lnTo>
                  <a:pt x="26" y="135"/>
                </a:lnTo>
                <a:lnTo>
                  <a:pt x="23" y="132"/>
                </a:lnTo>
                <a:lnTo>
                  <a:pt x="25" y="124"/>
                </a:lnTo>
                <a:lnTo>
                  <a:pt x="25" y="118"/>
                </a:lnTo>
                <a:lnTo>
                  <a:pt x="24" y="110"/>
                </a:lnTo>
                <a:lnTo>
                  <a:pt x="25" y="109"/>
                </a:lnTo>
                <a:lnTo>
                  <a:pt x="28" y="103"/>
                </a:lnTo>
                <a:lnTo>
                  <a:pt x="31" y="100"/>
                </a:lnTo>
                <a:lnTo>
                  <a:pt x="32" y="95"/>
                </a:lnTo>
                <a:lnTo>
                  <a:pt x="30" y="90"/>
                </a:lnTo>
                <a:lnTo>
                  <a:pt x="27" y="87"/>
                </a:lnTo>
                <a:lnTo>
                  <a:pt x="27" y="76"/>
                </a:lnTo>
                <a:lnTo>
                  <a:pt x="9" y="76"/>
                </a:lnTo>
                <a:lnTo>
                  <a:pt x="9" y="72"/>
                </a:lnTo>
                <a:lnTo>
                  <a:pt x="8" y="67"/>
                </a:lnTo>
                <a:lnTo>
                  <a:pt x="5" y="62"/>
                </a:lnTo>
                <a:lnTo>
                  <a:pt x="11" y="56"/>
                </a:lnTo>
                <a:lnTo>
                  <a:pt x="9" y="49"/>
                </a:lnTo>
                <a:lnTo>
                  <a:pt x="3" y="31"/>
                </a:lnTo>
                <a:lnTo>
                  <a:pt x="1" y="23"/>
                </a:lnTo>
                <a:lnTo>
                  <a:pt x="0" y="18"/>
                </a:lnTo>
                <a:lnTo>
                  <a:pt x="2" y="17"/>
                </a:lnTo>
                <a:lnTo>
                  <a:pt x="6" y="17"/>
                </a:lnTo>
                <a:lnTo>
                  <a:pt x="11" y="16"/>
                </a:lnTo>
                <a:lnTo>
                  <a:pt x="17" y="13"/>
                </a:lnTo>
                <a:lnTo>
                  <a:pt x="20" y="8"/>
                </a:lnTo>
                <a:lnTo>
                  <a:pt x="23" y="5"/>
                </a:lnTo>
                <a:lnTo>
                  <a:pt x="27" y="3"/>
                </a:lnTo>
                <a:lnTo>
                  <a:pt x="33" y="0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32" name="d14214"/>
          <xdr:cNvSpPr>
            <a:spLocks/>
          </xdr:cNvSpPr>
        </xdr:nvSpPr>
        <xdr:spPr bwMode="auto">
          <a:xfrm>
            <a:off x="4121604" y="3658961"/>
            <a:ext cx="1465489" cy="105727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0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16384"/>
              <a:gd name="T136" fmla="*/ 0 h 16384"/>
              <a:gd name="T137" fmla="*/ 16384 w 16384"/>
              <a:gd name="T138" fmla="*/ 16384 h 16384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16384" h="16384">
                <a:moveTo>
                  <a:pt x="15849" y="11309"/>
                </a:moveTo>
                <a:lnTo>
                  <a:pt x="16063" y="11744"/>
                </a:lnTo>
                <a:lnTo>
                  <a:pt x="16384" y="12324"/>
                </a:lnTo>
                <a:lnTo>
                  <a:pt x="16170" y="13629"/>
                </a:lnTo>
                <a:lnTo>
                  <a:pt x="14992" y="14789"/>
                </a:lnTo>
                <a:lnTo>
                  <a:pt x="15206" y="13774"/>
                </a:lnTo>
                <a:lnTo>
                  <a:pt x="15206" y="12904"/>
                </a:lnTo>
                <a:lnTo>
                  <a:pt x="14885" y="12759"/>
                </a:lnTo>
                <a:lnTo>
                  <a:pt x="14564" y="14499"/>
                </a:lnTo>
                <a:lnTo>
                  <a:pt x="14135" y="14354"/>
                </a:lnTo>
                <a:lnTo>
                  <a:pt x="13600" y="13629"/>
                </a:lnTo>
                <a:lnTo>
                  <a:pt x="13171" y="14209"/>
                </a:lnTo>
                <a:lnTo>
                  <a:pt x="12636" y="14209"/>
                </a:lnTo>
                <a:lnTo>
                  <a:pt x="12208" y="14354"/>
                </a:lnTo>
                <a:lnTo>
                  <a:pt x="12208" y="14644"/>
                </a:lnTo>
                <a:lnTo>
                  <a:pt x="11779" y="14209"/>
                </a:lnTo>
                <a:lnTo>
                  <a:pt x="11565" y="13629"/>
                </a:lnTo>
                <a:lnTo>
                  <a:pt x="11458" y="14499"/>
                </a:lnTo>
                <a:lnTo>
                  <a:pt x="11565" y="15369"/>
                </a:lnTo>
                <a:lnTo>
                  <a:pt x="11565" y="16384"/>
                </a:lnTo>
                <a:lnTo>
                  <a:pt x="10923" y="15949"/>
                </a:lnTo>
                <a:lnTo>
                  <a:pt x="10923" y="14934"/>
                </a:lnTo>
                <a:lnTo>
                  <a:pt x="10601" y="14354"/>
                </a:lnTo>
                <a:lnTo>
                  <a:pt x="10280" y="14064"/>
                </a:lnTo>
                <a:lnTo>
                  <a:pt x="9638" y="14064"/>
                </a:lnTo>
                <a:lnTo>
                  <a:pt x="9316" y="12614"/>
                </a:lnTo>
                <a:lnTo>
                  <a:pt x="9102" y="13194"/>
                </a:lnTo>
                <a:lnTo>
                  <a:pt x="9102" y="13774"/>
                </a:lnTo>
                <a:lnTo>
                  <a:pt x="9102" y="14209"/>
                </a:lnTo>
                <a:lnTo>
                  <a:pt x="8246" y="14064"/>
                </a:lnTo>
                <a:lnTo>
                  <a:pt x="7817" y="14209"/>
                </a:lnTo>
                <a:lnTo>
                  <a:pt x="6853" y="13919"/>
                </a:lnTo>
                <a:lnTo>
                  <a:pt x="6211" y="12904"/>
                </a:lnTo>
                <a:lnTo>
                  <a:pt x="5033" y="13339"/>
                </a:lnTo>
                <a:lnTo>
                  <a:pt x="4283" y="13339"/>
                </a:lnTo>
                <a:lnTo>
                  <a:pt x="3320" y="13919"/>
                </a:lnTo>
                <a:lnTo>
                  <a:pt x="2891" y="13629"/>
                </a:lnTo>
                <a:lnTo>
                  <a:pt x="2677" y="11889"/>
                </a:lnTo>
                <a:lnTo>
                  <a:pt x="3105" y="11164"/>
                </a:lnTo>
                <a:lnTo>
                  <a:pt x="3320" y="11019"/>
                </a:lnTo>
                <a:lnTo>
                  <a:pt x="3320" y="10584"/>
                </a:lnTo>
                <a:lnTo>
                  <a:pt x="3105" y="10004"/>
                </a:lnTo>
                <a:lnTo>
                  <a:pt x="3105" y="9134"/>
                </a:lnTo>
                <a:lnTo>
                  <a:pt x="2677" y="8699"/>
                </a:lnTo>
                <a:lnTo>
                  <a:pt x="2356" y="7830"/>
                </a:lnTo>
                <a:lnTo>
                  <a:pt x="1713" y="7395"/>
                </a:lnTo>
                <a:lnTo>
                  <a:pt x="857" y="5220"/>
                </a:lnTo>
                <a:lnTo>
                  <a:pt x="214" y="3335"/>
                </a:lnTo>
                <a:lnTo>
                  <a:pt x="0" y="2610"/>
                </a:lnTo>
                <a:lnTo>
                  <a:pt x="107" y="1740"/>
                </a:lnTo>
                <a:lnTo>
                  <a:pt x="857" y="1595"/>
                </a:lnTo>
                <a:lnTo>
                  <a:pt x="1285" y="1015"/>
                </a:lnTo>
                <a:lnTo>
                  <a:pt x="1606" y="435"/>
                </a:lnTo>
                <a:lnTo>
                  <a:pt x="1928" y="290"/>
                </a:lnTo>
                <a:lnTo>
                  <a:pt x="2570" y="435"/>
                </a:lnTo>
                <a:lnTo>
                  <a:pt x="3105" y="0"/>
                </a:lnTo>
                <a:lnTo>
                  <a:pt x="3534" y="290"/>
                </a:lnTo>
                <a:lnTo>
                  <a:pt x="3962" y="435"/>
                </a:lnTo>
                <a:lnTo>
                  <a:pt x="4176" y="870"/>
                </a:lnTo>
                <a:lnTo>
                  <a:pt x="4498" y="725"/>
                </a:lnTo>
                <a:lnTo>
                  <a:pt x="4712" y="1015"/>
                </a:lnTo>
                <a:lnTo>
                  <a:pt x="5997" y="1160"/>
                </a:lnTo>
                <a:lnTo>
                  <a:pt x="6318" y="1595"/>
                </a:lnTo>
                <a:lnTo>
                  <a:pt x="7603" y="1885"/>
                </a:lnTo>
                <a:lnTo>
                  <a:pt x="7710" y="2320"/>
                </a:lnTo>
                <a:lnTo>
                  <a:pt x="8031" y="2320"/>
                </a:lnTo>
                <a:lnTo>
                  <a:pt x="8460" y="2900"/>
                </a:lnTo>
                <a:lnTo>
                  <a:pt x="9423" y="2900"/>
                </a:lnTo>
                <a:lnTo>
                  <a:pt x="9316" y="3915"/>
                </a:lnTo>
                <a:lnTo>
                  <a:pt x="9638" y="4640"/>
                </a:lnTo>
                <a:lnTo>
                  <a:pt x="9959" y="4930"/>
                </a:lnTo>
                <a:lnTo>
                  <a:pt x="10601" y="5220"/>
                </a:lnTo>
                <a:lnTo>
                  <a:pt x="10923" y="5655"/>
                </a:lnTo>
                <a:lnTo>
                  <a:pt x="11886" y="4785"/>
                </a:lnTo>
                <a:lnTo>
                  <a:pt x="11886" y="4350"/>
                </a:lnTo>
                <a:lnTo>
                  <a:pt x="12315" y="4350"/>
                </a:lnTo>
                <a:lnTo>
                  <a:pt x="12636" y="4205"/>
                </a:lnTo>
                <a:lnTo>
                  <a:pt x="12850" y="4350"/>
                </a:lnTo>
                <a:lnTo>
                  <a:pt x="12743" y="4785"/>
                </a:lnTo>
                <a:lnTo>
                  <a:pt x="13171" y="5220"/>
                </a:lnTo>
                <a:lnTo>
                  <a:pt x="13600" y="5510"/>
                </a:lnTo>
                <a:lnTo>
                  <a:pt x="14135" y="6380"/>
                </a:lnTo>
                <a:lnTo>
                  <a:pt x="14671" y="6525"/>
                </a:lnTo>
                <a:lnTo>
                  <a:pt x="14885" y="6960"/>
                </a:lnTo>
                <a:lnTo>
                  <a:pt x="15099" y="7250"/>
                </a:lnTo>
                <a:lnTo>
                  <a:pt x="15099" y="8120"/>
                </a:lnTo>
                <a:lnTo>
                  <a:pt x="15099" y="8844"/>
                </a:lnTo>
                <a:lnTo>
                  <a:pt x="15206" y="9569"/>
                </a:lnTo>
                <a:lnTo>
                  <a:pt x="15634" y="10149"/>
                </a:lnTo>
                <a:lnTo>
                  <a:pt x="15849" y="1130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33" name="d14217"/>
          <xdr:cNvSpPr>
            <a:spLocks/>
          </xdr:cNvSpPr>
        </xdr:nvSpPr>
        <xdr:spPr bwMode="auto">
          <a:xfrm>
            <a:off x="1510393" y="4948918"/>
            <a:ext cx="1491343" cy="108585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0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0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w 16384"/>
              <a:gd name="T154" fmla="*/ 0 h 16384"/>
              <a:gd name="T155" fmla="*/ 16384 w 16384"/>
              <a:gd name="T156" fmla="*/ 16384 h 16384"/>
            </a:gdLst>
            <a:ahLst/>
            <a:cxnLst>
              <a:cxn ang="T102">
                <a:pos x="T0" y="T1"/>
              </a:cxn>
              <a:cxn ang="T103">
                <a:pos x="T2" y="T3"/>
              </a:cxn>
              <a:cxn ang="T104">
                <a:pos x="T4" y="T5"/>
              </a:cxn>
              <a:cxn ang="T105">
                <a:pos x="T6" y="T7"/>
              </a:cxn>
              <a:cxn ang="T106">
                <a:pos x="T8" y="T9"/>
              </a:cxn>
              <a:cxn ang="T107">
                <a:pos x="T10" y="T11"/>
              </a:cxn>
              <a:cxn ang="T108">
                <a:pos x="T12" y="T13"/>
              </a:cxn>
              <a:cxn ang="T109">
                <a:pos x="T14" y="T15"/>
              </a:cxn>
              <a:cxn ang="T110">
                <a:pos x="T16" y="T17"/>
              </a:cxn>
              <a:cxn ang="T111">
                <a:pos x="T18" y="T19"/>
              </a:cxn>
              <a:cxn ang="T112">
                <a:pos x="T20" y="T21"/>
              </a:cxn>
              <a:cxn ang="T113">
                <a:pos x="T22" y="T23"/>
              </a:cxn>
              <a:cxn ang="T114">
                <a:pos x="T24" y="T25"/>
              </a:cxn>
              <a:cxn ang="T115">
                <a:pos x="T26" y="T27"/>
              </a:cxn>
              <a:cxn ang="T116">
                <a:pos x="T28" y="T29"/>
              </a:cxn>
              <a:cxn ang="T117">
                <a:pos x="T30" y="T31"/>
              </a:cxn>
              <a:cxn ang="T118">
                <a:pos x="T32" y="T33"/>
              </a:cxn>
              <a:cxn ang="T119">
                <a:pos x="T34" y="T35"/>
              </a:cxn>
              <a:cxn ang="T120">
                <a:pos x="T36" y="T37"/>
              </a:cxn>
              <a:cxn ang="T121">
                <a:pos x="T38" y="T39"/>
              </a:cxn>
              <a:cxn ang="T122">
                <a:pos x="T40" y="T41"/>
              </a:cxn>
              <a:cxn ang="T123">
                <a:pos x="T42" y="T43"/>
              </a:cxn>
              <a:cxn ang="T124">
                <a:pos x="T44" y="T45"/>
              </a:cxn>
              <a:cxn ang="T125">
                <a:pos x="T46" y="T47"/>
              </a:cxn>
              <a:cxn ang="T126">
                <a:pos x="T48" y="T49"/>
              </a:cxn>
              <a:cxn ang="T127">
                <a:pos x="T50" y="T51"/>
              </a:cxn>
              <a:cxn ang="T128">
                <a:pos x="T52" y="T53"/>
              </a:cxn>
              <a:cxn ang="T129">
                <a:pos x="T54" y="T55"/>
              </a:cxn>
              <a:cxn ang="T130">
                <a:pos x="T56" y="T57"/>
              </a:cxn>
              <a:cxn ang="T131">
                <a:pos x="T58" y="T59"/>
              </a:cxn>
              <a:cxn ang="T132">
                <a:pos x="T60" y="T61"/>
              </a:cxn>
              <a:cxn ang="T133">
                <a:pos x="T62" y="T63"/>
              </a:cxn>
              <a:cxn ang="T134">
                <a:pos x="T64" y="T65"/>
              </a:cxn>
              <a:cxn ang="T135">
                <a:pos x="T66" y="T67"/>
              </a:cxn>
              <a:cxn ang="T136">
                <a:pos x="T68" y="T69"/>
              </a:cxn>
              <a:cxn ang="T137">
                <a:pos x="T70" y="T71"/>
              </a:cxn>
              <a:cxn ang="T138">
                <a:pos x="T72" y="T73"/>
              </a:cxn>
              <a:cxn ang="T139">
                <a:pos x="T74" y="T75"/>
              </a:cxn>
              <a:cxn ang="T140">
                <a:pos x="T76" y="T77"/>
              </a:cxn>
              <a:cxn ang="T141">
                <a:pos x="T78" y="T79"/>
              </a:cxn>
              <a:cxn ang="T142">
                <a:pos x="T80" y="T81"/>
              </a:cxn>
              <a:cxn ang="T143">
                <a:pos x="T82" y="T83"/>
              </a:cxn>
              <a:cxn ang="T144">
                <a:pos x="T84" y="T85"/>
              </a:cxn>
              <a:cxn ang="T145">
                <a:pos x="T86" y="T87"/>
              </a:cxn>
              <a:cxn ang="T146">
                <a:pos x="T88" y="T89"/>
              </a:cxn>
              <a:cxn ang="T147">
                <a:pos x="T90" y="T91"/>
              </a:cxn>
              <a:cxn ang="T148">
                <a:pos x="T92" y="T93"/>
              </a:cxn>
              <a:cxn ang="T149">
                <a:pos x="T94" y="T95"/>
              </a:cxn>
              <a:cxn ang="T150">
                <a:pos x="T96" y="T97"/>
              </a:cxn>
              <a:cxn ang="T151">
                <a:pos x="T98" y="T99"/>
              </a:cxn>
              <a:cxn ang="T152">
                <a:pos x="T100" y="T101"/>
              </a:cxn>
            </a:cxnLst>
            <a:rect l="T153" t="T154" r="T155" b="T156"/>
            <a:pathLst>
              <a:path w="16384" h="16384">
                <a:moveTo>
                  <a:pt x="16069" y="7486"/>
                </a:moveTo>
                <a:lnTo>
                  <a:pt x="16279" y="8051"/>
                </a:lnTo>
                <a:lnTo>
                  <a:pt x="16384" y="8333"/>
                </a:lnTo>
                <a:lnTo>
                  <a:pt x="16069" y="8757"/>
                </a:lnTo>
                <a:lnTo>
                  <a:pt x="15964" y="9181"/>
                </a:lnTo>
                <a:lnTo>
                  <a:pt x="16069" y="9604"/>
                </a:lnTo>
                <a:lnTo>
                  <a:pt x="16174" y="10311"/>
                </a:lnTo>
                <a:lnTo>
                  <a:pt x="16174" y="10452"/>
                </a:lnTo>
                <a:lnTo>
                  <a:pt x="16384" y="11723"/>
                </a:lnTo>
                <a:lnTo>
                  <a:pt x="16069" y="11864"/>
                </a:lnTo>
                <a:lnTo>
                  <a:pt x="16174" y="12288"/>
                </a:lnTo>
                <a:lnTo>
                  <a:pt x="16069" y="12712"/>
                </a:lnTo>
                <a:lnTo>
                  <a:pt x="15859" y="13277"/>
                </a:lnTo>
                <a:lnTo>
                  <a:pt x="15439" y="13418"/>
                </a:lnTo>
                <a:lnTo>
                  <a:pt x="14914" y="13277"/>
                </a:lnTo>
                <a:lnTo>
                  <a:pt x="14599" y="13418"/>
                </a:lnTo>
                <a:lnTo>
                  <a:pt x="14599" y="13842"/>
                </a:lnTo>
                <a:lnTo>
                  <a:pt x="14704" y="14548"/>
                </a:lnTo>
                <a:lnTo>
                  <a:pt x="14073" y="14830"/>
                </a:lnTo>
                <a:lnTo>
                  <a:pt x="13758" y="14830"/>
                </a:lnTo>
                <a:lnTo>
                  <a:pt x="13023" y="14972"/>
                </a:lnTo>
                <a:lnTo>
                  <a:pt x="10923" y="15113"/>
                </a:lnTo>
                <a:lnTo>
                  <a:pt x="10713" y="15537"/>
                </a:lnTo>
                <a:lnTo>
                  <a:pt x="9872" y="15678"/>
                </a:lnTo>
                <a:lnTo>
                  <a:pt x="9137" y="16102"/>
                </a:lnTo>
                <a:lnTo>
                  <a:pt x="8717" y="16243"/>
                </a:lnTo>
                <a:lnTo>
                  <a:pt x="7877" y="16102"/>
                </a:lnTo>
                <a:lnTo>
                  <a:pt x="7142" y="16384"/>
                </a:lnTo>
                <a:lnTo>
                  <a:pt x="5881" y="14972"/>
                </a:lnTo>
                <a:lnTo>
                  <a:pt x="5881" y="14407"/>
                </a:lnTo>
                <a:lnTo>
                  <a:pt x="5461" y="14265"/>
                </a:lnTo>
                <a:lnTo>
                  <a:pt x="4936" y="14548"/>
                </a:lnTo>
                <a:lnTo>
                  <a:pt x="4726" y="14830"/>
                </a:lnTo>
                <a:lnTo>
                  <a:pt x="4306" y="14972"/>
                </a:lnTo>
                <a:lnTo>
                  <a:pt x="4096" y="15254"/>
                </a:lnTo>
                <a:lnTo>
                  <a:pt x="3676" y="15537"/>
                </a:lnTo>
                <a:lnTo>
                  <a:pt x="3361" y="15678"/>
                </a:lnTo>
                <a:lnTo>
                  <a:pt x="3046" y="15395"/>
                </a:lnTo>
                <a:lnTo>
                  <a:pt x="2836" y="15113"/>
                </a:lnTo>
                <a:lnTo>
                  <a:pt x="2311" y="14689"/>
                </a:lnTo>
                <a:lnTo>
                  <a:pt x="1890" y="14689"/>
                </a:lnTo>
                <a:lnTo>
                  <a:pt x="1575" y="14830"/>
                </a:lnTo>
                <a:lnTo>
                  <a:pt x="1575" y="14548"/>
                </a:lnTo>
                <a:lnTo>
                  <a:pt x="1470" y="14265"/>
                </a:lnTo>
                <a:lnTo>
                  <a:pt x="1050" y="14265"/>
                </a:lnTo>
                <a:lnTo>
                  <a:pt x="840" y="13983"/>
                </a:lnTo>
                <a:lnTo>
                  <a:pt x="840" y="13700"/>
                </a:lnTo>
                <a:lnTo>
                  <a:pt x="525" y="13135"/>
                </a:lnTo>
                <a:lnTo>
                  <a:pt x="0" y="12570"/>
                </a:lnTo>
                <a:lnTo>
                  <a:pt x="0" y="12288"/>
                </a:lnTo>
                <a:lnTo>
                  <a:pt x="210" y="11582"/>
                </a:lnTo>
                <a:lnTo>
                  <a:pt x="210" y="10593"/>
                </a:lnTo>
                <a:lnTo>
                  <a:pt x="420" y="10169"/>
                </a:lnTo>
                <a:lnTo>
                  <a:pt x="525" y="9604"/>
                </a:lnTo>
                <a:lnTo>
                  <a:pt x="630" y="8898"/>
                </a:lnTo>
                <a:lnTo>
                  <a:pt x="840" y="8333"/>
                </a:lnTo>
                <a:lnTo>
                  <a:pt x="735" y="7768"/>
                </a:lnTo>
                <a:lnTo>
                  <a:pt x="1050" y="7203"/>
                </a:lnTo>
                <a:lnTo>
                  <a:pt x="1260" y="6638"/>
                </a:lnTo>
                <a:lnTo>
                  <a:pt x="1575" y="5932"/>
                </a:lnTo>
                <a:lnTo>
                  <a:pt x="1785" y="5226"/>
                </a:lnTo>
                <a:lnTo>
                  <a:pt x="1785" y="4378"/>
                </a:lnTo>
                <a:lnTo>
                  <a:pt x="2101" y="3955"/>
                </a:lnTo>
                <a:lnTo>
                  <a:pt x="2626" y="4096"/>
                </a:lnTo>
                <a:lnTo>
                  <a:pt x="3046" y="4096"/>
                </a:lnTo>
                <a:lnTo>
                  <a:pt x="3466" y="3955"/>
                </a:lnTo>
                <a:lnTo>
                  <a:pt x="3361" y="3107"/>
                </a:lnTo>
                <a:lnTo>
                  <a:pt x="3571" y="2684"/>
                </a:lnTo>
                <a:lnTo>
                  <a:pt x="4096" y="2260"/>
                </a:lnTo>
                <a:lnTo>
                  <a:pt x="4411" y="1554"/>
                </a:lnTo>
                <a:lnTo>
                  <a:pt x="4831" y="1130"/>
                </a:lnTo>
                <a:lnTo>
                  <a:pt x="5566" y="1130"/>
                </a:lnTo>
                <a:lnTo>
                  <a:pt x="5776" y="989"/>
                </a:lnTo>
                <a:lnTo>
                  <a:pt x="6091" y="282"/>
                </a:lnTo>
                <a:lnTo>
                  <a:pt x="6512" y="141"/>
                </a:lnTo>
                <a:lnTo>
                  <a:pt x="7142" y="141"/>
                </a:lnTo>
                <a:lnTo>
                  <a:pt x="7352" y="424"/>
                </a:lnTo>
                <a:lnTo>
                  <a:pt x="7877" y="847"/>
                </a:lnTo>
                <a:lnTo>
                  <a:pt x="8717" y="1130"/>
                </a:lnTo>
                <a:lnTo>
                  <a:pt x="9347" y="847"/>
                </a:lnTo>
                <a:lnTo>
                  <a:pt x="9767" y="282"/>
                </a:lnTo>
                <a:lnTo>
                  <a:pt x="10293" y="565"/>
                </a:lnTo>
                <a:lnTo>
                  <a:pt x="10818" y="424"/>
                </a:lnTo>
                <a:lnTo>
                  <a:pt x="11238" y="565"/>
                </a:lnTo>
                <a:lnTo>
                  <a:pt x="11763" y="989"/>
                </a:lnTo>
                <a:lnTo>
                  <a:pt x="12393" y="424"/>
                </a:lnTo>
                <a:lnTo>
                  <a:pt x="12813" y="141"/>
                </a:lnTo>
                <a:lnTo>
                  <a:pt x="13443" y="0"/>
                </a:lnTo>
                <a:lnTo>
                  <a:pt x="13443" y="424"/>
                </a:lnTo>
                <a:lnTo>
                  <a:pt x="13338" y="847"/>
                </a:lnTo>
                <a:lnTo>
                  <a:pt x="13023" y="1412"/>
                </a:lnTo>
                <a:lnTo>
                  <a:pt x="13338" y="2119"/>
                </a:lnTo>
                <a:lnTo>
                  <a:pt x="13653" y="2401"/>
                </a:lnTo>
                <a:lnTo>
                  <a:pt x="14073" y="2825"/>
                </a:lnTo>
                <a:lnTo>
                  <a:pt x="14178" y="3390"/>
                </a:lnTo>
                <a:lnTo>
                  <a:pt x="14283" y="4378"/>
                </a:lnTo>
                <a:lnTo>
                  <a:pt x="14599" y="5367"/>
                </a:lnTo>
                <a:lnTo>
                  <a:pt x="14809" y="6356"/>
                </a:lnTo>
                <a:lnTo>
                  <a:pt x="14914" y="6638"/>
                </a:lnTo>
                <a:lnTo>
                  <a:pt x="15334" y="6780"/>
                </a:lnTo>
                <a:lnTo>
                  <a:pt x="15649" y="6921"/>
                </a:lnTo>
                <a:lnTo>
                  <a:pt x="15754" y="7486"/>
                </a:lnTo>
                <a:lnTo>
                  <a:pt x="16069" y="7486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34" name="d14301"/>
          <xdr:cNvSpPr>
            <a:spLocks/>
          </xdr:cNvSpPr>
        </xdr:nvSpPr>
        <xdr:spPr bwMode="auto">
          <a:xfrm>
            <a:off x="7988754" y="5792561"/>
            <a:ext cx="850446" cy="522514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0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w 16384"/>
              <a:gd name="T115" fmla="*/ 0 h 16384"/>
              <a:gd name="T116" fmla="*/ 16384 w 16384"/>
              <a:gd name="T117" fmla="*/ 16384 h 16384"/>
            </a:gdLst>
            <a:ahLst/>
            <a:cxnLst>
              <a:cxn ang="T76">
                <a:pos x="T0" y="T1"/>
              </a:cxn>
              <a:cxn ang="T77">
                <a:pos x="T2" y="T3"/>
              </a:cxn>
              <a:cxn ang="T78">
                <a:pos x="T4" y="T5"/>
              </a:cxn>
              <a:cxn ang="T79">
                <a:pos x="T6" y="T7"/>
              </a:cxn>
              <a:cxn ang="T80">
                <a:pos x="T8" y="T9"/>
              </a:cxn>
              <a:cxn ang="T81">
                <a:pos x="T10" y="T11"/>
              </a:cxn>
              <a:cxn ang="T82">
                <a:pos x="T12" y="T13"/>
              </a:cxn>
              <a:cxn ang="T83">
                <a:pos x="T14" y="T15"/>
              </a:cxn>
              <a:cxn ang="T84">
                <a:pos x="T16" y="T17"/>
              </a:cxn>
              <a:cxn ang="T85">
                <a:pos x="T18" y="T19"/>
              </a:cxn>
              <a:cxn ang="T86">
                <a:pos x="T20" y="T21"/>
              </a:cxn>
              <a:cxn ang="T87">
                <a:pos x="T22" y="T23"/>
              </a:cxn>
              <a:cxn ang="T88">
                <a:pos x="T24" y="T25"/>
              </a:cxn>
              <a:cxn ang="T89">
                <a:pos x="T26" y="T27"/>
              </a:cxn>
              <a:cxn ang="T90">
                <a:pos x="T28" y="T29"/>
              </a:cxn>
              <a:cxn ang="T91">
                <a:pos x="T30" y="T31"/>
              </a:cxn>
              <a:cxn ang="T92">
                <a:pos x="T32" y="T33"/>
              </a:cxn>
              <a:cxn ang="T93">
                <a:pos x="T34" y="T35"/>
              </a:cxn>
              <a:cxn ang="T94">
                <a:pos x="T36" y="T37"/>
              </a:cxn>
              <a:cxn ang="T95">
                <a:pos x="T38" y="T39"/>
              </a:cxn>
              <a:cxn ang="T96">
                <a:pos x="T40" y="T41"/>
              </a:cxn>
              <a:cxn ang="T97">
                <a:pos x="T42" y="T43"/>
              </a:cxn>
              <a:cxn ang="T98">
                <a:pos x="T44" y="T45"/>
              </a:cxn>
              <a:cxn ang="T99">
                <a:pos x="T46" y="T47"/>
              </a:cxn>
              <a:cxn ang="T100">
                <a:pos x="T48" y="T49"/>
              </a:cxn>
              <a:cxn ang="T101">
                <a:pos x="T50" y="T51"/>
              </a:cxn>
              <a:cxn ang="T102">
                <a:pos x="T52" y="T53"/>
              </a:cxn>
              <a:cxn ang="T103">
                <a:pos x="T54" y="T55"/>
              </a:cxn>
              <a:cxn ang="T104">
                <a:pos x="T56" y="T57"/>
              </a:cxn>
              <a:cxn ang="T105">
                <a:pos x="T58" y="T59"/>
              </a:cxn>
              <a:cxn ang="T106">
                <a:pos x="T60" y="T61"/>
              </a:cxn>
              <a:cxn ang="T107">
                <a:pos x="T62" y="T63"/>
              </a:cxn>
              <a:cxn ang="T108">
                <a:pos x="T64" y="T65"/>
              </a:cxn>
              <a:cxn ang="T109">
                <a:pos x="T66" y="T67"/>
              </a:cxn>
              <a:cxn ang="T110">
                <a:pos x="T68" y="T69"/>
              </a:cxn>
              <a:cxn ang="T111">
                <a:pos x="T70" y="T71"/>
              </a:cxn>
              <a:cxn ang="T112">
                <a:pos x="T72" y="T73"/>
              </a:cxn>
              <a:cxn ang="T113">
                <a:pos x="T74" y="T75"/>
              </a:cxn>
            </a:cxnLst>
            <a:rect l="T114" t="T115" r="T116" b="T117"/>
            <a:pathLst>
              <a:path w="16384" h="16384">
                <a:moveTo>
                  <a:pt x="12518" y="5559"/>
                </a:moveTo>
                <a:lnTo>
                  <a:pt x="13070" y="5266"/>
                </a:lnTo>
                <a:lnTo>
                  <a:pt x="13807" y="6729"/>
                </a:lnTo>
                <a:lnTo>
                  <a:pt x="14911" y="7607"/>
                </a:lnTo>
                <a:lnTo>
                  <a:pt x="15648" y="7899"/>
                </a:lnTo>
                <a:lnTo>
                  <a:pt x="16384" y="7899"/>
                </a:lnTo>
                <a:lnTo>
                  <a:pt x="16384" y="8485"/>
                </a:lnTo>
                <a:lnTo>
                  <a:pt x="15832" y="9070"/>
                </a:lnTo>
                <a:lnTo>
                  <a:pt x="15832" y="10533"/>
                </a:lnTo>
                <a:lnTo>
                  <a:pt x="16200" y="11995"/>
                </a:lnTo>
                <a:lnTo>
                  <a:pt x="16016" y="13166"/>
                </a:lnTo>
                <a:lnTo>
                  <a:pt x="15279" y="12873"/>
                </a:lnTo>
                <a:lnTo>
                  <a:pt x="14359" y="13458"/>
                </a:lnTo>
                <a:lnTo>
                  <a:pt x="13807" y="14043"/>
                </a:lnTo>
                <a:lnTo>
                  <a:pt x="13439" y="14336"/>
                </a:lnTo>
                <a:lnTo>
                  <a:pt x="13254" y="15214"/>
                </a:lnTo>
                <a:lnTo>
                  <a:pt x="12702" y="15214"/>
                </a:lnTo>
                <a:lnTo>
                  <a:pt x="11966" y="14629"/>
                </a:lnTo>
                <a:lnTo>
                  <a:pt x="11782" y="13458"/>
                </a:lnTo>
                <a:lnTo>
                  <a:pt x="11414" y="12873"/>
                </a:lnTo>
                <a:lnTo>
                  <a:pt x="11045" y="12581"/>
                </a:lnTo>
                <a:lnTo>
                  <a:pt x="10677" y="13458"/>
                </a:lnTo>
                <a:lnTo>
                  <a:pt x="10125" y="14043"/>
                </a:lnTo>
                <a:lnTo>
                  <a:pt x="9389" y="14043"/>
                </a:lnTo>
                <a:lnTo>
                  <a:pt x="9020" y="14043"/>
                </a:lnTo>
                <a:lnTo>
                  <a:pt x="8284" y="14043"/>
                </a:lnTo>
                <a:lnTo>
                  <a:pt x="7732" y="14043"/>
                </a:lnTo>
                <a:lnTo>
                  <a:pt x="7180" y="14921"/>
                </a:lnTo>
                <a:lnTo>
                  <a:pt x="7180" y="15214"/>
                </a:lnTo>
                <a:lnTo>
                  <a:pt x="6075" y="15214"/>
                </a:lnTo>
                <a:lnTo>
                  <a:pt x="3130" y="15799"/>
                </a:lnTo>
                <a:lnTo>
                  <a:pt x="2761" y="16384"/>
                </a:lnTo>
                <a:lnTo>
                  <a:pt x="1841" y="16384"/>
                </a:lnTo>
                <a:lnTo>
                  <a:pt x="2577" y="14629"/>
                </a:lnTo>
                <a:lnTo>
                  <a:pt x="2025" y="13751"/>
                </a:lnTo>
                <a:lnTo>
                  <a:pt x="1473" y="12581"/>
                </a:lnTo>
                <a:lnTo>
                  <a:pt x="1473" y="11410"/>
                </a:lnTo>
                <a:lnTo>
                  <a:pt x="920" y="11118"/>
                </a:lnTo>
                <a:lnTo>
                  <a:pt x="0" y="10533"/>
                </a:lnTo>
                <a:lnTo>
                  <a:pt x="184" y="9655"/>
                </a:lnTo>
                <a:lnTo>
                  <a:pt x="552" y="8777"/>
                </a:lnTo>
                <a:lnTo>
                  <a:pt x="368" y="7899"/>
                </a:lnTo>
                <a:lnTo>
                  <a:pt x="736" y="6729"/>
                </a:lnTo>
                <a:lnTo>
                  <a:pt x="368" y="4974"/>
                </a:lnTo>
                <a:lnTo>
                  <a:pt x="184" y="3803"/>
                </a:lnTo>
                <a:lnTo>
                  <a:pt x="0" y="2633"/>
                </a:lnTo>
                <a:lnTo>
                  <a:pt x="736" y="2341"/>
                </a:lnTo>
                <a:lnTo>
                  <a:pt x="1473" y="3803"/>
                </a:lnTo>
                <a:lnTo>
                  <a:pt x="2209" y="3218"/>
                </a:lnTo>
                <a:lnTo>
                  <a:pt x="2761" y="2048"/>
                </a:lnTo>
                <a:lnTo>
                  <a:pt x="3498" y="2048"/>
                </a:lnTo>
                <a:lnTo>
                  <a:pt x="4234" y="1463"/>
                </a:lnTo>
                <a:lnTo>
                  <a:pt x="4786" y="0"/>
                </a:lnTo>
                <a:lnTo>
                  <a:pt x="5339" y="293"/>
                </a:lnTo>
                <a:lnTo>
                  <a:pt x="6259" y="0"/>
                </a:lnTo>
                <a:lnTo>
                  <a:pt x="6627" y="293"/>
                </a:lnTo>
                <a:lnTo>
                  <a:pt x="8100" y="293"/>
                </a:lnTo>
                <a:lnTo>
                  <a:pt x="8284" y="878"/>
                </a:lnTo>
                <a:lnTo>
                  <a:pt x="9204" y="585"/>
                </a:lnTo>
                <a:lnTo>
                  <a:pt x="9757" y="1463"/>
                </a:lnTo>
                <a:lnTo>
                  <a:pt x="9389" y="2633"/>
                </a:lnTo>
                <a:lnTo>
                  <a:pt x="8468" y="3803"/>
                </a:lnTo>
                <a:lnTo>
                  <a:pt x="7916" y="3803"/>
                </a:lnTo>
                <a:lnTo>
                  <a:pt x="6995" y="4389"/>
                </a:lnTo>
                <a:lnTo>
                  <a:pt x="6443" y="4389"/>
                </a:lnTo>
                <a:lnTo>
                  <a:pt x="6259" y="4974"/>
                </a:lnTo>
                <a:lnTo>
                  <a:pt x="6811" y="6144"/>
                </a:lnTo>
                <a:lnTo>
                  <a:pt x="7548" y="6144"/>
                </a:lnTo>
                <a:lnTo>
                  <a:pt x="8100" y="6437"/>
                </a:lnTo>
                <a:lnTo>
                  <a:pt x="9020" y="6144"/>
                </a:lnTo>
                <a:lnTo>
                  <a:pt x="9941" y="5851"/>
                </a:lnTo>
                <a:lnTo>
                  <a:pt x="10493" y="6144"/>
                </a:lnTo>
                <a:lnTo>
                  <a:pt x="11229" y="6729"/>
                </a:lnTo>
                <a:lnTo>
                  <a:pt x="12150" y="6729"/>
                </a:lnTo>
                <a:lnTo>
                  <a:pt x="12702" y="5851"/>
                </a:lnTo>
                <a:lnTo>
                  <a:pt x="12518" y="5559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35" name="d14321"/>
          <xdr:cNvSpPr>
            <a:spLocks/>
          </xdr:cNvSpPr>
        </xdr:nvSpPr>
        <xdr:spPr bwMode="auto">
          <a:xfrm>
            <a:off x="5710918" y="4305300"/>
            <a:ext cx="412296" cy="700768"/>
          </a:xfrm>
          <a:custGeom>
            <a:avLst/>
            <a:gdLst>
              <a:gd name="T0" fmla="*/ 2147483646 w 43"/>
              <a:gd name="T1" fmla="*/ 2147483646 h 75"/>
              <a:gd name="T2" fmla="*/ 2147483646 w 43"/>
              <a:gd name="T3" fmla="*/ 2147483646 h 75"/>
              <a:gd name="T4" fmla="*/ 2147483646 w 43"/>
              <a:gd name="T5" fmla="*/ 2147483646 h 75"/>
              <a:gd name="T6" fmla="*/ 2147483646 w 43"/>
              <a:gd name="T7" fmla="*/ 2147483646 h 75"/>
              <a:gd name="T8" fmla="*/ 2147483646 w 43"/>
              <a:gd name="T9" fmla="*/ 0 h 75"/>
              <a:gd name="T10" fmla="*/ 2147483646 w 43"/>
              <a:gd name="T11" fmla="*/ 2147483646 h 75"/>
              <a:gd name="T12" fmla="*/ 2147483646 w 43"/>
              <a:gd name="T13" fmla="*/ 2147483646 h 75"/>
              <a:gd name="T14" fmla="*/ 2147483646 w 43"/>
              <a:gd name="T15" fmla="*/ 2147483646 h 75"/>
              <a:gd name="T16" fmla="*/ 2147483646 w 43"/>
              <a:gd name="T17" fmla="*/ 2147483646 h 75"/>
              <a:gd name="T18" fmla="*/ 2147483646 w 43"/>
              <a:gd name="T19" fmla="*/ 2147483646 h 75"/>
              <a:gd name="T20" fmla="*/ 2147483646 w 43"/>
              <a:gd name="T21" fmla="*/ 2147483646 h 75"/>
              <a:gd name="T22" fmla="*/ 2147483646 w 43"/>
              <a:gd name="T23" fmla="*/ 2147483646 h 75"/>
              <a:gd name="T24" fmla="*/ 2147483646 w 43"/>
              <a:gd name="T25" fmla="*/ 2147483646 h 75"/>
              <a:gd name="T26" fmla="*/ 2147483646 w 43"/>
              <a:gd name="T27" fmla="*/ 2147483646 h 75"/>
              <a:gd name="T28" fmla="*/ 2147483646 w 43"/>
              <a:gd name="T29" fmla="*/ 2147483646 h 75"/>
              <a:gd name="T30" fmla="*/ 2147483646 w 43"/>
              <a:gd name="T31" fmla="*/ 2147483646 h 75"/>
              <a:gd name="T32" fmla="*/ 2147483646 w 43"/>
              <a:gd name="T33" fmla="*/ 2147483646 h 75"/>
              <a:gd name="T34" fmla="*/ 2147483646 w 43"/>
              <a:gd name="T35" fmla="*/ 2147483646 h 75"/>
              <a:gd name="T36" fmla="*/ 2147483646 w 43"/>
              <a:gd name="T37" fmla="*/ 2147483646 h 75"/>
              <a:gd name="T38" fmla="*/ 2147483646 w 43"/>
              <a:gd name="T39" fmla="*/ 2147483646 h 75"/>
              <a:gd name="T40" fmla="*/ 2147483646 w 43"/>
              <a:gd name="T41" fmla="*/ 2147483646 h 75"/>
              <a:gd name="T42" fmla="*/ 2147483646 w 43"/>
              <a:gd name="T43" fmla="*/ 2147483646 h 75"/>
              <a:gd name="T44" fmla="*/ 2147483646 w 43"/>
              <a:gd name="T45" fmla="*/ 2147483646 h 75"/>
              <a:gd name="T46" fmla="*/ 2147483646 w 43"/>
              <a:gd name="T47" fmla="*/ 2147483646 h 75"/>
              <a:gd name="T48" fmla="*/ 2147483646 w 43"/>
              <a:gd name="T49" fmla="*/ 2147483646 h 75"/>
              <a:gd name="T50" fmla="*/ 2147483646 w 43"/>
              <a:gd name="T51" fmla="*/ 2147483646 h 75"/>
              <a:gd name="T52" fmla="*/ 2147483646 w 43"/>
              <a:gd name="T53" fmla="*/ 2147483646 h 75"/>
              <a:gd name="T54" fmla="*/ 2147483646 w 43"/>
              <a:gd name="T55" fmla="*/ 2147483646 h 75"/>
              <a:gd name="T56" fmla="*/ 2147483646 w 43"/>
              <a:gd name="T57" fmla="*/ 2147483646 h 75"/>
              <a:gd name="T58" fmla="*/ 0 w 43"/>
              <a:gd name="T59" fmla="*/ 2147483646 h 75"/>
              <a:gd name="T60" fmla="*/ 2147483646 w 43"/>
              <a:gd name="T61" fmla="*/ 2147483646 h 75"/>
              <a:gd name="T62" fmla="*/ 2147483646 w 43"/>
              <a:gd name="T63" fmla="*/ 2147483646 h 75"/>
              <a:gd name="T64" fmla="*/ 2147483646 w 43"/>
              <a:gd name="T65" fmla="*/ 2147483646 h 75"/>
              <a:gd name="T66" fmla="*/ 2147483646 w 43"/>
              <a:gd name="T67" fmla="*/ 2147483646 h 75"/>
              <a:gd name="T68" fmla="*/ 2147483646 w 43"/>
              <a:gd name="T69" fmla="*/ 2147483646 h 75"/>
              <a:gd name="T70" fmla="*/ 2147483646 w 43"/>
              <a:gd name="T71" fmla="*/ 2147483646 h 75"/>
              <a:gd name="T72" fmla="*/ 2147483646 w 43"/>
              <a:gd name="T73" fmla="*/ 2147483646 h 75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43"/>
              <a:gd name="T112" fmla="*/ 0 h 75"/>
              <a:gd name="T113" fmla="*/ 43 w 43"/>
              <a:gd name="T114" fmla="*/ 75 h 75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43" h="75">
                <a:moveTo>
                  <a:pt x="6" y="10"/>
                </a:moveTo>
                <a:lnTo>
                  <a:pt x="5" y="5"/>
                </a:lnTo>
                <a:lnTo>
                  <a:pt x="3" y="1"/>
                </a:lnTo>
                <a:lnTo>
                  <a:pt x="8" y="1"/>
                </a:lnTo>
                <a:lnTo>
                  <a:pt x="15" y="0"/>
                </a:lnTo>
                <a:lnTo>
                  <a:pt x="20" y="2"/>
                </a:lnTo>
                <a:lnTo>
                  <a:pt x="26" y="1"/>
                </a:lnTo>
                <a:lnTo>
                  <a:pt x="32" y="1"/>
                </a:lnTo>
                <a:lnTo>
                  <a:pt x="30" y="5"/>
                </a:lnTo>
                <a:lnTo>
                  <a:pt x="34" y="7"/>
                </a:lnTo>
                <a:lnTo>
                  <a:pt x="32" y="15"/>
                </a:lnTo>
                <a:lnTo>
                  <a:pt x="38" y="16"/>
                </a:lnTo>
                <a:lnTo>
                  <a:pt x="37" y="25"/>
                </a:lnTo>
                <a:lnTo>
                  <a:pt x="41" y="32"/>
                </a:lnTo>
                <a:lnTo>
                  <a:pt x="43" y="34"/>
                </a:lnTo>
                <a:lnTo>
                  <a:pt x="42" y="40"/>
                </a:lnTo>
                <a:lnTo>
                  <a:pt x="39" y="46"/>
                </a:lnTo>
                <a:lnTo>
                  <a:pt x="36" y="50"/>
                </a:lnTo>
                <a:lnTo>
                  <a:pt x="30" y="54"/>
                </a:lnTo>
                <a:lnTo>
                  <a:pt x="30" y="58"/>
                </a:lnTo>
                <a:lnTo>
                  <a:pt x="33" y="62"/>
                </a:lnTo>
                <a:lnTo>
                  <a:pt x="33" y="66"/>
                </a:lnTo>
                <a:lnTo>
                  <a:pt x="30" y="72"/>
                </a:lnTo>
                <a:lnTo>
                  <a:pt x="17" y="73"/>
                </a:lnTo>
                <a:lnTo>
                  <a:pt x="7" y="74"/>
                </a:lnTo>
                <a:lnTo>
                  <a:pt x="1" y="75"/>
                </a:lnTo>
                <a:lnTo>
                  <a:pt x="2" y="67"/>
                </a:lnTo>
                <a:lnTo>
                  <a:pt x="4" y="65"/>
                </a:lnTo>
                <a:lnTo>
                  <a:pt x="3" y="61"/>
                </a:lnTo>
                <a:lnTo>
                  <a:pt x="0" y="54"/>
                </a:lnTo>
                <a:lnTo>
                  <a:pt x="1" y="51"/>
                </a:lnTo>
                <a:lnTo>
                  <a:pt x="4" y="43"/>
                </a:lnTo>
                <a:lnTo>
                  <a:pt x="4" y="35"/>
                </a:lnTo>
                <a:lnTo>
                  <a:pt x="7" y="28"/>
                </a:lnTo>
                <a:lnTo>
                  <a:pt x="7" y="21"/>
                </a:lnTo>
                <a:lnTo>
                  <a:pt x="7" y="15"/>
                </a:lnTo>
                <a:lnTo>
                  <a:pt x="6" y="1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36" name="d14341"/>
          <xdr:cNvSpPr>
            <a:spLocks/>
          </xdr:cNvSpPr>
        </xdr:nvSpPr>
        <xdr:spPr bwMode="auto">
          <a:xfrm>
            <a:off x="4352925" y="5203371"/>
            <a:ext cx="955221" cy="493940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0 h 16384"/>
              <a:gd name="T6" fmla="*/ 2147483646 w 16384"/>
              <a:gd name="T7" fmla="*/ 2147483646 h 16384"/>
              <a:gd name="T8" fmla="*/ 2147483646 w 16384"/>
              <a:gd name="T9" fmla="*/ 0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0 w 16384"/>
              <a:gd name="T73" fmla="*/ 2147483646 h 16384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16384"/>
              <a:gd name="T112" fmla="*/ 0 h 16384"/>
              <a:gd name="T113" fmla="*/ 16384 w 16384"/>
              <a:gd name="T114" fmla="*/ 16384 h 16384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16384" h="16384">
                <a:moveTo>
                  <a:pt x="0" y="2473"/>
                </a:moveTo>
                <a:lnTo>
                  <a:pt x="1147" y="2164"/>
                </a:lnTo>
                <a:lnTo>
                  <a:pt x="2130" y="0"/>
                </a:lnTo>
                <a:lnTo>
                  <a:pt x="3113" y="618"/>
                </a:lnTo>
                <a:lnTo>
                  <a:pt x="4424" y="0"/>
                </a:lnTo>
                <a:lnTo>
                  <a:pt x="5079" y="927"/>
                </a:lnTo>
                <a:lnTo>
                  <a:pt x="6062" y="618"/>
                </a:lnTo>
                <a:lnTo>
                  <a:pt x="6390" y="1546"/>
                </a:lnTo>
                <a:lnTo>
                  <a:pt x="8520" y="1546"/>
                </a:lnTo>
                <a:lnTo>
                  <a:pt x="8847" y="2473"/>
                </a:lnTo>
                <a:lnTo>
                  <a:pt x="8520" y="4019"/>
                </a:lnTo>
                <a:lnTo>
                  <a:pt x="9011" y="4019"/>
                </a:lnTo>
                <a:lnTo>
                  <a:pt x="9503" y="5564"/>
                </a:lnTo>
                <a:lnTo>
                  <a:pt x="10486" y="6183"/>
                </a:lnTo>
                <a:lnTo>
                  <a:pt x="10486" y="6801"/>
                </a:lnTo>
                <a:lnTo>
                  <a:pt x="11960" y="6492"/>
                </a:lnTo>
                <a:lnTo>
                  <a:pt x="12943" y="4946"/>
                </a:lnTo>
                <a:lnTo>
                  <a:pt x="14090" y="4019"/>
                </a:lnTo>
                <a:lnTo>
                  <a:pt x="14418" y="2782"/>
                </a:lnTo>
                <a:lnTo>
                  <a:pt x="14909" y="4019"/>
                </a:lnTo>
                <a:lnTo>
                  <a:pt x="16056" y="4019"/>
                </a:lnTo>
                <a:lnTo>
                  <a:pt x="16384" y="5255"/>
                </a:lnTo>
                <a:lnTo>
                  <a:pt x="15729" y="6183"/>
                </a:lnTo>
                <a:lnTo>
                  <a:pt x="15237" y="6492"/>
                </a:lnTo>
                <a:lnTo>
                  <a:pt x="14909" y="8965"/>
                </a:lnTo>
                <a:lnTo>
                  <a:pt x="15729" y="10201"/>
                </a:lnTo>
                <a:lnTo>
                  <a:pt x="13271" y="11438"/>
                </a:lnTo>
                <a:lnTo>
                  <a:pt x="12780" y="12674"/>
                </a:lnTo>
                <a:lnTo>
                  <a:pt x="9994" y="13911"/>
                </a:lnTo>
                <a:lnTo>
                  <a:pt x="3277" y="16384"/>
                </a:lnTo>
                <a:lnTo>
                  <a:pt x="3277" y="14529"/>
                </a:lnTo>
                <a:lnTo>
                  <a:pt x="2785" y="12674"/>
                </a:lnTo>
                <a:lnTo>
                  <a:pt x="2785" y="11129"/>
                </a:lnTo>
                <a:lnTo>
                  <a:pt x="2458" y="8656"/>
                </a:lnTo>
                <a:lnTo>
                  <a:pt x="1311" y="8656"/>
                </a:lnTo>
                <a:lnTo>
                  <a:pt x="819" y="5874"/>
                </a:lnTo>
                <a:lnTo>
                  <a:pt x="0" y="247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37" name="d14342"/>
          <xdr:cNvSpPr>
            <a:spLocks/>
          </xdr:cNvSpPr>
        </xdr:nvSpPr>
        <xdr:spPr bwMode="auto">
          <a:xfrm>
            <a:off x="4140654" y="5267325"/>
            <a:ext cx="402771" cy="570139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0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0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0 60000 65536"/>
              <a:gd name="T63" fmla="*/ 0 60000 65536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w 16384"/>
              <a:gd name="T94" fmla="*/ 0 h 16384"/>
              <a:gd name="T95" fmla="*/ 16384 w 16384"/>
              <a:gd name="T96" fmla="*/ 16384 h 16384"/>
            </a:gdLst>
            <a:ahLst/>
            <a:cxnLst>
              <a:cxn ang="T62">
                <a:pos x="T0" y="T1"/>
              </a:cxn>
              <a:cxn ang="T63">
                <a:pos x="T2" y="T3"/>
              </a:cxn>
              <a:cxn ang="T64">
                <a:pos x="T4" y="T5"/>
              </a:cxn>
              <a:cxn ang="T65">
                <a:pos x="T6" y="T7"/>
              </a:cxn>
              <a:cxn ang="T66">
                <a:pos x="T8" y="T9"/>
              </a:cxn>
              <a:cxn ang="T67">
                <a:pos x="T10" y="T11"/>
              </a:cxn>
              <a:cxn ang="T68">
                <a:pos x="T12" y="T13"/>
              </a:cxn>
              <a:cxn ang="T69">
                <a:pos x="T14" y="T15"/>
              </a:cxn>
              <a:cxn ang="T70">
                <a:pos x="T16" y="T17"/>
              </a:cxn>
              <a:cxn ang="T71">
                <a:pos x="T18" y="T19"/>
              </a:cxn>
              <a:cxn ang="T72">
                <a:pos x="T20" y="T21"/>
              </a:cxn>
              <a:cxn ang="T73">
                <a:pos x="T22" y="T23"/>
              </a:cxn>
              <a:cxn ang="T74">
                <a:pos x="T24" y="T25"/>
              </a:cxn>
              <a:cxn ang="T75">
                <a:pos x="T26" y="T27"/>
              </a:cxn>
              <a:cxn ang="T76">
                <a:pos x="T28" y="T29"/>
              </a:cxn>
              <a:cxn ang="T77">
                <a:pos x="T30" y="T31"/>
              </a:cxn>
              <a:cxn ang="T78">
                <a:pos x="T32" y="T33"/>
              </a:cxn>
              <a:cxn ang="T79">
                <a:pos x="T34" y="T35"/>
              </a:cxn>
              <a:cxn ang="T80">
                <a:pos x="T36" y="T37"/>
              </a:cxn>
              <a:cxn ang="T81">
                <a:pos x="T38" y="T39"/>
              </a:cxn>
              <a:cxn ang="T82">
                <a:pos x="T40" y="T41"/>
              </a:cxn>
              <a:cxn ang="T83">
                <a:pos x="T42" y="T43"/>
              </a:cxn>
              <a:cxn ang="T84">
                <a:pos x="T44" y="T45"/>
              </a:cxn>
              <a:cxn ang="T85">
                <a:pos x="T46" y="T47"/>
              </a:cxn>
              <a:cxn ang="T86">
                <a:pos x="T48" y="T49"/>
              </a:cxn>
              <a:cxn ang="T87">
                <a:pos x="T50" y="T51"/>
              </a:cxn>
              <a:cxn ang="T88">
                <a:pos x="T52" y="T53"/>
              </a:cxn>
              <a:cxn ang="T89">
                <a:pos x="T54" y="T55"/>
              </a:cxn>
              <a:cxn ang="T90">
                <a:pos x="T56" y="T57"/>
              </a:cxn>
              <a:cxn ang="T91">
                <a:pos x="T58" y="T59"/>
              </a:cxn>
              <a:cxn ang="T92">
                <a:pos x="T60" y="T61"/>
              </a:cxn>
            </a:cxnLst>
            <a:rect l="T93" t="T94" r="T95" b="T96"/>
            <a:pathLst>
              <a:path w="16384" h="16384">
                <a:moveTo>
                  <a:pt x="8582" y="269"/>
                </a:moveTo>
                <a:lnTo>
                  <a:pt x="10533" y="3223"/>
                </a:lnTo>
                <a:lnTo>
                  <a:pt x="11703" y="5640"/>
                </a:lnTo>
                <a:lnTo>
                  <a:pt x="14434" y="5640"/>
                </a:lnTo>
                <a:lnTo>
                  <a:pt x="15214" y="7789"/>
                </a:lnTo>
                <a:lnTo>
                  <a:pt x="15214" y="9132"/>
                </a:lnTo>
                <a:lnTo>
                  <a:pt x="16384" y="10744"/>
                </a:lnTo>
                <a:lnTo>
                  <a:pt x="16384" y="12355"/>
                </a:lnTo>
                <a:lnTo>
                  <a:pt x="13653" y="12892"/>
                </a:lnTo>
                <a:lnTo>
                  <a:pt x="9752" y="13967"/>
                </a:lnTo>
                <a:lnTo>
                  <a:pt x="5461" y="15310"/>
                </a:lnTo>
                <a:lnTo>
                  <a:pt x="1560" y="16384"/>
                </a:lnTo>
                <a:lnTo>
                  <a:pt x="780" y="15041"/>
                </a:lnTo>
                <a:lnTo>
                  <a:pt x="1170" y="13698"/>
                </a:lnTo>
                <a:lnTo>
                  <a:pt x="1950" y="13161"/>
                </a:lnTo>
                <a:lnTo>
                  <a:pt x="1950" y="12624"/>
                </a:lnTo>
                <a:lnTo>
                  <a:pt x="1170" y="12355"/>
                </a:lnTo>
                <a:lnTo>
                  <a:pt x="1950" y="11549"/>
                </a:lnTo>
                <a:lnTo>
                  <a:pt x="2341" y="10206"/>
                </a:lnTo>
                <a:lnTo>
                  <a:pt x="2341" y="9401"/>
                </a:lnTo>
                <a:lnTo>
                  <a:pt x="1950" y="8595"/>
                </a:lnTo>
                <a:lnTo>
                  <a:pt x="1950" y="7521"/>
                </a:lnTo>
                <a:lnTo>
                  <a:pt x="2731" y="5640"/>
                </a:lnTo>
                <a:lnTo>
                  <a:pt x="1170" y="5103"/>
                </a:lnTo>
                <a:lnTo>
                  <a:pt x="390" y="4566"/>
                </a:lnTo>
                <a:lnTo>
                  <a:pt x="0" y="3492"/>
                </a:lnTo>
                <a:lnTo>
                  <a:pt x="1560" y="3760"/>
                </a:lnTo>
                <a:lnTo>
                  <a:pt x="4291" y="1343"/>
                </a:lnTo>
                <a:lnTo>
                  <a:pt x="7412" y="0"/>
                </a:lnTo>
                <a:lnTo>
                  <a:pt x="7802" y="269"/>
                </a:lnTo>
                <a:lnTo>
                  <a:pt x="8582" y="269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38" name="d14361"/>
          <xdr:cNvSpPr>
            <a:spLocks/>
          </xdr:cNvSpPr>
        </xdr:nvSpPr>
        <xdr:spPr bwMode="auto">
          <a:xfrm>
            <a:off x="3604532" y="4827814"/>
            <a:ext cx="767443" cy="70349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0 w 16384"/>
              <a:gd name="T69" fmla="*/ 2147483646 h 16384"/>
              <a:gd name="T70" fmla="*/ 0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0 h 16384"/>
              <a:gd name="T82" fmla="*/ 2147483646 w 16384"/>
              <a:gd name="T83" fmla="*/ 0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6384"/>
              <a:gd name="T160" fmla="*/ 0 h 16384"/>
              <a:gd name="T161" fmla="*/ 16384 w 16384"/>
              <a:gd name="T162" fmla="*/ 16384 h 16384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6384" h="16384">
                <a:moveTo>
                  <a:pt x="16384" y="2403"/>
                </a:moveTo>
                <a:lnTo>
                  <a:pt x="14541" y="2840"/>
                </a:lnTo>
                <a:lnTo>
                  <a:pt x="13312" y="3932"/>
                </a:lnTo>
                <a:lnTo>
                  <a:pt x="13312" y="7646"/>
                </a:lnTo>
                <a:lnTo>
                  <a:pt x="14746" y="8738"/>
                </a:lnTo>
                <a:lnTo>
                  <a:pt x="15360" y="10267"/>
                </a:lnTo>
                <a:lnTo>
                  <a:pt x="13722" y="11360"/>
                </a:lnTo>
                <a:lnTo>
                  <a:pt x="12288" y="13326"/>
                </a:lnTo>
                <a:lnTo>
                  <a:pt x="11469" y="13107"/>
                </a:lnTo>
                <a:lnTo>
                  <a:pt x="11059" y="13544"/>
                </a:lnTo>
                <a:lnTo>
                  <a:pt x="10035" y="14418"/>
                </a:lnTo>
                <a:lnTo>
                  <a:pt x="8806" y="14418"/>
                </a:lnTo>
                <a:lnTo>
                  <a:pt x="7168" y="13763"/>
                </a:lnTo>
                <a:lnTo>
                  <a:pt x="6144" y="15073"/>
                </a:lnTo>
                <a:lnTo>
                  <a:pt x="5325" y="15729"/>
                </a:lnTo>
                <a:lnTo>
                  <a:pt x="4096" y="16384"/>
                </a:lnTo>
                <a:lnTo>
                  <a:pt x="4096" y="15510"/>
                </a:lnTo>
                <a:lnTo>
                  <a:pt x="3482" y="14636"/>
                </a:lnTo>
                <a:lnTo>
                  <a:pt x="3072" y="14636"/>
                </a:lnTo>
                <a:lnTo>
                  <a:pt x="1843" y="13763"/>
                </a:lnTo>
                <a:lnTo>
                  <a:pt x="1024" y="13107"/>
                </a:lnTo>
                <a:lnTo>
                  <a:pt x="410" y="12233"/>
                </a:lnTo>
                <a:lnTo>
                  <a:pt x="1024" y="11578"/>
                </a:lnTo>
                <a:lnTo>
                  <a:pt x="1434" y="10923"/>
                </a:lnTo>
                <a:lnTo>
                  <a:pt x="2048" y="10267"/>
                </a:lnTo>
                <a:lnTo>
                  <a:pt x="1638" y="9830"/>
                </a:lnTo>
                <a:lnTo>
                  <a:pt x="1638" y="9175"/>
                </a:lnTo>
                <a:lnTo>
                  <a:pt x="1229" y="8301"/>
                </a:lnTo>
                <a:lnTo>
                  <a:pt x="819" y="8738"/>
                </a:lnTo>
                <a:lnTo>
                  <a:pt x="614" y="8520"/>
                </a:lnTo>
                <a:lnTo>
                  <a:pt x="1229" y="7427"/>
                </a:lnTo>
                <a:lnTo>
                  <a:pt x="1434" y="6335"/>
                </a:lnTo>
                <a:lnTo>
                  <a:pt x="1024" y="5461"/>
                </a:lnTo>
                <a:lnTo>
                  <a:pt x="410" y="4806"/>
                </a:lnTo>
                <a:lnTo>
                  <a:pt x="0" y="3932"/>
                </a:lnTo>
                <a:lnTo>
                  <a:pt x="0" y="3277"/>
                </a:lnTo>
                <a:lnTo>
                  <a:pt x="1843" y="1966"/>
                </a:lnTo>
                <a:lnTo>
                  <a:pt x="3277" y="2185"/>
                </a:lnTo>
                <a:lnTo>
                  <a:pt x="3686" y="874"/>
                </a:lnTo>
                <a:lnTo>
                  <a:pt x="4506" y="874"/>
                </a:lnTo>
                <a:lnTo>
                  <a:pt x="4915" y="0"/>
                </a:lnTo>
                <a:lnTo>
                  <a:pt x="5530" y="0"/>
                </a:lnTo>
                <a:lnTo>
                  <a:pt x="5734" y="437"/>
                </a:lnTo>
                <a:lnTo>
                  <a:pt x="6554" y="655"/>
                </a:lnTo>
                <a:lnTo>
                  <a:pt x="6554" y="1311"/>
                </a:lnTo>
                <a:lnTo>
                  <a:pt x="6758" y="1529"/>
                </a:lnTo>
                <a:lnTo>
                  <a:pt x="6758" y="1748"/>
                </a:lnTo>
                <a:lnTo>
                  <a:pt x="7782" y="3058"/>
                </a:lnTo>
                <a:lnTo>
                  <a:pt x="9216" y="2403"/>
                </a:lnTo>
                <a:lnTo>
                  <a:pt x="11059" y="2621"/>
                </a:lnTo>
                <a:lnTo>
                  <a:pt x="12902" y="3058"/>
                </a:lnTo>
                <a:lnTo>
                  <a:pt x="14336" y="2185"/>
                </a:lnTo>
                <a:lnTo>
                  <a:pt x="16384" y="2403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39" name="d14362"/>
          <xdr:cNvSpPr>
            <a:spLocks/>
          </xdr:cNvSpPr>
        </xdr:nvSpPr>
        <xdr:spPr bwMode="auto">
          <a:xfrm>
            <a:off x="3020786" y="4875439"/>
            <a:ext cx="681718" cy="60824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0 w 16384"/>
              <a:gd name="T39" fmla="*/ 2147483646 h 16384"/>
              <a:gd name="T40" fmla="*/ 0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0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w 16384"/>
              <a:gd name="T157" fmla="*/ 0 h 16384"/>
              <a:gd name="T158" fmla="*/ 16384 w 16384"/>
              <a:gd name="T159" fmla="*/ 16384 h 16384"/>
            </a:gdLst>
            <a:ahLst/>
            <a:cxnLst>
              <a:cxn ang="T104">
                <a:pos x="T0" y="T1"/>
              </a:cxn>
              <a:cxn ang="T105">
                <a:pos x="T2" y="T3"/>
              </a:cxn>
              <a:cxn ang="T106">
                <a:pos x="T4" y="T5"/>
              </a:cxn>
              <a:cxn ang="T107">
                <a:pos x="T6" y="T7"/>
              </a:cxn>
              <a:cxn ang="T108">
                <a:pos x="T8" y="T9"/>
              </a:cxn>
              <a:cxn ang="T109">
                <a:pos x="T10" y="T11"/>
              </a:cxn>
              <a:cxn ang="T110">
                <a:pos x="T12" y="T13"/>
              </a:cxn>
              <a:cxn ang="T111">
                <a:pos x="T14" y="T15"/>
              </a:cxn>
              <a:cxn ang="T112">
                <a:pos x="T16" y="T17"/>
              </a:cxn>
              <a:cxn ang="T113">
                <a:pos x="T18" y="T19"/>
              </a:cxn>
              <a:cxn ang="T114">
                <a:pos x="T20" y="T21"/>
              </a:cxn>
              <a:cxn ang="T115">
                <a:pos x="T22" y="T23"/>
              </a:cxn>
              <a:cxn ang="T116">
                <a:pos x="T24" y="T25"/>
              </a:cxn>
              <a:cxn ang="T117">
                <a:pos x="T26" y="T27"/>
              </a:cxn>
              <a:cxn ang="T118">
                <a:pos x="T28" y="T29"/>
              </a:cxn>
              <a:cxn ang="T119">
                <a:pos x="T30" y="T31"/>
              </a:cxn>
              <a:cxn ang="T120">
                <a:pos x="T32" y="T33"/>
              </a:cxn>
              <a:cxn ang="T121">
                <a:pos x="T34" y="T35"/>
              </a:cxn>
              <a:cxn ang="T122">
                <a:pos x="T36" y="T37"/>
              </a:cxn>
              <a:cxn ang="T123">
                <a:pos x="T38" y="T39"/>
              </a:cxn>
              <a:cxn ang="T124">
                <a:pos x="T40" y="T41"/>
              </a:cxn>
              <a:cxn ang="T125">
                <a:pos x="T42" y="T43"/>
              </a:cxn>
              <a:cxn ang="T126">
                <a:pos x="T44" y="T45"/>
              </a:cxn>
              <a:cxn ang="T127">
                <a:pos x="T46" y="T47"/>
              </a:cxn>
              <a:cxn ang="T128">
                <a:pos x="T48" y="T49"/>
              </a:cxn>
              <a:cxn ang="T129">
                <a:pos x="T50" y="T51"/>
              </a:cxn>
              <a:cxn ang="T130">
                <a:pos x="T52" y="T53"/>
              </a:cxn>
              <a:cxn ang="T131">
                <a:pos x="T54" y="T55"/>
              </a:cxn>
              <a:cxn ang="T132">
                <a:pos x="T56" y="T57"/>
              </a:cxn>
              <a:cxn ang="T133">
                <a:pos x="T58" y="T59"/>
              </a:cxn>
              <a:cxn ang="T134">
                <a:pos x="T60" y="T61"/>
              </a:cxn>
              <a:cxn ang="T135">
                <a:pos x="T62" y="T63"/>
              </a:cxn>
              <a:cxn ang="T136">
                <a:pos x="T64" y="T65"/>
              </a:cxn>
              <a:cxn ang="T137">
                <a:pos x="T66" y="T67"/>
              </a:cxn>
              <a:cxn ang="T138">
                <a:pos x="T68" y="T69"/>
              </a:cxn>
              <a:cxn ang="T139">
                <a:pos x="T70" y="T71"/>
              </a:cxn>
              <a:cxn ang="T140">
                <a:pos x="T72" y="T73"/>
              </a:cxn>
              <a:cxn ang="T141">
                <a:pos x="T74" y="T75"/>
              </a:cxn>
              <a:cxn ang="T142">
                <a:pos x="T76" y="T77"/>
              </a:cxn>
              <a:cxn ang="T143">
                <a:pos x="T78" y="T79"/>
              </a:cxn>
              <a:cxn ang="T144">
                <a:pos x="T80" y="T81"/>
              </a:cxn>
              <a:cxn ang="T145">
                <a:pos x="T82" y="T83"/>
              </a:cxn>
              <a:cxn ang="T146">
                <a:pos x="T84" y="T85"/>
              </a:cxn>
              <a:cxn ang="T147">
                <a:pos x="T86" y="T87"/>
              </a:cxn>
              <a:cxn ang="T148">
                <a:pos x="T88" y="T89"/>
              </a:cxn>
              <a:cxn ang="T149">
                <a:pos x="T90" y="T91"/>
              </a:cxn>
              <a:cxn ang="T150">
                <a:pos x="T92" y="T93"/>
              </a:cxn>
              <a:cxn ang="T151">
                <a:pos x="T94" y="T95"/>
              </a:cxn>
              <a:cxn ang="T152">
                <a:pos x="T96" y="T97"/>
              </a:cxn>
              <a:cxn ang="T153">
                <a:pos x="T98" y="T99"/>
              </a:cxn>
              <a:cxn ang="T154">
                <a:pos x="T100" y="T101"/>
              </a:cxn>
              <a:cxn ang="T155">
                <a:pos x="T102" y="T103"/>
              </a:cxn>
            </a:cxnLst>
            <a:rect l="T156" t="T157" r="T158" b="T159"/>
            <a:pathLst>
              <a:path w="16384" h="16384">
                <a:moveTo>
                  <a:pt x="14538" y="12855"/>
                </a:moveTo>
                <a:lnTo>
                  <a:pt x="13384" y="11091"/>
                </a:lnTo>
                <a:lnTo>
                  <a:pt x="13153" y="10587"/>
                </a:lnTo>
                <a:lnTo>
                  <a:pt x="12692" y="10335"/>
                </a:lnTo>
                <a:lnTo>
                  <a:pt x="12230" y="10839"/>
                </a:lnTo>
                <a:lnTo>
                  <a:pt x="10384" y="11343"/>
                </a:lnTo>
                <a:lnTo>
                  <a:pt x="10153" y="11595"/>
                </a:lnTo>
                <a:lnTo>
                  <a:pt x="9923" y="12855"/>
                </a:lnTo>
                <a:lnTo>
                  <a:pt x="9230" y="13359"/>
                </a:lnTo>
                <a:lnTo>
                  <a:pt x="8769" y="14115"/>
                </a:lnTo>
                <a:lnTo>
                  <a:pt x="8307" y="15124"/>
                </a:lnTo>
                <a:lnTo>
                  <a:pt x="8077" y="14368"/>
                </a:lnTo>
                <a:lnTo>
                  <a:pt x="6923" y="15628"/>
                </a:lnTo>
                <a:lnTo>
                  <a:pt x="5769" y="16384"/>
                </a:lnTo>
                <a:lnTo>
                  <a:pt x="4154" y="16132"/>
                </a:lnTo>
                <a:lnTo>
                  <a:pt x="2077" y="12351"/>
                </a:lnTo>
                <a:lnTo>
                  <a:pt x="1846" y="11847"/>
                </a:lnTo>
                <a:lnTo>
                  <a:pt x="1154" y="10587"/>
                </a:lnTo>
                <a:lnTo>
                  <a:pt x="231" y="9578"/>
                </a:lnTo>
                <a:lnTo>
                  <a:pt x="0" y="8318"/>
                </a:lnTo>
                <a:lnTo>
                  <a:pt x="0" y="7058"/>
                </a:lnTo>
                <a:lnTo>
                  <a:pt x="1385" y="7562"/>
                </a:lnTo>
                <a:lnTo>
                  <a:pt x="2077" y="7310"/>
                </a:lnTo>
                <a:lnTo>
                  <a:pt x="2538" y="6302"/>
                </a:lnTo>
                <a:lnTo>
                  <a:pt x="3231" y="5797"/>
                </a:lnTo>
                <a:lnTo>
                  <a:pt x="4384" y="5293"/>
                </a:lnTo>
                <a:lnTo>
                  <a:pt x="5077" y="4537"/>
                </a:lnTo>
                <a:lnTo>
                  <a:pt x="6231" y="4789"/>
                </a:lnTo>
                <a:lnTo>
                  <a:pt x="6923" y="4033"/>
                </a:lnTo>
                <a:lnTo>
                  <a:pt x="7154" y="3025"/>
                </a:lnTo>
                <a:lnTo>
                  <a:pt x="7384" y="1764"/>
                </a:lnTo>
                <a:lnTo>
                  <a:pt x="7384" y="504"/>
                </a:lnTo>
                <a:lnTo>
                  <a:pt x="9000" y="0"/>
                </a:lnTo>
                <a:lnTo>
                  <a:pt x="9461" y="1008"/>
                </a:lnTo>
                <a:lnTo>
                  <a:pt x="10615" y="3529"/>
                </a:lnTo>
                <a:lnTo>
                  <a:pt x="11769" y="4537"/>
                </a:lnTo>
                <a:lnTo>
                  <a:pt x="13384" y="3025"/>
                </a:lnTo>
                <a:lnTo>
                  <a:pt x="14076" y="2521"/>
                </a:lnTo>
                <a:lnTo>
                  <a:pt x="14076" y="3277"/>
                </a:lnTo>
                <a:lnTo>
                  <a:pt x="14538" y="4285"/>
                </a:lnTo>
                <a:lnTo>
                  <a:pt x="15230" y="5041"/>
                </a:lnTo>
                <a:lnTo>
                  <a:pt x="15692" y="6049"/>
                </a:lnTo>
                <a:lnTo>
                  <a:pt x="15461" y="7310"/>
                </a:lnTo>
                <a:lnTo>
                  <a:pt x="14769" y="8570"/>
                </a:lnTo>
                <a:lnTo>
                  <a:pt x="14999" y="8822"/>
                </a:lnTo>
                <a:lnTo>
                  <a:pt x="15461" y="8318"/>
                </a:lnTo>
                <a:lnTo>
                  <a:pt x="15922" y="9326"/>
                </a:lnTo>
                <a:lnTo>
                  <a:pt x="15922" y="10082"/>
                </a:lnTo>
                <a:lnTo>
                  <a:pt x="16384" y="10587"/>
                </a:lnTo>
                <a:lnTo>
                  <a:pt x="15692" y="11343"/>
                </a:lnTo>
                <a:lnTo>
                  <a:pt x="15230" y="12099"/>
                </a:lnTo>
                <a:lnTo>
                  <a:pt x="14538" y="12855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40" name="d14363"/>
          <xdr:cNvSpPr>
            <a:spLocks/>
          </xdr:cNvSpPr>
        </xdr:nvSpPr>
        <xdr:spPr bwMode="auto">
          <a:xfrm>
            <a:off x="2611211" y="3687536"/>
            <a:ext cx="717096" cy="1468210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0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0 h 16384"/>
              <a:gd name="T82" fmla="*/ 2147483646 w 16384"/>
              <a:gd name="T83" fmla="*/ 2147483646 h 16384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w 16384"/>
              <a:gd name="T127" fmla="*/ 0 h 16384"/>
              <a:gd name="T128" fmla="*/ 16384 w 16384"/>
              <a:gd name="T129" fmla="*/ 16384 h 16384"/>
            </a:gdLst>
            <a:ahLst/>
            <a:cxnLst>
              <a:cxn ang="T84">
                <a:pos x="T0" y="T1"/>
              </a:cxn>
              <a:cxn ang="T85">
                <a:pos x="T2" y="T3"/>
              </a:cxn>
              <a:cxn ang="T86">
                <a:pos x="T4" y="T5"/>
              </a:cxn>
              <a:cxn ang="T87">
                <a:pos x="T6" y="T7"/>
              </a:cxn>
              <a:cxn ang="T88">
                <a:pos x="T8" y="T9"/>
              </a:cxn>
              <a:cxn ang="T89">
                <a:pos x="T10" y="T11"/>
              </a:cxn>
              <a:cxn ang="T90">
                <a:pos x="T12" y="T13"/>
              </a:cxn>
              <a:cxn ang="T91">
                <a:pos x="T14" y="T15"/>
              </a:cxn>
              <a:cxn ang="T92">
                <a:pos x="T16" y="T17"/>
              </a:cxn>
              <a:cxn ang="T93">
                <a:pos x="T18" y="T19"/>
              </a:cxn>
              <a:cxn ang="T94">
                <a:pos x="T20" y="T21"/>
              </a:cxn>
              <a:cxn ang="T95">
                <a:pos x="T22" y="T23"/>
              </a:cxn>
              <a:cxn ang="T96">
                <a:pos x="T24" y="T25"/>
              </a:cxn>
              <a:cxn ang="T97">
                <a:pos x="T26" y="T27"/>
              </a:cxn>
              <a:cxn ang="T98">
                <a:pos x="T28" y="T29"/>
              </a:cxn>
              <a:cxn ang="T99">
                <a:pos x="T30" y="T31"/>
              </a:cxn>
              <a:cxn ang="T100">
                <a:pos x="T32" y="T33"/>
              </a:cxn>
              <a:cxn ang="T101">
                <a:pos x="T34" y="T35"/>
              </a:cxn>
              <a:cxn ang="T102">
                <a:pos x="T36" y="T37"/>
              </a:cxn>
              <a:cxn ang="T103">
                <a:pos x="T38" y="T39"/>
              </a:cxn>
              <a:cxn ang="T104">
                <a:pos x="T40" y="T41"/>
              </a:cxn>
              <a:cxn ang="T105">
                <a:pos x="T42" y="T43"/>
              </a:cxn>
              <a:cxn ang="T106">
                <a:pos x="T44" y="T45"/>
              </a:cxn>
              <a:cxn ang="T107">
                <a:pos x="T46" y="T47"/>
              </a:cxn>
              <a:cxn ang="T108">
                <a:pos x="T48" y="T49"/>
              </a:cxn>
              <a:cxn ang="T109">
                <a:pos x="T50" y="T51"/>
              </a:cxn>
              <a:cxn ang="T110">
                <a:pos x="T52" y="T53"/>
              </a:cxn>
              <a:cxn ang="T111">
                <a:pos x="T54" y="T55"/>
              </a:cxn>
              <a:cxn ang="T112">
                <a:pos x="T56" y="T57"/>
              </a:cxn>
              <a:cxn ang="T113">
                <a:pos x="T58" y="T59"/>
              </a:cxn>
              <a:cxn ang="T114">
                <a:pos x="T60" y="T61"/>
              </a:cxn>
              <a:cxn ang="T115">
                <a:pos x="T62" y="T63"/>
              </a:cxn>
              <a:cxn ang="T116">
                <a:pos x="T64" y="T65"/>
              </a:cxn>
              <a:cxn ang="T117">
                <a:pos x="T66" y="T67"/>
              </a:cxn>
              <a:cxn ang="T118">
                <a:pos x="T68" y="T69"/>
              </a:cxn>
              <a:cxn ang="T119">
                <a:pos x="T70" y="T71"/>
              </a:cxn>
              <a:cxn ang="T120">
                <a:pos x="T72" y="T73"/>
              </a:cxn>
              <a:cxn ang="T121">
                <a:pos x="T74" y="T75"/>
              </a:cxn>
              <a:cxn ang="T122">
                <a:pos x="T76" y="T77"/>
              </a:cxn>
              <a:cxn ang="T123">
                <a:pos x="T78" y="T79"/>
              </a:cxn>
              <a:cxn ang="T124">
                <a:pos x="T80" y="T81"/>
              </a:cxn>
              <a:cxn ang="T125">
                <a:pos x="T82" y="T83"/>
              </a:cxn>
            </a:cxnLst>
            <a:rect l="T126" t="T127" r="T128" b="T129"/>
            <a:pathLst>
              <a:path w="16384" h="16384">
                <a:moveTo>
                  <a:pt x="11360" y="626"/>
                </a:moveTo>
                <a:lnTo>
                  <a:pt x="11578" y="1044"/>
                </a:lnTo>
                <a:lnTo>
                  <a:pt x="11360" y="1461"/>
                </a:lnTo>
                <a:lnTo>
                  <a:pt x="11796" y="2087"/>
                </a:lnTo>
                <a:lnTo>
                  <a:pt x="12452" y="2505"/>
                </a:lnTo>
                <a:lnTo>
                  <a:pt x="12233" y="3026"/>
                </a:lnTo>
                <a:lnTo>
                  <a:pt x="12670" y="3339"/>
                </a:lnTo>
                <a:lnTo>
                  <a:pt x="12889" y="3757"/>
                </a:lnTo>
                <a:lnTo>
                  <a:pt x="12670" y="4174"/>
                </a:lnTo>
                <a:lnTo>
                  <a:pt x="12889" y="4800"/>
                </a:lnTo>
                <a:lnTo>
                  <a:pt x="12670" y="5218"/>
                </a:lnTo>
                <a:lnTo>
                  <a:pt x="12452" y="5427"/>
                </a:lnTo>
                <a:lnTo>
                  <a:pt x="12233" y="5740"/>
                </a:lnTo>
                <a:lnTo>
                  <a:pt x="13326" y="6366"/>
                </a:lnTo>
                <a:lnTo>
                  <a:pt x="13107" y="6888"/>
                </a:lnTo>
                <a:lnTo>
                  <a:pt x="13544" y="7305"/>
                </a:lnTo>
                <a:lnTo>
                  <a:pt x="13763" y="7827"/>
                </a:lnTo>
                <a:lnTo>
                  <a:pt x="13544" y="8140"/>
                </a:lnTo>
                <a:lnTo>
                  <a:pt x="12670" y="8349"/>
                </a:lnTo>
                <a:lnTo>
                  <a:pt x="12233" y="8766"/>
                </a:lnTo>
                <a:lnTo>
                  <a:pt x="12015" y="9601"/>
                </a:lnTo>
                <a:lnTo>
                  <a:pt x="12015" y="10018"/>
                </a:lnTo>
                <a:lnTo>
                  <a:pt x="15292" y="12418"/>
                </a:lnTo>
                <a:lnTo>
                  <a:pt x="16384" y="13462"/>
                </a:lnTo>
                <a:lnTo>
                  <a:pt x="16384" y="13984"/>
                </a:lnTo>
                <a:lnTo>
                  <a:pt x="16166" y="14506"/>
                </a:lnTo>
                <a:lnTo>
                  <a:pt x="15947" y="14923"/>
                </a:lnTo>
                <a:lnTo>
                  <a:pt x="15292" y="15236"/>
                </a:lnTo>
                <a:lnTo>
                  <a:pt x="14199" y="15132"/>
                </a:lnTo>
                <a:lnTo>
                  <a:pt x="13544" y="15445"/>
                </a:lnTo>
                <a:lnTo>
                  <a:pt x="12452" y="15654"/>
                </a:lnTo>
                <a:lnTo>
                  <a:pt x="11796" y="15862"/>
                </a:lnTo>
                <a:lnTo>
                  <a:pt x="11360" y="16280"/>
                </a:lnTo>
                <a:lnTo>
                  <a:pt x="10704" y="16384"/>
                </a:lnTo>
                <a:lnTo>
                  <a:pt x="9393" y="16175"/>
                </a:lnTo>
                <a:lnTo>
                  <a:pt x="8738" y="15549"/>
                </a:lnTo>
                <a:lnTo>
                  <a:pt x="7864" y="15236"/>
                </a:lnTo>
                <a:lnTo>
                  <a:pt x="6554" y="14923"/>
                </a:lnTo>
                <a:lnTo>
                  <a:pt x="5680" y="14714"/>
                </a:lnTo>
                <a:lnTo>
                  <a:pt x="4588" y="14297"/>
                </a:lnTo>
                <a:lnTo>
                  <a:pt x="3714" y="14193"/>
                </a:lnTo>
                <a:lnTo>
                  <a:pt x="2840" y="14088"/>
                </a:lnTo>
                <a:lnTo>
                  <a:pt x="3277" y="13671"/>
                </a:lnTo>
                <a:lnTo>
                  <a:pt x="3714" y="13462"/>
                </a:lnTo>
                <a:lnTo>
                  <a:pt x="5024" y="13149"/>
                </a:lnTo>
                <a:lnTo>
                  <a:pt x="6117" y="12627"/>
                </a:lnTo>
                <a:lnTo>
                  <a:pt x="6554" y="12105"/>
                </a:lnTo>
                <a:lnTo>
                  <a:pt x="6335" y="11584"/>
                </a:lnTo>
                <a:lnTo>
                  <a:pt x="6335" y="10957"/>
                </a:lnTo>
                <a:lnTo>
                  <a:pt x="6554" y="10644"/>
                </a:lnTo>
                <a:lnTo>
                  <a:pt x="7646" y="10853"/>
                </a:lnTo>
                <a:lnTo>
                  <a:pt x="7646" y="10644"/>
                </a:lnTo>
                <a:lnTo>
                  <a:pt x="6117" y="10227"/>
                </a:lnTo>
                <a:lnTo>
                  <a:pt x="5898" y="9810"/>
                </a:lnTo>
                <a:lnTo>
                  <a:pt x="4369" y="9496"/>
                </a:lnTo>
                <a:lnTo>
                  <a:pt x="2403" y="9079"/>
                </a:lnTo>
                <a:lnTo>
                  <a:pt x="1092" y="8662"/>
                </a:lnTo>
                <a:lnTo>
                  <a:pt x="0" y="8244"/>
                </a:lnTo>
                <a:lnTo>
                  <a:pt x="218" y="7827"/>
                </a:lnTo>
                <a:lnTo>
                  <a:pt x="218" y="7409"/>
                </a:lnTo>
                <a:lnTo>
                  <a:pt x="437" y="6888"/>
                </a:lnTo>
                <a:lnTo>
                  <a:pt x="655" y="6366"/>
                </a:lnTo>
                <a:lnTo>
                  <a:pt x="655" y="5948"/>
                </a:lnTo>
                <a:lnTo>
                  <a:pt x="1311" y="5844"/>
                </a:lnTo>
                <a:lnTo>
                  <a:pt x="1748" y="5531"/>
                </a:lnTo>
                <a:lnTo>
                  <a:pt x="1748" y="5218"/>
                </a:lnTo>
                <a:lnTo>
                  <a:pt x="1311" y="4905"/>
                </a:lnTo>
                <a:lnTo>
                  <a:pt x="655" y="4487"/>
                </a:lnTo>
                <a:lnTo>
                  <a:pt x="874" y="4070"/>
                </a:lnTo>
                <a:lnTo>
                  <a:pt x="1748" y="3548"/>
                </a:lnTo>
                <a:lnTo>
                  <a:pt x="1748" y="3339"/>
                </a:lnTo>
                <a:lnTo>
                  <a:pt x="1966" y="2922"/>
                </a:lnTo>
                <a:lnTo>
                  <a:pt x="2621" y="2609"/>
                </a:lnTo>
                <a:lnTo>
                  <a:pt x="3495" y="2505"/>
                </a:lnTo>
                <a:lnTo>
                  <a:pt x="4369" y="2296"/>
                </a:lnTo>
                <a:lnTo>
                  <a:pt x="4588" y="1983"/>
                </a:lnTo>
                <a:lnTo>
                  <a:pt x="5024" y="1461"/>
                </a:lnTo>
                <a:lnTo>
                  <a:pt x="6554" y="1148"/>
                </a:lnTo>
                <a:lnTo>
                  <a:pt x="6991" y="939"/>
                </a:lnTo>
                <a:lnTo>
                  <a:pt x="7646" y="626"/>
                </a:lnTo>
                <a:lnTo>
                  <a:pt x="7646" y="209"/>
                </a:lnTo>
                <a:lnTo>
                  <a:pt x="8520" y="0"/>
                </a:lnTo>
                <a:lnTo>
                  <a:pt x="9175" y="313"/>
                </a:lnTo>
                <a:lnTo>
                  <a:pt x="11360" y="626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41" name="d14364"/>
          <xdr:cNvSpPr>
            <a:spLocks/>
          </xdr:cNvSpPr>
        </xdr:nvSpPr>
        <xdr:spPr bwMode="auto">
          <a:xfrm>
            <a:off x="495300" y="2798989"/>
            <a:ext cx="2890157" cy="2439761"/>
          </a:xfrm>
          <a:custGeom>
            <a:avLst/>
            <a:gdLst>
              <a:gd name="T0" fmla="*/ 2147483646 w 302"/>
              <a:gd name="T1" fmla="*/ 2147483646 h 261"/>
              <a:gd name="T2" fmla="*/ 2147483646 w 302"/>
              <a:gd name="T3" fmla="*/ 2147483646 h 261"/>
              <a:gd name="T4" fmla="*/ 2147483646 w 302"/>
              <a:gd name="T5" fmla="*/ 2147483646 h 261"/>
              <a:gd name="T6" fmla="*/ 2147483646 w 302"/>
              <a:gd name="T7" fmla="*/ 2147483646 h 261"/>
              <a:gd name="T8" fmla="*/ 2147483646 w 302"/>
              <a:gd name="T9" fmla="*/ 2147483646 h 261"/>
              <a:gd name="T10" fmla="*/ 2147483646 w 302"/>
              <a:gd name="T11" fmla="*/ 2147483646 h 261"/>
              <a:gd name="T12" fmla="*/ 2147483646 w 302"/>
              <a:gd name="T13" fmla="*/ 2147483646 h 261"/>
              <a:gd name="T14" fmla="*/ 2147483646 w 302"/>
              <a:gd name="T15" fmla="*/ 2147483646 h 261"/>
              <a:gd name="T16" fmla="*/ 2147483646 w 302"/>
              <a:gd name="T17" fmla="*/ 2147483646 h 261"/>
              <a:gd name="T18" fmla="*/ 2147483646 w 302"/>
              <a:gd name="T19" fmla="*/ 2147483646 h 261"/>
              <a:gd name="T20" fmla="*/ 2147483646 w 302"/>
              <a:gd name="T21" fmla="*/ 2147483646 h 261"/>
              <a:gd name="T22" fmla="*/ 2147483646 w 302"/>
              <a:gd name="T23" fmla="*/ 2147483646 h 261"/>
              <a:gd name="T24" fmla="*/ 2147483646 w 302"/>
              <a:gd name="T25" fmla="*/ 2147483646 h 261"/>
              <a:gd name="T26" fmla="*/ 2147483646 w 302"/>
              <a:gd name="T27" fmla="*/ 2147483646 h 261"/>
              <a:gd name="T28" fmla="*/ 2147483646 w 302"/>
              <a:gd name="T29" fmla="*/ 2147483646 h 261"/>
              <a:gd name="T30" fmla="*/ 2147483646 w 302"/>
              <a:gd name="T31" fmla="*/ 2147483646 h 261"/>
              <a:gd name="T32" fmla="*/ 2147483646 w 302"/>
              <a:gd name="T33" fmla="*/ 2147483646 h 261"/>
              <a:gd name="T34" fmla="*/ 2147483646 w 302"/>
              <a:gd name="T35" fmla="*/ 2147483646 h 261"/>
              <a:gd name="T36" fmla="*/ 2147483646 w 302"/>
              <a:gd name="T37" fmla="*/ 2147483646 h 261"/>
              <a:gd name="T38" fmla="*/ 2147483646 w 302"/>
              <a:gd name="T39" fmla="*/ 2147483646 h 261"/>
              <a:gd name="T40" fmla="*/ 2147483646 w 302"/>
              <a:gd name="T41" fmla="*/ 2147483646 h 261"/>
              <a:gd name="T42" fmla="*/ 2147483646 w 302"/>
              <a:gd name="T43" fmla="*/ 2147483646 h 261"/>
              <a:gd name="T44" fmla="*/ 2147483646 w 302"/>
              <a:gd name="T45" fmla="*/ 2147483646 h 261"/>
              <a:gd name="T46" fmla="*/ 2147483646 w 302"/>
              <a:gd name="T47" fmla="*/ 2147483646 h 261"/>
              <a:gd name="T48" fmla="*/ 2147483646 w 302"/>
              <a:gd name="T49" fmla="*/ 2147483646 h 261"/>
              <a:gd name="T50" fmla="*/ 2147483646 w 302"/>
              <a:gd name="T51" fmla="*/ 2147483646 h 261"/>
              <a:gd name="T52" fmla="*/ 2147483646 w 302"/>
              <a:gd name="T53" fmla="*/ 2147483646 h 261"/>
              <a:gd name="T54" fmla="*/ 2147483646 w 302"/>
              <a:gd name="T55" fmla="*/ 2147483646 h 261"/>
              <a:gd name="T56" fmla="*/ 2147483646 w 302"/>
              <a:gd name="T57" fmla="*/ 2147483646 h 261"/>
              <a:gd name="T58" fmla="*/ 2147483646 w 302"/>
              <a:gd name="T59" fmla="*/ 2147483646 h 261"/>
              <a:gd name="T60" fmla="*/ 2147483646 w 302"/>
              <a:gd name="T61" fmla="*/ 2147483646 h 261"/>
              <a:gd name="T62" fmla="*/ 2147483646 w 302"/>
              <a:gd name="T63" fmla="*/ 2147483646 h 261"/>
              <a:gd name="T64" fmla="*/ 2147483646 w 302"/>
              <a:gd name="T65" fmla="*/ 2147483646 h 261"/>
              <a:gd name="T66" fmla="*/ 2147483646 w 302"/>
              <a:gd name="T67" fmla="*/ 2147483646 h 261"/>
              <a:gd name="T68" fmla="*/ 2147483646 w 302"/>
              <a:gd name="T69" fmla="*/ 2147483646 h 261"/>
              <a:gd name="T70" fmla="*/ 2147483646 w 302"/>
              <a:gd name="T71" fmla="*/ 2147483646 h 261"/>
              <a:gd name="T72" fmla="*/ 2147483646 w 302"/>
              <a:gd name="T73" fmla="*/ 2147483646 h 261"/>
              <a:gd name="T74" fmla="*/ 2147483646 w 302"/>
              <a:gd name="T75" fmla="*/ 2147483646 h 261"/>
              <a:gd name="T76" fmla="*/ 2147483646 w 302"/>
              <a:gd name="T77" fmla="*/ 2147483646 h 261"/>
              <a:gd name="T78" fmla="*/ 2147483646 w 302"/>
              <a:gd name="T79" fmla="*/ 2147483646 h 261"/>
              <a:gd name="T80" fmla="*/ 2147483646 w 302"/>
              <a:gd name="T81" fmla="*/ 2147483646 h 261"/>
              <a:gd name="T82" fmla="*/ 2147483646 w 302"/>
              <a:gd name="T83" fmla="*/ 2147483646 h 261"/>
              <a:gd name="T84" fmla="*/ 2147483646 w 302"/>
              <a:gd name="T85" fmla="*/ 2147483646 h 261"/>
              <a:gd name="T86" fmla="*/ 2147483646 w 302"/>
              <a:gd name="T87" fmla="*/ 2147483646 h 261"/>
              <a:gd name="T88" fmla="*/ 2147483646 w 302"/>
              <a:gd name="T89" fmla="*/ 2147483646 h 261"/>
              <a:gd name="T90" fmla="*/ 2147483646 w 302"/>
              <a:gd name="T91" fmla="*/ 2147483646 h 261"/>
              <a:gd name="T92" fmla="*/ 2147483646 w 302"/>
              <a:gd name="T93" fmla="*/ 2147483646 h 261"/>
              <a:gd name="T94" fmla="*/ 2147483646 w 302"/>
              <a:gd name="T95" fmla="*/ 2147483646 h 261"/>
              <a:gd name="T96" fmla="*/ 2147483646 w 302"/>
              <a:gd name="T97" fmla="*/ 2147483646 h 261"/>
              <a:gd name="T98" fmla="*/ 2147483646 w 302"/>
              <a:gd name="T99" fmla="*/ 2147483646 h 261"/>
              <a:gd name="T100" fmla="*/ 2147483646 w 302"/>
              <a:gd name="T101" fmla="*/ 2147483646 h 261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w 302"/>
              <a:gd name="T154" fmla="*/ 0 h 261"/>
              <a:gd name="T155" fmla="*/ 302 w 302"/>
              <a:gd name="T156" fmla="*/ 261 h 261"/>
            </a:gdLst>
            <a:ahLst/>
            <a:cxnLst>
              <a:cxn ang="T102">
                <a:pos x="T0" y="T1"/>
              </a:cxn>
              <a:cxn ang="T103">
                <a:pos x="T2" y="T3"/>
              </a:cxn>
              <a:cxn ang="T104">
                <a:pos x="T4" y="T5"/>
              </a:cxn>
              <a:cxn ang="T105">
                <a:pos x="T6" y="T7"/>
              </a:cxn>
              <a:cxn ang="T106">
                <a:pos x="T8" y="T9"/>
              </a:cxn>
              <a:cxn ang="T107">
                <a:pos x="T10" y="T11"/>
              </a:cxn>
              <a:cxn ang="T108">
                <a:pos x="T12" y="T13"/>
              </a:cxn>
              <a:cxn ang="T109">
                <a:pos x="T14" y="T15"/>
              </a:cxn>
              <a:cxn ang="T110">
                <a:pos x="T16" y="T17"/>
              </a:cxn>
              <a:cxn ang="T111">
                <a:pos x="T18" y="T19"/>
              </a:cxn>
              <a:cxn ang="T112">
                <a:pos x="T20" y="T21"/>
              </a:cxn>
              <a:cxn ang="T113">
                <a:pos x="T22" y="T23"/>
              </a:cxn>
              <a:cxn ang="T114">
                <a:pos x="T24" y="T25"/>
              </a:cxn>
              <a:cxn ang="T115">
                <a:pos x="T26" y="T27"/>
              </a:cxn>
              <a:cxn ang="T116">
                <a:pos x="T28" y="T29"/>
              </a:cxn>
              <a:cxn ang="T117">
                <a:pos x="T30" y="T31"/>
              </a:cxn>
              <a:cxn ang="T118">
                <a:pos x="T32" y="T33"/>
              </a:cxn>
              <a:cxn ang="T119">
                <a:pos x="T34" y="T35"/>
              </a:cxn>
              <a:cxn ang="T120">
                <a:pos x="T36" y="T37"/>
              </a:cxn>
              <a:cxn ang="T121">
                <a:pos x="T38" y="T39"/>
              </a:cxn>
              <a:cxn ang="T122">
                <a:pos x="T40" y="T41"/>
              </a:cxn>
              <a:cxn ang="T123">
                <a:pos x="T42" y="T43"/>
              </a:cxn>
              <a:cxn ang="T124">
                <a:pos x="T44" y="T45"/>
              </a:cxn>
              <a:cxn ang="T125">
                <a:pos x="T46" y="T47"/>
              </a:cxn>
              <a:cxn ang="T126">
                <a:pos x="T48" y="T49"/>
              </a:cxn>
              <a:cxn ang="T127">
                <a:pos x="T50" y="T51"/>
              </a:cxn>
              <a:cxn ang="T128">
                <a:pos x="T52" y="T53"/>
              </a:cxn>
              <a:cxn ang="T129">
                <a:pos x="T54" y="T55"/>
              </a:cxn>
              <a:cxn ang="T130">
                <a:pos x="T56" y="T57"/>
              </a:cxn>
              <a:cxn ang="T131">
                <a:pos x="T58" y="T59"/>
              </a:cxn>
              <a:cxn ang="T132">
                <a:pos x="T60" y="T61"/>
              </a:cxn>
              <a:cxn ang="T133">
                <a:pos x="T62" y="T63"/>
              </a:cxn>
              <a:cxn ang="T134">
                <a:pos x="T64" y="T65"/>
              </a:cxn>
              <a:cxn ang="T135">
                <a:pos x="T66" y="T67"/>
              </a:cxn>
              <a:cxn ang="T136">
                <a:pos x="T68" y="T69"/>
              </a:cxn>
              <a:cxn ang="T137">
                <a:pos x="T70" y="T71"/>
              </a:cxn>
              <a:cxn ang="T138">
                <a:pos x="T72" y="T73"/>
              </a:cxn>
              <a:cxn ang="T139">
                <a:pos x="T74" y="T75"/>
              </a:cxn>
              <a:cxn ang="T140">
                <a:pos x="T76" y="T77"/>
              </a:cxn>
              <a:cxn ang="T141">
                <a:pos x="T78" y="T79"/>
              </a:cxn>
              <a:cxn ang="T142">
                <a:pos x="T80" y="T81"/>
              </a:cxn>
              <a:cxn ang="T143">
                <a:pos x="T82" y="T83"/>
              </a:cxn>
              <a:cxn ang="T144">
                <a:pos x="T84" y="T85"/>
              </a:cxn>
              <a:cxn ang="T145">
                <a:pos x="T86" y="T87"/>
              </a:cxn>
              <a:cxn ang="T146">
                <a:pos x="T88" y="T89"/>
              </a:cxn>
              <a:cxn ang="T147">
                <a:pos x="T90" y="T91"/>
              </a:cxn>
              <a:cxn ang="T148">
                <a:pos x="T92" y="T93"/>
              </a:cxn>
              <a:cxn ang="T149">
                <a:pos x="T94" y="T95"/>
              </a:cxn>
              <a:cxn ang="T150">
                <a:pos x="T96" y="T97"/>
              </a:cxn>
              <a:cxn ang="T151">
                <a:pos x="T98" y="T99"/>
              </a:cxn>
              <a:cxn ang="T152">
                <a:pos x="T100" y="T101"/>
              </a:cxn>
            </a:cxnLst>
            <a:rect l="T153" t="T154" r="T155" b="T156"/>
            <a:pathLst>
              <a:path w="302" h="261">
                <a:moveTo>
                  <a:pt x="4" y="158"/>
                </a:moveTo>
                <a:lnTo>
                  <a:pt x="0" y="155"/>
                </a:lnTo>
                <a:lnTo>
                  <a:pt x="4" y="144"/>
                </a:lnTo>
                <a:lnTo>
                  <a:pt x="11" y="140"/>
                </a:lnTo>
                <a:lnTo>
                  <a:pt x="15" y="137"/>
                </a:lnTo>
                <a:lnTo>
                  <a:pt x="14" y="133"/>
                </a:lnTo>
                <a:lnTo>
                  <a:pt x="19" y="130"/>
                </a:lnTo>
                <a:lnTo>
                  <a:pt x="19" y="124"/>
                </a:lnTo>
                <a:lnTo>
                  <a:pt x="18" y="119"/>
                </a:lnTo>
                <a:lnTo>
                  <a:pt x="15" y="116"/>
                </a:lnTo>
                <a:lnTo>
                  <a:pt x="16" y="110"/>
                </a:lnTo>
                <a:lnTo>
                  <a:pt x="17" y="104"/>
                </a:lnTo>
                <a:lnTo>
                  <a:pt x="21" y="100"/>
                </a:lnTo>
                <a:lnTo>
                  <a:pt x="25" y="95"/>
                </a:lnTo>
                <a:lnTo>
                  <a:pt x="27" y="94"/>
                </a:lnTo>
                <a:lnTo>
                  <a:pt x="30" y="89"/>
                </a:lnTo>
                <a:lnTo>
                  <a:pt x="35" y="86"/>
                </a:lnTo>
                <a:lnTo>
                  <a:pt x="40" y="81"/>
                </a:lnTo>
                <a:lnTo>
                  <a:pt x="45" y="78"/>
                </a:lnTo>
                <a:lnTo>
                  <a:pt x="49" y="73"/>
                </a:lnTo>
                <a:lnTo>
                  <a:pt x="55" y="70"/>
                </a:lnTo>
                <a:lnTo>
                  <a:pt x="59" y="70"/>
                </a:lnTo>
                <a:lnTo>
                  <a:pt x="62" y="68"/>
                </a:lnTo>
                <a:lnTo>
                  <a:pt x="67" y="68"/>
                </a:lnTo>
                <a:lnTo>
                  <a:pt x="69" y="64"/>
                </a:lnTo>
                <a:lnTo>
                  <a:pt x="73" y="63"/>
                </a:lnTo>
                <a:lnTo>
                  <a:pt x="76" y="67"/>
                </a:lnTo>
                <a:lnTo>
                  <a:pt x="79" y="67"/>
                </a:lnTo>
                <a:lnTo>
                  <a:pt x="81" y="63"/>
                </a:lnTo>
                <a:lnTo>
                  <a:pt x="85" y="61"/>
                </a:lnTo>
                <a:lnTo>
                  <a:pt x="87" y="57"/>
                </a:lnTo>
                <a:lnTo>
                  <a:pt x="92" y="53"/>
                </a:lnTo>
                <a:lnTo>
                  <a:pt x="95" y="54"/>
                </a:lnTo>
                <a:lnTo>
                  <a:pt x="101" y="52"/>
                </a:lnTo>
                <a:lnTo>
                  <a:pt x="109" y="52"/>
                </a:lnTo>
                <a:lnTo>
                  <a:pt x="116" y="50"/>
                </a:lnTo>
                <a:lnTo>
                  <a:pt x="120" y="46"/>
                </a:lnTo>
                <a:lnTo>
                  <a:pt x="127" y="46"/>
                </a:lnTo>
                <a:lnTo>
                  <a:pt x="131" y="44"/>
                </a:lnTo>
                <a:lnTo>
                  <a:pt x="135" y="45"/>
                </a:lnTo>
                <a:lnTo>
                  <a:pt x="138" y="38"/>
                </a:lnTo>
                <a:lnTo>
                  <a:pt x="140" y="34"/>
                </a:lnTo>
                <a:lnTo>
                  <a:pt x="145" y="30"/>
                </a:lnTo>
                <a:lnTo>
                  <a:pt x="149" y="28"/>
                </a:lnTo>
                <a:lnTo>
                  <a:pt x="153" y="21"/>
                </a:lnTo>
                <a:lnTo>
                  <a:pt x="157" y="18"/>
                </a:lnTo>
                <a:lnTo>
                  <a:pt x="157" y="12"/>
                </a:lnTo>
                <a:lnTo>
                  <a:pt x="158" y="7"/>
                </a:lnTo>
                <a:lnTo>
                  <a:pt x="162" y="0"/>
                </a:lnTo>
                <a:lnTo>
                  <a:pt x="167" y="3"/>
                </a:lnTo>
                <a:lnTo>
                  <a:pt x="170" y="4"/>
                </a:lnTo>
                <a:lnTo>
                  <a:pt x="174" y="5"/>
                </a:lnTo>
                <a:lnTo>
                  <a:pt x="178" y="4"/>
                </a:lnTo>
                <a:lnTo>
                  <a:pt x="183" y="3"/>
                </a:lnTo>
                <a:lnTo>
                  <a:pt x="187" y="1"/>
                </a:lnTo>
                <a:lnTo>
                  <a:pt x="189" y="5"/>
                </a:lnTo>
                <a:lnTo>
                  <a:pt x="189" y="9"/>
                </a:lnTo>
                <a:lnTo>
                  <a:pt x="188" y="11"/>
                </a:lnTo>
                <a:lnTo>
                  <a:pt x="192" y="15"/>
                </a:lnTo>
                <a:lnTo>
                  <a:pt x="193" y="21"/>
                </a:lnTo>
                <a:lnTo>
                  <a:pt x="195" y="24"/>
                </a:lnTo>
                <a:lnTo>
                  <a:pt x="209" y="27"/>
                </a:lnTo>
                <a:lnTo>
                  <a:pt x="212" y="29"/>
                </a:lnTo>
                <a:lnTo>
                  <a:pt x="215" y="34"/>
                </a:lnTo>
                <a:lnTo>
                  <a:pt x="219" y="35"/>
                </a:lnTo>
                <a:lnTo>
                  <a:pt x="222" y="38"/>
                </a:lnTo>
                <a:lnTo>
                  <a:pt x="225" y="41"/>
                </a:lnTo>
                <a:lnTo>
                  <a:pt x="227" y="47"/>
                </a:lnTo>
                <a:lnTo>
                  <a:pt x="234" y="48"/>
                </a:lnTo>
                <a:lnTo>
                  <a:pt x="247" y="52"/>
                </a:lnTo>
                <a:lnTo>
                  <a:pt x="252" y="51"/>
                </a:lnTo>
                <a:lnTo>
                  <a:pt x="256" y="47"/>
                </a:lnTo>
                <a:lnTo>
                  <a:pt x="262" y="42"/>
                </a:lnTo>
                <a:lnTo>
                  <a:pt x="267" y="37"/>
                </a:lnTo>
                <a:lnTo>
                  <a:pt x="274" y="38"/>
                </a:lnTo>
                <a:lnTo>
                  <a:pt x="279" y="41"/>
                </a:lnTo>
                <a:lnTo>
                  <a:pt x="280" y="48"/>
                </a:lnTo>
                <a:lnTo>
                  <a:pt x="283" y="50"/>
                </a:lnTo>
                <a:lnTo>
                  <a:pt x="287" y="51"/>
                </a:lnTo>
                <a:lnTo>
                  <a:pt x="291" y="49"/>
                </a:lnTo>
                <a:lnTo>
                  <a:pt x="296" y="50"/>
                </a:lnTo>
                <a:lnTo>
                  <a:pt x="299" y="53"/>
                </a:lnTo>
                <a:lnTo>
                  <a:pt x="299" y="58"/>
                </a:lnTo>
                <a:lnTo>
                  <a:pt x="300" y="61"/>
                </a:lnTo>
                <a:lnTo>
                  <a:pt x="302" y="63"/>
                </a:lnTo>
                <a:lnTo>
                  <a:pt x="302" y="71"/>
                </a:lnTo>
                <a:lnTo>
                  <a:pt x="300" y="75"/>
                </a:lnTo>
                <a:lnTo>
                  <a:pt x="301" y="79"/>
                </a:lnTo>
                <a:lnTo>
                  <a:pt x="299" y="83"/>
                </a:lnTo>
                <a:lnTo>
                  <a:pt x="296" y="89"/>
                </a:lnTo>
                <a:lnTo>
                  <a:pt x="292" y="90"/>
                </a:lnTo>
                <a:lnTo>
                  <a:pt x="288" y="96"/>
                </a:lnTo>
                <a:lnTo>
                  <a:pt x="281" y="97"/>
                </a:lnTo>
                <a:lnTo>
                  <a:pt x="274" y="98"/>
                </a:lnTo>
                <a:lnTo>
                  <a:pt x="273" y="101"/>
                </a:lnTo>
                <a:lnTo>
                  <a:pt x="263" y="98"/>
                </a:lnTo>
                <a:lnTo>
                  <a:pt x="260" y="95"/>
                </a:lnTo>
                <a:lnTo>
                  <a:pt x="256" y="97"/>
                </a:lnTo>
                <a:lnTo>
                  <a:pt x="256" y="101"/>
                </a:lnTo>
                <a:lnTo>
                  <a:pt x="253" y="104"/>
                </a:lnTo>
                <a:lnTo>
                  <a:pt x="251" y="106"/>
                </a:lnTo>
                <a:lnTo>
                  <a:pt x="244" y="109"/>
                </a:lnTo>
                <a:lnTo>
                  <a:pt x="242" y="114"/>
                </a:lnTo>
                <a:lnTo>
                  <a:pt x="241" y="117"/>
                </a:lnTo>
                <a:lnTo>
                  <a:pt x="237" y="119"/>
                </a:lnTo>
                <a:lnTo>
                  <a:pt x="233" y="120"/>
                </a:lnTo>
                <a:lnTo>
                  <a:pt x="230" y="123"/>
                </a:lnTo>
                <a:lnTo>
                  <a:pt x="229" y="127"/>
                </a:lnTo>
                <a:lnTo>
                  <a:pt x="229" y="129"/>
                </a:lnTo>
                <a:lnTo>
                  <a:pt x="225" y="134"/>
                </a:lnTo>
                <a:lnTo>
                  <a:pt x="224" y="138"/>
                </a:lnTo>
                <a:lnTo>
                  <a:pt x="227" y="142"/>
                </a:lnTo>
                <a:lnTo>
                  <a:pt x="229" y="145"/>
                </a:lnTo>
                <a:lnTo>
                  <a:pt x="229" y="148"/>
                </a:lnTo>
                <a:lnTo>
                  <a:pt x="227" y="151"/>
                </a:lnTo>
                <a:lnTo>
                  <a:pt x="224" y="152"/>
                </a:lnTo>
                <a:lnTo>
                  <a:pt x="224" y="156"/>
                </a:lnTo>
                <a:lnTo>
                  <a:pt x="223" y="161"/>
                </a:lnTo>
                <a:lnTo>
                  <a:pt x="222" y="166"/>
                </a:lnTo>
                <a:lnTo>
                  <a:pt x="222" y="170"/>
                </a:lnTo>
                <a:lnTo>
                  <a:pt x="221" y="174"/>
                </a:lnTo>
                <a:lnTo>
                  <a:pt x="226" y="178"/>
                </a:lnTo>
                <a:lnTo>
                  <a:pt x="232" y="182"/>
                </a:lnTo>
                <a:lnTo>
                  <a:pt x="241" y="186"/>
                </a:lnTo>
                <a:lnTo>
                  <a:pt x="248" y="189"/>
                </a:lnTo>
                <a:lnTo>
                  <a:pt x="249" y="193"/>
                </a:lnTo>
                <a:lnTo>
                  <a:pt x="256" y="197"/>
                </a:lnTo>
                <a:lnTo>
                  <a:pt x="256" y="199"/>
                </a:lnTo>
                <a:lnTo>
                  <a:pt x="251" y="197"/>
                </a:lnTo>
                <a:lnTo>
                  <a:pt x="250" y="200"/>
                </a:lnTo>
                <a:lnTo>
                  <a:pt x="250" y="206"/>
                </a:lnTo>
                <a:lnTo>
                  <a:pt x="251" y="211"/>
                </a:lnTo>
                <a:lnTo>
                  <a:pt x="249" y="216"/>
                </a:lnTo>
                <a:lnTo>
                  <a:pt x="244" y="221"/>
                </a:lnTo>
                <a:lnTo>
                  <a:pt x="238" y="224"/>
                </a:lnTo>
                <a:lnTo>
                  <a:pt x="236" y="226"/>
                </a:lnTo>
                <a:lnTo>
                  <a:pt x="234" y="230"/>
                </a:lnTo>
                <a:lnTo>
                  <a:pt x="228" y="231"/>
                </a:lnTo>
                <a:lnTo>
                  <a:pt x="224" y="233"/>
                </a:lnTo>
                <a:lnTo>
                  <a:pt x="218" y="237"/>
                </a:lnTo>
                <a:lnTo>
                  <a:pt x="213" y="234"/>
                </a:lnTo>
                <a:lnTo>
                  <a:pt x="209" y="233"/>
                </a:lnTo>
                <a:lnTo>
                  <a:pt x="204" y="234"/>
                </a:lnTo>
                <a:lnTo>
                  <a:pt x="199" y="232"/>
                </a:lnTo>
                <a:lnTo>
                  <a:pt x="195" y="236"/>
                </a:lnTo>
                <a:lnTo>
                  <a:pt x="189" y="238"/>
                </a:lnTo>
                <a:lnTo>
                  <a:pt x="181" y="236"/>
                </a:lnTo>
                <a:lnTo>
                  <a:pt x="176" y="233"/>
                </a:lnTo>
                <a:lnTo>
                  <a:pt x="174" y="231"/>
                </a:lnTo>
                <a:lnTo>
                  <a:pt x="168" y="231"/>
                </a:lnTo>
                <a:lnTo>
                  <a:pt x="164" y="232"/>
                </a:lnTo>
                <a:lnTo>
                  <a:pt x="161" y="237"/>
                </a:lnTo>
                <a:lnTo>
                  <a:pt x="159" y="238"/>
                </a:lnTo>
                <a:lnTo>
                  <a:pt x="152" y="238"/>
                </a:lnTo>
                <a:lnTo>
                  <a:pt x="148" y="241"/>
                </a:lnTo>
                <a:lnTo>
                  <a:pt x="145" y="246"/>
                </a:lnTo>
                <a:lnTo>
                  <a:pt x="140" y="249"/>
                </a:lnTo>
                <a:lnTo>
                  <a:pt x="138" y="252"/>
                </a:lnTo>
                <a:lnTo>
                  <a:pt x="139" y="258"/>
                </a:lnTo>
                <a:lnTo>
                  <a:pt x="135" y="259"/>
                </a:lnTo>
                <a:lnTo>
                  <a:pt x="131" y="259"/>
                </a:lnTo>
                <a:lnTo>
                  <a:pt x="126" y="258"/>
                </a:lnTo>
                <a:lnTo>
                  <a:pt x="123" y="261"/>
                </a:lnTo>
                <a:lnTo>
                  <a:pt x="121" y="258"/>
                </a:lnTo>
                <a:lnTo>
                  <a:pt x="116" y="254"/>
                </a:lnTo>
                <a:lnTo>
                  <a:pt x="114" y="246"/>
                </a:lnTo>
                <a:lnTo>
                  <a:pt x="115" y="241"/>
                </a:lnTo>
                <a:lnTo>
                  <a:pt x="113" y="238"/>
                </a:lnTo>
                <a:lnTo>
                  <a:pt x="111" y="231"/>
                </a:lnTo>
                <a:lnTo>
                  <a:pt x="115" y="226"/>
                </a:lnTo>
                <a:lnTo>
                  <a:pt x="116" y="221"/>
                </a:lnTo>
                <a:lnTo>
                  <a:pt x="112" y="218"/>
                </a:lnTo>
                <a:lnTo>
                  <a:pt x="111" y="212"/>
                </a:lnTo>
                <a:lnTo>
                  <a:pt x="110" y="206"/>
                </a:lnTo>
                <a:lnTo>
                  <a:pt x="108" y="202"/>
                </a:lnTo>
                <a:lnTo>
                  <a:pt x="108" y="195"/>
                </a:lnTo>
                <a:lnTo>
                  <a:pt x="105" y="191"/>
                </a:lnTo>
                <a:lnTo>
                  <a:pt x="104" y="188"/>
                </a:lnTo>
                <a:lnTo>
                  <a:pt x="101" y="186"/>
                </a:lnTo>
                <a:lnTo>
                  <a:pt x="101" y="180"/>
                </a:lnTo>
                <a:lnTo>
                  <a:pt x="104" y="173"/>
                </a:lnTo>
                <a:lnTo>
                  <a:pt x="105" y="167"/>
                </a:lnTo>
                <a:lnTo>
                  <a:pt x="104" y="161"/>
                </a:lnTo>
                <a:lnTo>
                  <a:pt x="101" y="157"/>
                </a:lnTo>
                <a:lnTo>
                  <a:pt x="98" y="155"/>
                </a:lnTo>
                <a:lnTo>
                  <a:pt x="94" y="155"/>
                </a:lnTo>
                <a:lnTo>
                  <a:pt x="89" y="156"/>
                </a:lnTo>
                <a:lnTo>
                  <a:pt x="85" y="158"/>
                </a:lnTo>
                <a:lnTo>
                  <a:pt x="83" y="155"/>
                </a:lnTo>
                <a:lnTo>
                  <a:pt x="75" y="154"/>
                </a:lnTo>
                <a:lnTo>
                  <a:pt x="72" y="154"/>
                </a:lnTo>
                <a:lnTo>
                  <a:pt x="68" y="153"/>
                </a:lnTo>
                <a:lnTo>
                  <a:pt x="62" y="158"/>
                </a:lnTo>
                <a:lnTo>
                  <a:pt x="59" y="158"/>
                </a:lnTo>
                <a:lnTo>
                  <a:pt x="54" y="157"/>
                </a:lnTo>
                <a:lnTo>
                  <a:pt x="51" y="159"/>
                </a:lnTo>
                <a:lnTo>
                  <a:pt x="45" y="157"/>
                </a:lnTo>
                <a:lnTo>
                  <a:pt x="40" y="159"/>
                </a:lnTo>
                <a:lnTo>
                  <a:pt x="36" y="162"/>
                </a:lnTo>
                <a:lnTo>
                  <a:pt x="30" y="161"/>
                </a:lnTo>
                <a:lnTo>
                  <a:pt x="25" y="161"/>
                </a:lnTo>
                <a:lnTo>
                  <a:pt x="20" y="158"/>
                </a:lnTo>
                <a:lnTo>
                  <a:pt x="15" y="159"/>
                </a:lnTo>
                <a:lnTo>
                  <a:pt x="4" y="158"/>
                </a:lnTo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</xdr:spPr>
      </xdr:sp>
      <xdr:sp macro="" textlink="">
        <xdr:nvSpPr>
          <xdr:cNvPr id="149642" name="d14366"/>
          <xdr:cNvSpPr>
            <a:spLocks/>
          </xdr:cNvSpPr>
        </xdr:nvSpPr>
        <xdr:spPr bwMode="auto">
          <a:xfrm>
            <a:off x="2696936" y="4948918"/>
            <a:ext cx="412296" cy="496661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0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0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w 16384"/>
              <a:gd name="T100" fmla="*/ 0 h 16384"/>
              <a:gd name="T101" fmla="*/ 16384 w 16384"/>
              <a:gd name="T102" fmla="*/ 16384 h 16384"/>
            </a:gdLst>
            <a:ahLst/>
            <a:cxnLst>
              <a:cxn ang="T66">
                <a:pos x="T0" y="T1"/>
              </a:cxn>
              <a:cxn ang="T67">
                <a:pos x="T2" y="T3"/>
              </a:cxn>
              <a:cxn ang="T68">
                <a:pos x="T4" y="T5"/>
              </a:cxn>
              <a:cxn ang="T69">
                <a:pos x="T6" y="T7"/>
              </a:cxn>
              <a:cxn ang="T70">
                <a:pos x="T8" y="T9"/>
              </a:cxn>
              <a:cxn ang="T71">
                <a:pos x="T10" y="T11"/>
              </a:cxn>
              <a:cxn ang="T72">
                <a:pos x="T12" y="T13"/>
              </a:cxn>
              <a:cxn ang="T73">
                <a:pos x="T14" y="T15"/>
              </a:cxn>
              <a:cxn ang="T74">
                <a:pos x="T16" y="T17"/>
              </a:cxn>
              <a:cxn ang="T75">
                <a:pos x="T18" y="T19"/>
              </a:cxn>
              <a:cxn ang="T76">
                <a:pos x="T20" y="T21"/>
              </a:cxn>
              <a:cxn ang="T77">
                <a:pos x="T22" y="T23"/>
              </a:cxn>
              <a:cxn ang="T78">
                <a:pos x="T24" y="T25"/>
              </a:cxn>
              <a:cxn ang="T79">
                <a:pos x="T26" y="T27"/>
              </a:cxn>
              <a:cxn ang="T80">
                <a:pos x="T28" y="T29"/>
              </a:cxn>
              <a:cxn ang="T81">
                <a:pos x="T30" y="T31"/>
              </a:cxn>
              <a:cxn ang="T82">
                <a:pos x="T32" y="T33"/>
              </a:cxn>
              <a:cxn ang="T83">
                <a:pos x="T34" y="T35"/>
              </a:cxn>
              <a:cxn ang="T84">
                <a:pos x="T36" y="T37"/>
              </a:cxn>
              <a:cxn ang="T85">
                <a:pos x="T38" y="T39"/>
              </a:cxn>
              <a:cxn ang="T86">
                <a:pos x="T40" y="T41"/>
              </a:cxn>
              <a:cxn ang="T87">
                <a:pos x="T42" y="T43"/>
              </a:cxn>
              <a:cxn ang="T88">
                <a:pos x="T44" y="T45"/>
              </a:cxn>
              <a:cxn ang="T89">
                <a:pos x="T46" y="T47"/>
              </a:cxn>
              <a:cxn ang="T90">
                <a:pos x="T48" y="T49"/>
              </a:cxn>
              <a:cxn ang="T91">
                <a:pos x="T50" y="T51"/>
              </a:cxn>
              <a:cxn ang="T92">
                <a:pos x="T52" y="T53"/>
              </a:cxn>
              <a:cxn ang="T93">
                <a:pos x="T54" y="T55"/>
              </a:cxn>
              <a:cxn ang="T94">
                <a:pos x="T56" y="T57"/>
              </a:cxn>
              <a:cxn ang="T95">
                <a:pos x="T58" y="T59"/>
              </a:cxn>
              <a:cxn ang="T96">
                <a:pos x="T60" y="T61"/>
              </a:cxn>
              <a:cxn ang="T97">
                <a:pos x="T62" y="T63"/>
              </a:cxn>
              <a:cxn ang="T98">
                <a:pos x="T64" y="T65"/>
              </a:cxn>
            </a:cxnLst>
            <a:rect l="T99" t="T100" r="T101" b="T102"/>
            <a:pathLst>
              <a:path w="16384" h="16384">
                <a:moveTo>
                  <a:pt x="16384" y="12674"/>
                </a:moveTo>
                <a:lnTo>
                  <a:pt x="14860" y="12674"/>
                </a:lnTo>
                <a:lnTo>
                  <a:pt x="14098" y="14220"/>
                </a:lnTo>
                <a:lnTo>
                  <a:pt x="12574" y="14838"/>
                </a:lnTo>
                <a:lnTo>
                  <a:pt x="11431" y="15457"/>
                </a:lnTo>
                <a:lnTo>
                  <a:pt x="11050" y="16384"/>
                </a:lnTo>
                <a:lnTo>
                  <a:pt x="9907" y="16384"/>
                </a:lnTo>
                <a:lnTo>
                  <a:pt x="9526" y="15147"/>
                </a:lnTo>
                <a:lnTo>
                  <a:pt x="8383" y="14838"/>
                </a:lnTo>
                <a:lnTo>
                  <a:pt x="6858" y="14529"/>
                </a:lnTo>
                <a:lnTo>
                  <a:pt x="6477" y="13911"/>
                </a:lnTo>
                <a:lnTo>
                  <a:pt x="5715" y="11747"/>
                </a:lnTo>
                <a:lnTo>
                  <a:pt x="4572" y="9583"/>
                </a:lnTo>
                <a:lnTo>
                  <a:pt x="4191" y="7419"/>
                </a:lnTo>
                <a:lnTo>
                  <a:pt x="3810" y="6183"/>
                </a:lnTo>
                <a:lnTo>
                  <a:pt x="2286" y="5255"/>
                </a:lnTo>
                <a:lnTo>
                  <a:pt x="1143" y="4637"/>
                </a:lnTo>
                <a:lnTo>
                  <a:pt x="0" y="3091"/>
                </a:lnTo>
                <a:lnTo>
                  <a:pt x="1143" y="1855"/>
                </a:lnTo>
                <a:lnTo>
                  <a:pt x="1524" y="927"/>
                </a:lnTo>
                <a:lnTo>
                  <a:pt x="1524" y="0"/>
                </a:lnTo>
                <a:lnTo>
                  <a:pt x="3048" y="309"/>
                </a:lnTo>
                <a:lnTo>
                  <a:pt x="4572" y="618"/>
                </a:lnTo>
                <a:lnTo>
                  <a:pt x="6477" y="1855"/>
                </a:lnTo>
                <a:lnTo>
                  <a:pt x="8001" y="2473"/>
                </a:lnTo>
                <a:lnTo>
                  <a:pt x="10288" y="3400"/>
                </a:lnTo>
                <a:lnTo>
                  <a:pt x="11812" y="4328"/>
                </a:lnTo>
                <a:lnTo>
                  <a:pt x="12955" y="6183"/>
                </a:lnTo>
                <a:lnTo>
                  <a:pt x="12955" y="7728"/>
                </a:lnTo>
                <a:lnTo>
                  <a:pt x="13336" y="9274"/>
                </a:lnTo>
                <a:lnTo>
                  <a:pt x="14860" y="10510"/>
                </a:lnTo>
                <a:lnTo>
                  <a:pt x="16003" y="12056"/>
                </a:lnTo>
                <a:lnTo>
                  <a:pt x="16384" y="12674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43" name="d14382"/>
          <xdr:cNvSpPr>
            <a:spLocks/>
          </xdr:cNvSpPr>
        </xdr:nvSpPr>
        <xdr:spPr bwMode="auto">
          <a:xfrm>
            <a:off x="1145721" y="5783036"/>
            <a:ext cx="1703615" cy="1551214"/>
          </a:xfrm>
          <a:custGeom>
            <a:avLst/>
            <a:gdLst>
              <a:gd name="T0" fmla="*/ 2147483646 w 178"/>
              <a:gd name="T1" fmla="*/ 2147483646 h 166"/>
              <a:gd name="T2" fmla="*/ 2147483646 w 178"/>
              <a:gd name="T3" fmla="*/ 2147483646 h 166"/>
              <a:gd name="T4" fmla="*/ 2147483646 w 178"/>
              <a:gd name="T5" fmla="*/ 2147483646 h 166"/>
              <a:gd name="T6" fmla="*/ 2147483646 w 178"/>
              <a:gd name="T7" fmla="*/ 2147483646 h 166"/>
              <a:gd name="T8" fmla="*/ 2147483646 w 178"/>
              <a:gd name="T9" fmla="*/ 2147483646 h 166"/>
              <a:gd name="T10" fmla="*/ 2147483646 w 178"/>
              <a:gd name="T11" fmla="*/ 2147483646 h 166"/>
              <a:gd name="T12" fmla="*/ 2147483646 w 178"/>
              <a:gd name="T13" fmla="*/ 2147483646 h 166"/>
              <a:gd name="T14" fmla="*/ 2147483646 w 178"/>
              <a:gd name="T15" fmla="*/ 2147483646 h 166"/>
              <a:gd name="T16" fmla="*/ 2147483646 w 178"/>
              <a:gd name="T17" fmla="*/ 2147483646 h 166"/>
              <a:gd name="T18" fmla="*/ 2147483646 w 178"/>
              <a:gd name="T19" fmla="*/ 2147483646 h 166"/>
              <a:gd name="T20" fmla="*/ 2147483646 w 178"/>
              <a:gd name="T21" fmla="*/ 2147483646 h 166"/>
              <a:gd name="T22" fmla="*/ 2147483646 w 178"/>
              <a:gd name="T23" fmla="*/ 2147483646 h 166"/>
              <a:gd name="T24" fmla="*/ 0 w 178"/>
              <a:gd name="T25" fmla="*/ 2147483646 h 166"/>
              <a:gd name="T26" fmla="*/ 2147483646 w 178"/>
              <a:gd name="T27" fmla="*/ 2147483646 h 166"/>
              <a:gd name="T28" fmla="*/ 2147483646 w 178"/>
              <a:gd name="T29" fmla="*/ 2147483646 h 166"/>
              <a:gd name="T30" fmla="*/ 2147483646 w 178"/>
              <a:gd name="T31" fmla="*/ 2147483646 h 166"/>
              <a:gd name="T32" fmla="*/ 2147483646 w 178"/>
              <a:gd name="T33" fmla="*/ 2147483646 h 166"/>
              <a:gd name="T34" fmla="*/ 2147483646 w 178"/>
              <a:gd name="T35" fmla="*/ 0 h 166"/>
              <a:gd name="T36" fmla="*/ 2147483646 w 178"/>
              <a:gd name="T37" fmla="*/ 2147483646 h 166"/>
              <a:gd name="T38" fmla="*/ 2147483646 w 178"/>
              <a:gd name="T39" fmla="*/ 2147483646 h 166"/>
              <a:gd name="T40" fmla="*/ 2147483646 w 178"/>
              <a:gd name="T41" fmla="*/ 2147483646 h 166"/>
              <a:gd name="T42" fmla="*/ 2147483646 w 178"/>
              <a:gd name="T43" fmla="*/ 2147483646 h 166"/>
              <a:gd name="T44" fmla="*/ 2147483646 w 178"/>
              <a:gd name="T45" fmla="*/ 2147483646 h 166"/>
              <a:gd name="T46" fmla="*/ 2147483646 w 178"/>
              <a:gd name="T47" fmla="*/ 2147483646 h 166"/>
              <a:gd name="T48" fmla="*/ 2147483646 w 178"/>
              <a:gd name="T49" fmla="*/ 2147483646 h 166"/>
              <a:gd name="T50" fmla="*/ 2147483646 w 178"/>
              <a:gd name="T51" fmla="*/ 2147483646 h 166"/>
              <a:gd name="T52" fmla="*/ 2147483646 w 178"/>
              <a:gd name="T53" fmla="*/ 2147483646 h 166"/>
              <a:gd name="T54" fmla="*/ 2147483646 w 178"/>
              <a:gd name="T55" fmla="*/ 2147483646 h 166"/>
              <a:gd name="T56" fmla="*/ 2147483646 w 178"/>
              <a:gd name="T57" fmla="*/ 2147483646 h 166"/>
              <a:gd name="T58" fmla="*/ 2147483646 w 178"/>
              <a:gd name="T59" fmla="*/ 2147483646 h 166"/>
              <a:gd name="T60" fmla="*/ 2147483646 w 178"/>
              <a:gd name="T61" fmla="*/ 2147483646 h 166"/>
              <a:gd name="T62" fmla="*/ 2147483646 w 178"/>
              <a:gd name="T63" fmla="*/ 2147483646 h 166"/>
              <a:gd name="T64" fmla="*/ 2147483646 w 178"/>
              <a:gd name="T65" fmla="*/ 2147483646 h 166"/>
              <a:gd name="T66" fmla="*/ 2147483646 w 178"/>
              <a:gd name="T67" fmla="*/ 2147483646 h 166"/>
              <a:gd name="T68" fmla="*/ 2147483646 w 178"/>
              <a:gd name="T69" fmla="*/ 2147483646 h 166"/>
              <a:gd name="T70" fmla="*/ 2147483646 w 178"/>
              <a:gd name="T71" fmla="*/ 2147483646 h 166"/>
              <a:gd name="T72" fmla="*/ 2147483646 w 178"/>
              <a:gd name="T73" fmla="*/ 2147483646 h 166"/>
              <a:gd name="T74" fmla="*/ 2147483646 w 178"/>
              <a:gd name="T75" fmla="*/ 2147483646 h 166"/>
              <a:gd name="T76" fmla="*/ 2147483646 w 178"/>
              <a:gd name="T77" fmla="*/ 2147483646 h 166"/>
              <a:gd name="T78" fmla="*/ 2147483646 w 178"/>
              <a:gd name="T79" fmla="*/ 2147483646 h 166"/>
              <a:gd name="T80" fmla="*/ 2147483646 w 178"/>
              <a:gd name="T81" fmla="*/ 2147483646 h 166"/>
              <a:gd name="T82" fmla="*/ 2147483646 w 178"/>
              <a:gd name="T83" fmla="*/ 2147483646 h 166"/>
              <a:gd name="T84" fmla="*/ 2147483646 w 178"/>
              <a:gd name="T85" fmla="*/ 2147483646 h 166"/>
              <a:gd name="T86" fmla="*/ 2147483646 w 178"/>
              <a:gd name="T87" fmla="*/ 2147483646 h 166"/>
              <a:gd name="T88" fmla="*/ 2147483646 w 178"/>
              <a:gd name="T89" fmla="*/ 2147483646 h 166"/>
              <a:gd name="T90" fmla="*/ 2147483646 w 178"/>
              <a:gd name="T91" fmla="*/ 2147483646 h 166"/>
              <a:gd name="T92" fmla="*/ 2147483646 w 178"/>
              <a:gd name="T93" fmla="*/ 2147483646 h 166"/>
              <a:gd name="T94" fmla="*/ 2147483646 w 178"/>
              <a:gd name="T95" fmla="*/ 2147483646 h 166"/>
              <a:gd name="T96" fmla="*/ 2147483646 w 178"/>
              <a:gd name="T97" fmla="*/ 2147483646 h 166"/>
              <a:gd name="T98" fmla="*/ 2147483646 w 178"/>
              <a:gd name="T99" fmla="*/ 2147483646 h 166"/>
              <a:gd name="T100" fmla="*/ 2147483646 w 178"/>
              <a:gd name="T101" fmla="*/ 2147483646 h 166"/>
              <a:gd name="T102" fmla="*/ 2147483646 w 178"/>
              <a:gd name="T103" fmla="*/ 2147483646 h 166"/>
              <a:gd name="T104" fmla="*/ 2147483646 w 178"/>
              <a:gd name="T105" fmla="*/ 2147483646 h 166"/>
              <a:gd name="T106" fmla="*/ 2147483646 w 178"/>
              <a:gd name="T107" fmla="*/ 2147483646 h 166"/>
              <a:gd name="T108" fmla="*/ 2147483646 w 178"/>
              <a:gd name="T109" fmla="*/ 2147483646 h 166"/>
              <a:gd name="T110" fmla="*/ 2147483646 w 178"/>
              <a:gd name="T111" fmla="*/ 2147483646 h 166"/>
              <a:gd name="T112" fmla="*/ 2147483646 w 178"/>
              <a:gd name="T113" fmla="*/ 2147483646 h 166"/>
              <a:gd name="T114" fmla="*/ 2147483646 w 178"/>
              <a:gd name="T115" fmla="*/ 2147483646 h 166"/>
              <a:gd name="T116" fmla="*/ 2147483646 w 178"/>
              <a:gd name="T117" fmla="*/ 2147483646 h 166"/>
              <a:gd name="T118" fmla="*/ 2147483646 w 178"/>
              <a:gd name="T119" fmla="*/ 2147483646 h 166"/>
              <a:gd name="T120" fmla="*/ 2147483646 w 178"/>
              <a:gd name="T121" fmla="*/ 2147483646 h 166"/>
              <a:gd name="T122" fmla="*/ 2147483646 w 178"/>
              <a:gd name="T123" fmla="*/ 2147483646 h 166"/>
              <a:gd name="T124" fmla="*/ 2147483646 w 178"/>
              <a:gd name="T125" fmla="*/ 2147483646 h 16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60000 65536"/>
              <a:gd name="T187" fmla="*/ 0 60000 65536"/>
              <a:gd name="T188" fmla="*/ 0 60000 65536"/>
              <a:gd name="T189" fmla="*/ 0 w 178"/>
              <a:gd name="T190" fmla="*/ 0 h 166"/>
              <a:gd name="T191" fmla="*/ 178 w 178"/>
              <a:gd name="T192" fmla="*/ 166 h 166"/>
            </a:gdLst>
            <a:ahLst/>
            <a:cxnLst>
              <a:cxn ang="T126">
                <a:pos x="T0" y="T1"/>
              </a:cxn>
              <a:cxn ang="T127">
                <a:pos x="T2" y="T3"/>
              </a:cxn>
              <a:cxn ang="T128">
                <a:pos x="T4" y="T5"/>
              </a:cxn>
              <a:cxn ang="T129">
                <a:pos x="T6" y="T7"/>
              </a:cxn>
              <a:cxn ang="T130">
                <a:pos x="T8" y="T9"/>
              </a:cxn>
              <a:cxn ang="T131">
                <a:pos x="T10" y="T11"/>
              </a:cxn>
              <a:cxn ang="T132">
                <a:pos x="T12" y="T13"/>
              </a:cxn>
              <a:cxn ang="T133">
                <a:pos x="T14" y="T15"/>
              </a:cxn>
              <a:cxn ang="T134">
                <a:pos x="T16" y="T17"/>
              </a:cxn>
              <a:cxn ang="T135">
                <a:pos x="T18" y="T19"/>
              </a:cxn>
              <a:cxn ang="T136">
                <a:pos x="T20" y="T21"/>
              </a:cxn>
              <a:cxn ang="T137">
                <a:pos x="T22" y="T23"/>
              </a:cxn>
              <a:cxn ang="T138">
                <a:pos x="T24" y="T25"/>
              </a:cxn>
              <a:cxn ang="T139">
                <a:pos x="T26" y="T27"/>
              </a:cxn>
              <a:cxn ang="T140">
                <a:pos x="T28" y="T29"/>
              </a:cxn>
              <a:cxn ang="T141">
                <a:pos x="T30" y="T31"/>
              </a:cxn>
              <a:cxn ang="T142">
                <a:pos x="T32" y="T33"/>
              </a:cxn>
              <a:cxn ang="T143">
                <a:pos x="T34" y="T35"/>
              </a:cxn>
              <a:cxn ang="T144">
                <a:pos x="T36" y="T37"/>
              </a:cxn>
              <a:cxn ang="T145">
                <a:pos x="T38" y="T39"/>
              </a:cxn>
              <a:cxn ang="T146">
                <a:pos x="T40" y="T41"/>
              </a:cxn>
              <a:cxn ang="T147">
                <a:pos x="T42" y="T43"/>
              </a:cxn>
              <a:cxn ang="T148">
                <a:pos x="T44" y="T45"/>
              </a:cxn>
              <a:cxn ang="T149">
                <a:pos x="T46" y="T47"/>
              </a:cxn>
              <a:cxn ang="T150">
                <a:pos x="T48" y="T49"/>
              </a:cxn>
              <a:cxn ang="T151">
                <a:pos x="T50" y="T51"/>
              </a:cxn>
              <a:cxn ang="T152">
                <a:pos x="T52" y="T53"/>
              </a:cxn>
              <a:cxn ang="T153">
                <a:pos x="T54" y="T55"/>
              </a:cxn>
              <a:cxn ang="T154">
                <a:pos x="T56" y="T57"/>
              </a:cxn>
              <a:cxn ang="T155">
                <a:pos x="T58" y="T59"/>
              </a:cxn>
              <a:cxn ang="T156">
                <a:pos x="T60" y="T61"/>
              </a:cxn>
              <a:cxn ang="T157">
                <a:pos x="T62" y="T63"/>
              </a:cxn>
              <a:cxn ang="T158">
                <a:pos x="T64" y="T65"/>
              </a:cxn>
              <a:cxn ang="T159">
                <a:pos x="T66" y="T67"/>
              </a:cxn>
              <a:cxn ang="T160">
                <a:pos x="T68" y="T69"/>
              </a:cxn>
              <a:cxn ang="T161">
                <a:pos x="T70" y="T71"/>
              </a:cxn>
              <a:cxn ang="T162">
                <a:pos x="T72" y="T73"/>
              </a:cxn>
              <a:cxn ang="T163">
                <a:pos x="T74" y="T75"/>
              </a:cxn>
              <a:cxn ang="T164">
                <a:pos x="T76" y="T77"/>
              </a:cxn>
              <a:cxn ang="T165">
                <a:pos x="T78" y="T79"/>
              </a:cxn>
              <a:cxn ang="T166">
                <a:pos x="T80" y="T81"/>
              </a:cxn>
              <a:cxn ang="T167">
                <a:pos x="T82" y="T83"/>
              </a:cxn>
              <a:cxn ang="T168">
                <a:pos x="T84" y="T85"/>
              </a:cxn>
              <a:cxn ang="T169">
                <a:pos x="T86" y="T87"/>
              </a:cxn>
              <a:cxn ang="T170">
                <a:pos x="T88" y="T89"/>
              </a:cxn>
              <a:cxn ang="T171">
                <a:pos x="T90" y="T91"/>
              </a:cxn>
              <a:cxn ang="T172">
                <a:pos x="T92" y="T93"/>
              </a:cxn>
              <a:cxn ang="T173">
                <a:pos x="T94" y="T95"/>
              </a:cxn>
              <a:cxn ang="T174">
                <a:pos x="T96" y="T97"/>
              </a:cxn>
              <a:cxn ang="T175">
                <a:pos x="T98" y="T99"/>
              </a:cxn>
              <a:cxn ang="T176">
                <a:pos x="T100" y="T101"/>
              </a:cxn>
              <a:cxn ang="T177">
                <a:pos x="T102" y="T103"/>
              </a:cxn>
              <a:cxn ang="T178">
                <a:pos x="T104" y="T105"/>
              </a:cxn>
              <a:cxn ang="T179">
                <a:pos x="T106" y="T107"/>
              </a:cxn>
              <a:cxn ang="T180">
                <a:pos x="T108" y="T109"/>
              </a:cxn>
              <a:cxn ang="T181">
                <a:pos x="T110" y="T111"/>
              </a:cxn>
              <a:cxn ang="T182">
                <a:pos x="T112" y="T113"/>
              </a:cxn>
              <a:cxn ang="T183">
                <a:pos x="T114" y="T115"/>
              </a:cxn>
              <a:cxn ang="T184">
                <a:pos x="T116" y="T117"/>
              </a:cxn>
              <a:cxn ang="T185">
                <a:pos x="T118" y="T119"/>
              </a:cxn>
              <a:cxn ang="T186">
                <a:pos x="T120" y="T121"/>
              </a:cxn>
              <a:cxn ang="T187">
                <a:pos x="T122" y="T123"/>
              </a:cxn>
              <a:cxn ang="T188">
                <a:pos x="T124" y="T125"/>
              </a:cxn>
            </a:cxnLst>
            <a:rect l="T189" t="T190" r="T191" b="T192"/>
            <a:pathLst>
              <a:path w="178" h="166">
                <a:moveTo>
                  <a:pt x="63" y="166"/>
                </a:moveTo>
                <a:lnTo>
                  <a:pt x="51" y="156"/>
                </a:lnTo>
                <a:lnTo>
                  <a:pt x="48" y="155"/>
                </a:lnTo>
                <a:lnTo>
                  <a:pt x="47" y="156"/>
                </a:lnTo>
                <a:lnTo>
                  <a:pt x="42" y="153"/>
                </a:lnTo>
                <a:lnTo>
                  <a:pt x="36" y="146"/>
                </a:lnTo>
                <a:lnTo>
                  <a:pt x="35" y="146"/>
                </a:lnTo>
                <a:lnTo>
                  <a:pt x="31" y="138"/>
                </a:lnTo>
                <a:lnTo>
                  <a:pt x="28" y="137"/>
                </a:lnTo>
                <a:lnTo>
                  <a:pt x="23" y="131"/>
                </a:lnTo>
                <a:lnTo>
                  <a:pt x="19" y="128"/>
                </a:lnTo>
                <a:lnTo>
                  <a:pt x="18" y="124"/>
                </a:lnTo>
                <a:lnTo>
                  <a:pt x="18" y="118"/>
                </a:lnTo>
                <a:lnTo>
                  <a:pt x="17" y="113"/>
                </a:lnTo>
                <a:lnTo>
                  <a:pt x="13" y="107"/>
                </a:lnTo>
                <a:lnTo>
                  <a:pt x="12" y="104"/>
                </a:lnTo>
                <a:lnTo>
                  <a:pt x="12" y="99"/>
                </a:lnTo>
                <a:lnTo>
                  <a:pt x="8" y="88"/>
                </a:lnTo>
                <a:lnTo>
                  <a:pt x="9" y="84"/>
                </a:lnTo>
                <a:lnTo>
                  <a:pt x="6" y="79"/>
                </a:lnTo>
                <a:lnTo>
                  <a:pt x="6" y="72"/>
                </a:lnTo>
                <a:lnTo>
                  <a:pt x="3" y="71"/>
                </a:lnTo>
                <a:lnTo>
                  <a:pt x="2" y="66"/>
                </a:lnTo>
                <a:lnTo>
                  <a:pt x="1" y="58"/>
                </a:lnTo>
                <a:lnTo>
                  <a:pt x="3" y="53"/>
                </a:lnTo>
                <a:lnTo>
                  <a:pt x="0" y="47"/>
                </a:lnTo>
                <a:lnTo>
                  <a:pt x="1" y="41"/>
                </a:lnTo>
                <a:lnTo>
                  <a:pt x="5" y="34"/>
                </a:lnTo>
                <a:lnTo>
                  <a:pt x="10" y="29"/>
                </a:lnTo>
                <a:lnTo>
                  <a:pt x="12" y="24"/>
                </a:lnTo>
                <a:lnTo>
                  <a:pt x="16" y="17"/>
                </a:lnTo>
                <a:lnTo>
                  <a:pt x="22" y="12"/>
                </a:lnTo>
                <a:lnTo>
                  <a:pt x="25" y="8"/>
                </a:lnTo>
                <a:lnTo>
                  <a:pt x="26" y="5"/>
                </a:lnTo>
                <a:lnTo>
                  <a:pt x="31" y="3"/>
                </a:lnTo>
                <a:lnTo>
                  <a:pt x="38" y="0"/>
                </a:lnTo>
                <a:lnTo>
                  <a:pt x="43" y="4"/>
                </a:lnTo>
                <a:lnTo>
                  <a:pt x="46" y="8"/>
                </a:lnTo>
                <a:lnTo>
                  <a:pt x="46" y="10"/>
                </a:lnTo>
                <a:lnTo>
                  <a:pt x="48" y="12"/>
                </a:lnTo>
                <a:lnTo>
                  <a:pt x="52" y="12"/>
                </a:lnTo>
                <a:lnTo>
                  <a:pt x="53" y="14"/>
                </a:lnTo>
                <a:lnTo>
                  <a:pt x="53" y="16"/>
                </a:lnTo>
                <a:lnTo>
                  <a:pt x="56" y="15"/>
                </a:lnTo>
                <a:lnTo>
                  <a:pt x="60" y="15"/>
                </a:lnTo>
                <a:lnTo>
                  <a:pt x="65" y="18"/>
                </a:lnTo>
                <a:lnTo>
                  <a:pt x="67" y="20"/>
                </a:lnTo>
                <a:lnTo>
                  <a:pt x="70" y="22"/>
                </a:lnTo>
                <a:lnTo>
                  <a:pt x="73" y="21"/>
                </a:lnTo>
                <a:lnTo>
                  <a:pt x="77" y="19"/>
                </a:lnTo>
                <a:lnTo>
                  <a:pt x="79" y="17"/>
                </a:lnTo>
                <a:lnTo>
                  <a:pt x="83" y="16"/>
                </a:lnTo>
                <a:lnTo>
                  <a:pt x="85" y="14"/>
                </a:lnTo>
                <a:lnTo>
                  <a:pt x="90" y="12"/>
                </a:lnTo>
                <a:lnTo>
                  <a:pt x="94" y="13"/>
                </a:lnTo>
                <a:lnTo>
                  <a:pt x="94" y="17"/>
                </a:lnTo>
                <a:lnTo>
                  <a:pt x="106" y="27"/>
                </a:lnTo>
                <a:lnTo>
                  <a:pt x="106" y="30"/>
                </a:lnTo>
                <a:lnTo>
                  <a:pt x="107" y="33"/>
                </a:lnTo>
                <a:lnTo>
                  <a:pt x="110" y="37"/>
                </a:lnTo>
                <a:lnTo>
                  <a:pt x="111" y="42"/>
                </a:lnTo>
                <a:lnTo>
                  <a:pt x="111" y="47"/>
                </a:lnTo>
                <a:lnTo>
                  <a:pt x="112" y="49"/>
                </a:lnTo>
                <a:lnTo>
                  <a:pt x="115" y="50"/>
                </a:lnTo>
                <a:lnTo>
                  <a:pt x="114" y="54"/>
                </a:lnTo>
                <a:lnTo>
                  <a:pt x="110" y="55"/>
                </a:lnTo>
                <a:lnTo>
                  <a:pt x="106" y="59"/>
                </a:lnTo>
                <a:lnTo>
                  <a:pt x="106" y="62"/>
                </a:lnTo>
                <a:lnTo>
                  <a:pt x="107" y="64"/>
                </a:lnTo>
                <a:lnTo>
                  <a:pt x="110" y="64"/>
                </a:lnTo>
                <a:lnTo>
                  <a:pt x="114" y="71"/>
                </a:lnTo>
                <a:lnTo>
                  <a:pt x="116" y="71"/>
                </a:lnTo>
                <a:lnTo>
                  <a:pt x="119" y="68"/>
                </a:lnTo>
                <a:lnTo>
                  <a:pt x="121" y="69"/>
                </a:lnTo>
                <a:lnTo>
                  <a:pt x="124" y="72"/>
                </a:lnTo>
                <a:lnTo>
                  <a:pt x="127" y="76"/>
                </a:lnTo>
                <a:lnTo>
                  <a:pt x="132" y="79"/>
                </a:lnTo>
                <a:lnTo>
                  <a:pt x="135" y="78"/>
                </a:lnTo>
                <a:lnTo>
                  <a:pt x="142" y="75"/>
                </a:lnTo>
                <a:lnTo>
                  <a:pt x="142" y="73"/>
                </a:lnTo>
                <a:lnTo>
                  <a:pt x="143" y="69"/>
                </a:lnTo>
                <a:lnTo>
                  <a:pt x="146" y="67"/>
                </a:lnTo>
                <a:lnTo>
                  <a:pt x="149" y="68"/>
                </a:lnTo>
                <a:lnTo>
                  <a:pt x="151" y="70"/>
                </a:lnTo>
                <a:lnTo>
                  <a:pt x="154" y="73"/>
                </a:lnTo>
                <a:lnTo>
                  <a:pt x="156" y="73"/>
                </a:lnTo>
                <a:lnTo>
                  <a:pt x="160" y="73"/>
                </a:lnTo>
                <a:lnTo>
                  <a:pt x="164" y="74"/>
                </a:lnTo>
                <a:lnTo>
                  <a:pt x="168" y="75"/>
                </a:lnTo>
                <a:lnTo>
                  <a:pt x="177" y="72"/>
                </a:lnTo>
                <a:lnTo>
                  <a:pt x="178" y="74"/>
                </a:lnTo>
                <a:lnTo>
                  <a:pt x="177" y="79"/>
                </a:lnTo>
                <a:lnTo>
                  <a:pt x="173" y="81"/>
                </a:lnTo>
                <a:lnTo>
                  <a:pt x="172" y="84"/>
                </a:lnTo>
                <a:lnTo>
                  <a:pt x="172" y="87"/>
                </a:lnTo>
                <a:lnTo>
                  <a:pt x="172" y="90"/>
                </a:lnTo>
                <a:lnTo>
                  <a:pt x="168" y="93"/>
                </a:lnTo>
                <a:lnTo>
                  <a:pt x="163" y="92"/>
                </a:lnTo>
                <a:lnTo>
                  <a:pt x="158" y="93"/>
                </a:lnTo>
                <a:lnTo>
                  <a:pt x="156" y="95"/>
                </a:lnTo>
                <a:lnTo>
                  <a:pt x="152" y="95"/>
                </a:lnTo>
                <a:lnTo>
                  <a:pt x="147" y="99"/>
                </a:lnTo>
                <a:lnTo>
                  <a:pt x="143" y="101"/>
                </a:lnTo>
                <a:lnTo>
                  <a:pt x="140" y="105"/>
                </a:lnTo>
                <a:lnTo>
                  <a:pt x="137" y="107"/>
                </a:lnTo>
                <a:lnTo>
                  <a:pt x="134" y="110"/>
                </a:lnTo>
                <a:lnTo>
                  <a:pt x="135" y="113"/>
                </a:lnTo>
                <a:lnTo>
                  <a:pt x="134" y="118"/>
                </a:lnTo>
                <a:lnTo>
                  <a:pt x="131" y="122"/>
                </a:lnTo>
                <a:lnTo>
                  <a:pt x="130" y="128"/>
                </a:lnTo>
                <a:lnTo>
                  <a:pt x="126" y="130"/>
                </a:lnTo>
                <a:lnTo>
                  <a:pt x="122" y="129"/>
                </a:lnTo>
                <a:lnTo>
                  <a:pt x="118" y="133"/>
                </a:lnTo>
                <a:lnTo>
                  <a:pt x="115" y="136"/>
                </a:lnTo>
                <a:lnTo>
                  <a:pt x="111" y="137"/>
                </a:lnTo>
                <a:lnTo>
                  <a:pt x="107" y="143"/>
                </a:lnTo>
                <a:lnTo>
                  <a:pt x="100" y="145"/>
                </a:lnTo>
                <a:lnTo>
                  <a:pt x="92" y="148"/>
                </a:lnTo>
                <a:lnTo>
                  <a:pt x="88" y="153"/>
                </a:lnTo>
                <a:lnTo>
                  <a:pt x="87" y="157"/>
                </a:lnTo>
                <a:lnTo>
                  <a:pt x="85" y="160"/>
                </a:lnTo>
                <a:lnTo>
                  <a:pt x="83" y="160"/>
                </a:lnTo>
                <a:lnTo>
                  <a:pt x="80" y="164"/>
                </a:lnTo>
                <a:lnTo>
                  <a:pt x="75" y="165"/>
                </a:lnTo>
                <a:lnTo>
                  <a:pt x="69" y="164"/>
                </a:lnTo>
                <a:lnTo>
                  <a:pt x="63" y="166"/>
                </a:lnTo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</xdr:spPr>
      </xdr:sp>
      <xdr:sp macro="" textlink="">
        <xdr:nvSpPr>
          <xdr:cNvPr id="149644" name="d14383"/>
          <xdr:cNvSpPr>
            <a:spLocks/>
          </xdr:cNvSpPr>
        </xdr:nvSpPr>
        <xdr:spPr bwMode="auto">
          <a:xfrm>
            <a:off x="2658836" y="7177768"/>
            <a:ext cx="631371" cy="643618"/>
          </a:xfrm>
          <a:custGeom>
            <a:avLst/>
            <a:gdLst>
              <a:gd name="T0" fmla="*/ 0 w 16384"/>
              <a:gd name="T1" fmla="*/ 0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0 w 16384"/>
              <a:gd name="T103" fmla="*/ 2147483646 h 16384"/>
              <a:gd name="T104" fmla="*/ 0 w 16384"/>
              <a:gd name="T105" fmla="*/ 0 h 16384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6384"/>
              <a:gd name="T160" fmla="*/ 0 h 16384"/>
              <a:gd name="T161" fmla="*/ 16384 w 16384"/>
              <a:gd name="T162" fmla="*/ 16384 h 16384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6384" h="16384">
                <a:moveTo>
                  <a:pt x="0" y="0"/>
                </a:moveTo>
                <a:lnTo>
                  <a:pt x="1241" y="237"/>
                </a:lnTo>
                <a:lnTo>
                  <a:pt x="2482" y="475"/>
                </a:lnTo>
                <a:lnTo>
                  <a:pt x="5213" y="1662"/>
                </a:lnTo>
                <a:lnTo>
                  <a:pt x="9185" y="3799"/>
                </a:lnTo>
                <a:lnTo>
                  <a:pt x="9930" y="3324"/>
                </a:lnTo>
                <a:lnTo>
                  <a:pt x="10178" y="3799"/>
                </a:lnTo>
                <a:lnTo>
                  <a:pt x="10674" y="4512"/>
                </a:lnTo>
                <a:lnTo>
                  <a:pt x="11667" y="5224"/>
                </a:lnTo>
                <a:lnTo>
                  <a:pt x="12164" y="5936"/>
                </a:lnTo>
                <a:lnTo>
                  <a:pt x="11419" y="6886"/>
                </a:lnTo>
                <a:lnTo>
                  <a:pt x="11171" y="8073"/>
                </a:lnTo>
                <a:lnTo>
                  <a:pt x="10923" y="9261"/>
                </a:lnTo>
                <a:lnTo>
                  <a:pt x="11171" y="9498"/>
                </a:lnTo>
                <a:lnTo>
                  <a:pt x="11419" y="9973"/>
                </a:lnTo>
                <a:lnTo>
                  <a:pt x="11916" y="10685"/>
                </a:lnTo>
                <a:lnTo>
                  <a:pt x="11916" y="11872"/>
                </a:lnTo>
                <a:lnTo>
                  <a:pt x="11171" y="11872"/>
                </a:lnTo>
                <a:lnTo>
                  <a:pt x="11916" y="12347"/>
                </a:lnTo>
                <a:lnTo>
                  <a:pt x="12909" y="13297"/>
                </a:lnTo>
                <a:lnTo>
                  <a:pt x="13902" y="13772"/>
                </a:lnTo>
                <a:lnTo>
                  <a:pt x="15143" y="14010"/>
                </a:lnTo>
                <a:lnTo>
                  <a:pt x="15888" y="14247"/>
                </a:lnTo>
                <a:lnTo>
                  <a:pt x="15888" y="15197"/>
                </a:lnTo>
                <a:lnTo>
                  <a:pt x="16384" y="15909"/>
                </a:lnTo>
                <a:lnTo>
                  <a:pt x="15888" y="16147"/>
                </a:lnTo>
                <a:lnTo>
                  <a:pt x="15391" y="15909"/>
                </a:lnTo>
                <a:lnTo>
                  <a:pt x="14895" y="16147"/>
                </a:lnTo>
                <a:lnTo>
                  <a:pt x="14646" y="16384"/>
                </a:lnTo>
                <a:lnTo>
                  <a:pt x="14150" y="16147"/>
                </a:lnTo>
                <a:lnTo>
                  <a:pt x="13653" y="16147"/>
                </a:lnTo>
                <a:lnTo>
                  <a:pt x="13405" y="15672"/>
                </a:lnTo>
                <a:lnTo>
                  <a:pt x="12660" y="15434"/>
                </a:lnTo>
                <a:lnTo>
                  <a:pt x="12660" y="14722"/>
                </a:lnTo>
                <a:lnTo>
                  <a:pt x="11916" y="14722"/>
                </a:lnTo>
                <a:lnTo>
                  <a:pt x="10923" y="14484"/>
                </a:lnTo>
                <a:lnTo>
                  <a:pt x="10178" y="14010"/>
                </a:lnTo>
                <a:lnTo>
                  <a:pt x="9930" y="13535"/>
                </a:lnTo>
                <a:lnTo>
                  <a:pt x="9681" y="13535"/>
                </a:lnTo>
                <a:lnTo>
                  <a:pt x="9930" y="13060"/>
                </a:lnTo>
                <a:lnTo>
                  <a:pt x="8937" y="11872"/>
                </a:lnTo>
                <a:lnTo>
                  <a:pt x="7696" y="10448"/>
                </a:lnTo>
                <a:lnTo>
                  <a:pt x="6454" y="9973"/>
                </a:lnTo>
                <a:lnTo>
                  <a:pt x="6206" y="9023"/>
                </a:lnTo>
                <a:lnTo>
                  <a:pt x="6454" y="8548"/>
                </a:lnTo>
                <a:lnTo>
                  <a:pt x="6703" y="7598"/>
                </a:lnTo>
                <a:lnTo>
                  <a:pt x="5958" y="6411"/>
                </a:lnTo>
                <a:lnTo>
                  <a:pt x="3475" y="4749"/>
                </a:lnTo>
                <a:lnTo>
                  <a:pt x="2979" y="2612"/>
                </a:lnTo>
                <a:lnTo>
                  <a:pt x="1738" y="2374"/>
                </a:lnTo>
                <a:lnTo>
                  <a:pt x="1241" y="1900"/>
                </a:lnTo>
                <a:lnTo>
                  <a:pt x="0" y="1187"/>
                </a:lnTo>
                <a:lnTo>
                  <a:pt x="0" y="0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45" name="d14384"/>
          <xdr:cNvSpPr>
            <a:spLocks/>
          </xdr:cNvSpPr>
        </xdr:nvSpPr>
        <xdr:spPr bwMode="auto">
          <a:xfrm>
            <a:off x="1748518" y="6989989"/>
            <a:ext cx="1291318" cy="831397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0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0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w 16384"/>
              <a:gd name="T115" fmla="*/ 0 h 16384"/>
              <a:gd name="T116" fmla="*/ 16384 w 16384"/>
              <a:gd name="T117" fmla="*/ 16384 h 16384"/>
            </a:gdLst>
            <a:ahLst/>
            <a:cxnLst>
              <a:cxn ang="T76">
                <a:pos x="T0" y="T1"/>
              </a:cxn>
              <a:cxn ang="T77">
                <a:pos x="T2" y="T3"/>
              </a:cxn>
              <a:cxn ang="T78">
                <a:pos x="T4" y="T5"/>
              </a:cxn>
              <a:cxn ang="T79">
                <a:pos x="T6" y="T7"/>
              </a:cxn>
              <a:cxn ang="T80">
                <a:pos x="T8" y="T9"/>
              </a:cxn>
              <a:cxn ang="T81">
                <a:pos x="T10" y="T11"/>
              </a:cxn>
              <a:cxn ang="T82">
                <a:pos x="T12" y="T13"/>
              </a:cxn>
              <a:cxn ang="T83">
                <a:pos x="T14" y="T15"/>
              </a:cxn>
              <a:cxn ang="T84">
                <a:pos x="T16" y="T17"/>
              </a:cxn>
              <a:cxn ang="T85">
                <a:pos x="T18" y="T19"/>
              </a:cxn>
              <a:cxn ang="T86">
                <a:pos x="T20" y="T21"/>
              </a:cxn>
              <a:cxn ang="T87">
                <a:pos x="T22" y="T23"/>
              </a:cxn>
              <a:cxn ang="T88">
                <a:pos x="T24" y="T25"/>
              </a:cxn>
              <a:cxn ang="T89">
                <a:pos x="T26" y="T27"/>
              </a:cxn>
              <a:cxn ang="T90">
                <a:pos x="T28" y="T29"/>
              </a:cxn>
              <a:cxn ang="T91">
                <a:pos x="T30" y="T31"/>
              </a:cxn>
              <a:cxn ang="T92">
                <a:pos x="T32" y="T33"/>
              </a:cxn>
              <a:cxn ang="T93">
                <a:pos x="T34" y="T35"/>
              </a:cxn>
              <a:cxn ang="T94">
                <a:pos x="T36" y="T37"/>
              </a:cxn>
              <a:cxn ang="T95">
                <a:pos x="T38" y="T39"/>
              </a:cxn>
              <a:cxn ang="T96">
                <a:pos x="T40" y="T41"/>
              </a:cxn>
              <a:cxn ang="T97">
                <a:pos x="T42" y="T43"/>
              </a:cxn>
              <a:cxn ang="T98">
                <a:pos x="T44" y="T45"/>
              </a:cxn>
              <a:cxn ang="T99">
                <a:pos x="T46" y="T47"/>
              </a:cxn>
              <a:cxn ang="T100">
                <a:pos x="T48" y="T49"/>
              </a:cxn>
              <a:cxn ang="T101">
                <a:pos x="T50" y="T51"/>
              </a:cxn>
              <a:cxn ang="T102">
                <a:pos x="T52" y="T53"/>
              </a:cxn>
              <a:cxn ang="T103">
                <a:pos x="T54" y="T55"/>
              </a:cxn>
              <a:cxn ang="T104">
                <a:pos x="T56" y="T57"/>
              </a:cxn>
              <a:cxn ang="T105">
                <a:pos x="T58" y="T59"/>
              </a:cxn>
              <a:cxn ang="T106">
                <a:pos x="T60" y="T61"/>
              </a:cxn>
              <a:cxn ang="T107">
                <a:pos x="T62" y="T63"/>
              </a:cxn>
              <a:cxn ang="T108">
                <a:pos x="T64" y="T65"/>
              </a:cxn>
              <a:cxn ang="T109">
                <a:pos x="T66" y="T67"/>
              </a:cxn>
              <a:cxn ang="T110">
                <a:pos x="T68" y="T69"/>
              </a:cxn>
              <a:cxn ang="T111">
                <a:pos x="T70" y="T71"/>
              </a:cxn>
              <a:cxn ang="T112">
                <a:pos x="T72" y="T73"/>
              </a:cxn>
              <a:cxn ang="T113">
                <a:pos x="T74" y="T75"/>
              </a:cxn>
            </a:cxnLst>
            <a:rect l="T114" t="T115" r="T116" b="T117"/>
            <a:pathLst>
              <a:path w="16384" h="16384">
                <a:moveTo>
                  <a:pt x="11529" y="3682"/>
                </a:moveTo>
                <a:lnTo>
                  <a:pt x="11529" y="4602"/>
                </a:lnTo>
                <a:lnTo>
                  <a:pt x="12136" y="5155"/>
                </a:lnTo>
                <a:lnTo>
                  <a:pt x="12379" y="5523"/>
                </a:lnTo>
                <a:lnTo>
                  <a:pt x="12986" y="5707"/>
                </a:lnTo>
                <a:lnTo>
                  <a:pt x="13229" y="7364"/>
                </a:lnTo>
                <a:lnTo>
                  <a:pt x="14442" y="8652"/>
                </a:lnTo>
                <a:lnTo>
                  <a:pt x="14806" y="9573"/>
                </a:lnTo>
                <a:lnTo>
                  <a:pt x="14685" y="10309"/>
                </a:lnTo>
                <a:lnTo>
                  <a:pt x="14564" y="10677"/>
                </a:lnTo>
                <a:lnTo>
                  <a:pt x="14685" y="11414"/>
                </a:lnTo>
                <a:lnTo>
                  <a:pt x="15292" y="11782"/>
                </a:lnTo>
                <a:lnTo>
                  <a:pt x="15899" y="12886"/>
                </a:lnTo>
                <a:lnTo>
                  <a:pt x="16384" y="13807"/>
                </a:lnTo>
                <a:lnTo>
                  <a:pt x="16263" y="14175"/>
                </a:lnTo>
                <a:lnTo>
                  <a:pt x="16020" y="13991"/>
                </a:lnTo>
                <a:lnTo>
                  <a:pt x="15899" y="13623"/>
                </a:lnTo>
                <a:lnTo>
                  <a:pt x="15049" y="13807"/>
                </a:lnTo>
                <a:lnTo>
                  <a:pt x="14078" y="13623"/>
                </a:lnTo>
                <a:lnTo>
                  <a:pt x="13471" y="14359"/>
                </a:lnTo>
                <a:lnTo>
                  <a:pt x="12986" y="15279"/>
                </a:lnTo>
                <a:lnTo>
                  <a:pt x="12500" y="16016"/>
                </a:lnTo>
                <a:lnTo>
                  <a:pt x="12136" y="15648"/>
                </a:lnTo>
                <a:lnTo>
                  <a:pt x="11651" y="16016"/>
                </a:lnTo>
                <a:lnTo>
                  <a:pt x="11165" y="16200"/>
                </a:lnTo>
                <a:lnTo>
                  <a:pt x="10680" y="16384"/>
                </a:lnTo>
                <a:lnTo>
                  <a:pt x="10316" y="16384"/>
                </a:lnTo>
                <a:lnTo>
                  <a:pt x="10073" y="16200"/>
                </a:lnTo>
                <a:lnTo>
                  <a:pt x="9588" y="16200"/>
                </a:lnTo>
                <a:lnTo>
                  <a:pt x="9345" y="16200"/>
                </a:lnTo>
                <a:lnTo>
                  <a:pt x="8859" y="16200"/>
                </a:lnTo>
                <a:lnTo>
                  <a:pt x="8253" y="16016"/>
                </a:lnTo>
                <a:lnTo>
                  <a:pt x="8010" y="16016"/>
                </a:lnTo>
                <a:lnTo>
                  <a:pt x="7646" y="15648"/>
                </a:lnTo>
                <a:lnTo>
                  <a:pt x="7403" y="15279"/>
                </a:lnTo>
                <a:lnTo>
                  <a:pt x="7039" y="14911"/>
                </a:lnTo>
                <a:lnTo>
                  <a:pt x="6190" y="15095"/>
                </a:lnTo>
                <a:lnTo>
                  <a:pt x="5219" y="15095"/>
                </a:lnTo>
                <a:lnTo>
                  <a:pt x="4490" y="14359"/>
                </a:lnTo>
                <a:lnTo>
                  <a:pt x="3884" y="14543"/>
                </a:lnTo>
                <a:lnTo>
                  <a:pt x="3155" y="13623"/>
                </a:lnTo>
                <a:lnTo>
                  <a:pt x="2306" y="13991"/>
                </a:lnTo>
                <a:lnTo>
                  <a:pt x="1578" y="13070"/>
                </a:lnTo>
                <a:lnTo>
                  <a:pt x="1214" y="12886"/>
                </a:lnTo>
                <a:lnTo>
                  <a:pt x="485" y="13623"/>
                </a:lnTo>
                <a:lnTo>
                  <a:pt x="364" y="12886"/>
                </a:lnTo>
                <a:lnTo>
                  <a:pt x="485" y="11966"/>
                </a:lnTo>
                <a:lnTo>
                  <a:pt x="728" y="11229"/>
                </a:lnTo>
                <a:lnTo>
                  <a:pt x="121" y="10677"/>
                </a:lnTo>
                <a:lnTo>
                  <a:pt x="485" y="9757"/>
                </a:lnTo>
                <a:lnTo>
                  <a:pt x="364" y="8836"/>
                </a:lnTo>
                <a:lnTo>
                  <a:pt x="485" y="8284"/>
                </a:lnTo>
                <a:lnTo>
                  <a:pt x="243" y="7916"/>
                </a:lnTo>
                <a:lnTo>
                  <a:pt x="0" y="6811"/>
                </a:lnTo>
                <a:lnTo>
                  <a:pt x="728" y="6443"/>
                </a:lnTo>
                <a:lnTo>
                  <a:pt x="1456" y="6627"/>
                </a:lnTo>
                <a:lnTo>
                  <a:pt x="2063" y="6443"/>
                </a:lnTo>
                <a:lnTo>
                  <a:pt x="2427" y="5707"/>
                </a:lnTo>
                <a:lnTo>
                  <a:pt x="2670" y="5707"/>
                </a:lnTo>
                <a:lnTo>
                  <a:pt x="2913" y="5155"/>
                </a:lnTo>
                <a:lnTo>
                  <a:pt x="3034" y="4418"/>
                </a:lnTo>
                <a:lnTo>
                  <a:pt x="3520" y="3498"/>
                </a:lnTo>
                <a:lnTo>
                  <a:pt x="4490" y="2945"/>
                </a:lnTo>
                <a:lnTo>
                  <a:pt x="5340" y="2577"/>
                </a:lnTo>
                <a:lnTo>
                  <a:pt x="5825" y="1473"/>
                </a:lnTo>
                <a:lnTo>
                  <a:pt x="6311" y="1289"/>
                </a:lnTo>
                <a:lnTo>
                  <a:pt x="6675" y="736"/>
                </a:lnTo>
                <a:lnTo>
                  <a:pt x="7160" y="0"/>
                </a:lnTo>
                <a:lnTo>
                  <a:pt x="7646" y="184"/>
                </a:lnTo>
                <a:lnTo>
                  <a:pt x="7646" y="1105"/>
                </a:lnTo>
                <a:lnTo>
                  <a:pt x="8010" y="1289"/>
                </a:lnTo>
                <a:lnTo>
                  <a:pt x="8738" y="1841"/>
                </a:lnTo>
                <a:lnTo>
                  <a:pt x="9102" y="1657"/>
                </a:lnTo>
                <a:lnTo>
                  <a:pt x="9588" y="2025"/>
                </a:lnTo>
                <a:lnTo>
                  <a:pt x="10073" y="3130"/>
                </a:lnTo>
                <a:lnTo>
                  <a:pt x="10801" y="3314"/>
                </a:lnTo>
                <a:lnTo>
                  <a:pt x="11529" y="3682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46" name="d14401"/>
          <xdr:cNvSpPr>
            <a:spLocks/>
          </xdr:cNvSpPr>
        </xdr:nvSpPr>
        <xdr:spPr bwMode="auto">
          <a:xfrm>
            <a:off x="4295775" y="2190750"/>
            <a:ext cx="1281793" cy="802821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2147483646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0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16384"/>
              <a:gd name="T136" fmla="*/ 0 h 16384"/>
              <a:gd name="T137" fmla="*/ 16384 w 16384"/>
              <a:gd name="T138" fmla="*/ 16384 h 16384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16384" h="16384">
                <a:moveTo>
                  <a:pt x="16262" y="8573"/>
                </a:moveTo>
                <a:lnTo>
                  <a:pt x="15773" y="9145"/>
                </a:lnTo>
                <a:lnTo>
                  <a:pt x="15895" y="9335"/>
                </a:lnTo>
                <a:lnTo>
                  <a:pt x="16384" y="9526"/>
                </a:lnTo>
                <a:lnTo>
                  <a:pt x="16384" y="10478"/>
                </a:lnTo>
                <a:lnTo>
                  <a:pt x="15161" y="11050"/>
                </a:lnTo>
                <a:lnTo>
                  <a:pt x="15284" y="12002"/>
                </a:lnTo>
                <a:lnTo>
                  <a:pt x="15406" y="12955"/>
                </a:lnTo>
                <a:lnTo>
                  <a:pt x="15406" y="13336"/>
                </a:lnTo>
                <a:lnTo>
                  <a:pt x="15161" y="13336"/>
                </a:lnTo>
                <a:lnTo>
                  <a:pt x="15284" y="13717"/>
                </a:lnTo>
                <a:lnTo>
                  <a:pt x="15039" y="13907"/>
                </a:lnTo>
                <a:lnTo>
                  <a:pt x="15161" y="14288"/>
                </a:lnTo>
                <a:lnTo>
                  <a:pt x="14917" y="14669"/>
                </a:lnTo>
                <a:lnTo>
                  <a:pt x="15039" y="15812"/>
                </a:lnTo>
                <a:lnTo>
                  <a:pt x="14795" y="16193"/>
                </a:lnTo>
                <a:lnTo>
                  <a:pt x="14550" y="16384"/>
                </a:lnTo>
                <a:lnTo>
                  <a:pt x="14061" y="16003"/>
                </a:lnTo>
                <a:lnTo>
                  <a:pt x="13450" y="14669"/>
                </a:lnTo>
                <a:lnTo>
                  <a:pt x="12349" y="14098"/>
                </a:lnTo>
                <a:lnTo>
                  <a:pt x="11493" y="14098"/>
                </a:lnTo>
                <a:lnTo>
                  <a:pt x="11126" y="13526"/>
                </a:lnTo>
                <a:lnTo>
                  <a:pt x="10393" y="13717"/>
                </a:lnTo>
                <a:lnTo>
                  <a:pt x="10393" y="12383"/>
                </a:lnTo>
                <a:lnTo>
                  <a:pt x="9904" y="11240"/>
                </a:lnTo>
                <a:lnTo>
                  <a:pt x="10026" y="10288"/>
                </a:lnTo>
                <a:lnTo>
                  <a:pt x="9170" y="9716"/>
                </a:lnTo>
                <a:lnTo>
                  <a:pt x="8681" y="10288"/>
                </a:lnTo>
                <a:lnTo>
                  <a:pt x="8192" y="9907"/>
                </a:lnTo>
                <a:lnTo>
                  <a:pt x="7947" y="10288"/>
                </a:lnTo>
                <a:lnTo>
                  <a:pt x="7336" y="10288"/>
                </a:lnTo>
                <a:lnTo>
                  <a:pt x="6603" y="11812"/>
                </a:lnTo>
                <a:lnTo>
                  <a:pt x="5502" y="12574"/>
                </a:lnTo>
                <a:lnTo>
                  <a:pt x="5013" y="12193"/>
                </a:lnTo>
                <a:lnTo>
                  <a:pt x="4646" y="12574"/>
                </a:lnTo>
                <a:lnTo>
                  <a:pt x="4524" y="13717"/>
                </a:lnTo>
                <a:lnTo>
                  <a:pt x="4524" y="14098"/>
                </a:lnTo>
                <a:lnTo>
                  <a:pt x="3913" y="14098"/>
                </a:lnTo>
                <a:lnTo>
                  <a:pt x="3546" y="13526"/>
                </a:lnTo>
                <a:lnTo>
                  <a:pt x="3057" y="13145"/>
                </a:lnTo>
                <a:lnTo>
                  <a:pt x="2812" y="12002"/>
                </a:lnTo>
                <a:lnTo>
                  <a:pt x="2445" y="10669"/>
                </a:lnTo>
                <a:lnTo>
                  <a:pt x="1712" y="10288"/>
                </a:lnTo>
                <a:lnTo>
                  <a:pt x="1467" y="9526"/>
                </a:lnTo>
                <a:lnTo>
                  <a:pt x="1100" y="9335"/>
                </a:lnTo>
                <a:lnTo>
                  <a:pt x="978" y="8764"/>
                </a:lnTo>
                <a:lnTo>
                  <a:pt x="489" y="8383"/>
                </a:lnTo>
                <a:lnTo>
                  <a:pt x="245" y="7811"/>
                </a:lnTo>
                <a:lnTo>
                  <a:pt x="0" y="6477"/>
                </a:lnTo>
                <a:lnTo>
                  <a:pt x="367" y="5334"/>
                </a:lnTo>
                <a:lnTo>
                  <a:pt x="611" y="4763"/>
                </a:lnTo>
                <a:lnTo>
                  <a:pt x="489" y="3810"/>
                </a:lnTo>
                <a:lnTo>
                  <a:pt x="611" y="3429"/>
                </a:lnTo>
                <a:lnTo>
                  <a:pt x="978" y="2858"/>
                </a:lnTo>
                <a:lnTo>
                  <a:pt x="1467" y="2286"/>
                </a:lnTo>
                <a:lnTo>
                  <a:pt x="1956" y="2286"/>
                </a:lnTo>
                <a:lnTo>
                  <a:pt x="2568" y="2096"/>
                </a:lnTo>
                <a:lnTo>
                  <a:pt x="3057" y="1715"/>
                </a:lnTo>
                <a:lnTo>
                  <a:pt x="3301" y="2096"/>
                </a:lnTo>
                <a:lnTo>
                  <a:pt x="3668" y="2096"/>
                </a:lnTo>
                <a:lnTo>
                  <a:pt x="3790" y="2477"/>
                </a:lnTo>
                <a:lnTo>
                  <a:pt x="4524" y="2667"/>
                </a:lnTo>
                <a:lnTo>
                  <a:pt x="4768" y="3239"/>
                </a:lnTo>
                <a:lnTo>
                  <a:pt x="5013" y="3239"/>
                </a:lnTo>
                <a:lnTo>
                  <a:pt x="5135" y="2667"/>
                </a:lnTo>
                <a:lnTo>
                  <a:pt x="5135" y="1905"/>
                </a:lnTo>
                <a:lnTo>
                  <a:pt x="5380" y="1334"/>
                </a:lnTo>
                <a:lnTo>
                  <a:pt x="5991" y="1143"/>
                </a:lnTo>
                <a:lnTo>
                  <a:pt x="5991" y="572"/>
                </a:lnTo>
                <a:lnTo>
                  <a:pt x="6725" y="0"/>
                </a:lnTo>
                <a:lnTo>
                  <a:pt x="7092" y="381"/>
                </a:lnTo>
                <a:lnTo>
                  <a:pt x="7458" y="381"/>
                </a:lnTo>
                <a:lnTo>
                  <a:pt x="7703" y="572"/>
                </a:lnTo>
                <a:lnTo>
                  <a:pt x="8192" y="1143"/>
                </a:lnTo>
                <a:lnTo>
                  <a:pt x="8559" y="1524"/>
                </a:lnTo>
                <a:lnTo>
                  <a:pt x="8803" y="2477"/>
                </a:lnTo>
                <a:lnTo>
                  <a:pt x="9048" y="2667"/>
                </a:lnTo>
                <a:lnTo>
                  <a:pt x="9415" y="3620"/>
                </a:lnTo>
                <a:lnTo>
                  <a:pt x="9659" y="3810"/>
                </a:lnTo>
                <a:lnTo>
                  <a:pt x="10026" y="4191"/>
                </a:lnTo>
                <a:lnTo>
                  <a:pt x="10271" y="4763"/>
                </a:lnTo>
                <a:lnTo>
                  <a:pt x="10637" y="5334"/>
                </a:lnTo>
                <a:lnTo>
                  <a:pt x="11004" y="5144"/>
                </a:lnTo>
                <a:lnTo>
                  <a:pt x="11493" y="4572"/>
                </a:lnTo>
                <a:lnTo>
                  <a:pt x="11860" y="4763"/>
                </a:lnTo>
                <a:lnTo>
                  <a:pt x="12105" y="4382"/>
                </a:lnTo>
                <a:lnTo>
                  <a:pt x="13083" y="4953"/>
                </a:lnTo>
                <a:lnTo>
                  <a:pt x="14305" y="6096"/>
                </a:lnTo>
                <a:lnTo>
                  <a:pt x="15406" y="7430"/>
                </a:lnTo>
                <a:lnTo>
                  <a:pt x="16262" y="8573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47" name="d14402"/>
          <xdr:cNvSpPr>
            <a:spLocks/>
          </xdr:cNvSpPr>
        </xdr:nvSpPr>
        <xdr:spPr bwMode="auto">
          <a:xfrm>
            <a:off x="3356882" y="2378529"/>
            <a:ext cx="1551214" cy="1309007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0 w 16384"/>
              <a:gd name="T19" fmla="*/ 2147483646 h 16384"/>
              <a:gd name="T20" fmla="*/ 2147483646 w 16384"/>
              <a:gd name="T21" fmla="*/ 2147483646 h 16384"/>
              <a:gd name="T22" fmla="*/ 2147483646 w 16384"/>
              <a:gd name="T23" fmla="*/ 2147483646 h 16384"/>
              <a:gd name="T24" fmla="*/ 0 w 16384"/>
              <a:gd name="T25" fmla="*/ 2147483646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2147483646 w 16384"/>
              <a:gd name="T35" fmla="*/ 2147483646 h 16384"/>
              <a:gd name="T36" fmla="*/ 2147483646 w 16384"/>
              <a:gd name="T37" fmla="*/ 2147483646 h 16384"/>
              <a:gd name="T38" fmla="*/ 2147483646 w 16384"/>
              <a:gd name="T39" fmla="*/ 2147483646 h 16384"/>
              <a:gd name="T40" fmla="*/ 2147483646 w 16384"/>
              <a:gd name="T41" fmla="*/ 2147483646 h 16384"/>
              <a:gd name="T42" fmla="*/ 2147483646 w 16384"/>
              <a:gd name="T43" fmla="*/ 2147483646 h 16384"/>
              <a:gd name="T44" fmla="*/ 2147483646 w 16384"/>
              <a:gd name="T45" fmla="*/ 2147483646 h 16384"/>
              <a:gd name="T46" fmla="*/ 2147483646 w 16384"/>
              <a:gd name="T47" fmla="*/ 2147483646 h 16384"/>
              <a:gd name="T48" fmla="*/ 2147483646 w 16384"/>
              <a:gd name="T49" fmla="*/ 2147483646 h 16384"/>
              <a:gd name="T50" fmla="*/ 2147483646 w 16384"/>
              <a:gd name="T51" fmla="*/ 2147483646 h 16384"/>
              <a:gd name="T52" fmla="*/ 2147483646 w 16384"/>
              <a:gd name="T53" fmla="*/ 2147483646 h 16384"/>
              <a:gd name="T54" fmla="*/ 2147483646 w 16384"/>
              <a:gd name="T55" fmla="*/ 2147483646 h 16384"/>
              <a:gd name="T56" fmla="*/ 2147483646 w 16384"/>
              <a:gd name="T57" fmla="*/ 0 h 16384"/>
              <a:gd name="T58" fmla="*/ 2147483646 w 16384"/>
              <a:gd name="T59" fmla="*/ 2147483646 h 16384"/>
              <a:gd name="T60" fmla="*/ 2147483646 w 16384"/>
              <a:gd name="T61" fmla="*/ 2147483646 h 16384"/>
              <a:gd name="T62" fmla="*/ 2147483646 w 16384"/>
              <a:gd name="T63" fmla="*/ 2147483646 h 16384"/>
              <a:gd name="T64" fmla="*/ 2147483646 w 16384"/>
              <a:gd name="T65" fmla="*/ 2147483646 h 16384"/>
              <a:gd name="T66" fmla="*/ 2147483646 w 16384"/>
              <a:gd name="T67" fmla="*/ 2147483646 h 16384"/>
              <a:gd name="T68" fmla="*/ 2147483646 w 16384"/>
              <a:gd name="T69" fmla="*/ 2147483646 h 16384"/>
              <a:gd name="T70" fmla="*/ 2147483646 w 16384"/>
              <a:gd name="T71" fmla="*/ 2147483646 h 16384"/>
              <a:gd name="T72" fmla="*/ 2147483646 w 16384"/>
              <a:gd name="T73" fmla="*/ 2147483646 h 16384"/>
              <a:gd name="T74" fmla="*/ 2147483646 w 16384"/>
              <a:gd name="T75" fmla="*/ 2147483646 h 16384"/>
              <a:gd name="T76" fmla="*/ 2147483646 w 16384"/>
              <a:gd name="T77" fmla="*/ 2147483646 h 16384"/>
              <a:gd name="T78" fmla="*/ 2147483646 w 16384"/>
              <a:gd name="T79" fmla="*/ 2147483646 h 16384"/>
              <a:gd name="T80" fmla="*/ 2147483646 w 16384"/>
              <a:gd name="T81" fmla="*/ 2147483646 h 16384"/>
              <a:gd name="T82" fmla="*/ 2147483646 w 16384"/>
              <a:gd name="T83" fmla="*/ 2147483646 h 16384"/>
              <a:gd name="T84" fmla="*/ 2147483646 w 16384"/>
              <a:gd name="T85" fmla="*/ 2147483646 h 16384"/>
              <a:gd name="T86" fmla="*/ 2147483646 w 16384"/>
              <a:gd name="T87" fmla="*/ 2147483646 h 16384"/>
              <a:gd name="T88" fmla="*/ 2147483646 w 16384"/>
              <a:gd name="T89" fmla="*/ 2147483646 h 16384"/>
              <a:gd name="T90" fmla="*/ 2147483646 w 16384"/>
              <a:gd name="T91" fmla="*/ 2147483646 h 16384"/>
              <a:gd name="T92" fmla="*/ 2147483646 w 16384"/>
              <a:gd name="T93" fmla="*/ 2147483646 h 16384"/>
              <a:gd name="T94" fmla="*/ 2147483646 w 16384"/>
              <a:gd name="T95" fmla="*/ 2147483646 h 16384"/>
              <a:gd name="T96" fmla="*/ 2147483646 w 16384"/>
              <a:gd name="T97" fmla="*/ 2147483646 h 16384"/>
              <a:gd name="T98" fmla="*/ 2147483646 w 16384"/>
              <a:gd name="T99" fmla="*/ 2147483646 h 16384"/>
              <a:gd name="T100" fmla="*/ 2147483646 w 16384"/>
              <a:gd name="T101" fmla="*/ 2147483646 h 16384"/>
              <a:gd name="T102" fmla="*/ 2147483646 w 16384"/>
              <a:gd name="T103" fmla="*/ 2147483646 h 16384"/>
              <a:gd name="T104" fmla="*/ 2147483646 w 16384"/>
              <a:gd name="T105" fmla="*/ 2147483646 h 16384"/>
              <a:gd name="T106" fmla="*/ 2147483646 w 16384"/>
              <a:gd name="T107" fmla="*/ 2147483646 h 16384"/>
              <a:gd name="T108" fmla="*/ 2147483646 w 16384"/>
              <a:gd name="T109" fmla="*/ 2147483646 h 16384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w 16384"/>
              <a:gd name="T166" fmla="*/ 0 h 16384"/>
              <a:gd name="T167" fmla="*/ 16384 w 16384"/>
              <a:gd name="T168" fmla="*/ 16384 h 16384"/>
            </a:gdLst>
            <a:ahLst/>
            <a:cxnLst>
              <a:cxn ang="T110">
                <a:pos x="T0" y="T1"/>
              </a:cxn>
              <a:cxn ang="T111">
                <a:pos x="T2" y="T3"/>
              </a:cxn>
              <a:cxn ang="T112">
                <a:pos x="T4" y="T5"/>
              </a:cxn>
              <a:cxn ang="T113">
                <a:pos x="T6" y="T7"/>
              </a:cxn>
              <a:cxn ang="T114">
                <a:pos x="T8" y="T9"/>
              </a:cxn>
              <a:cxn ang="T115">
                <a:pos x="T10" y="T11"/>
              </a:cxn>
              <a:cxn ang="T116">
                <a:pos x="T12" y="T13"/>
              </a:cxn>
              <a:cxn ang="T117">
                <a:pos x="T14" y="T15"/>
              </a:cxn>
              <a:cxn ang="T118">
                <a:pos x="T16" y="T17"/>
              </a:cxn>
              <a:cxn ang="T119">
                <a:pos x="T18" y="T19"/>
              </a:cxn>
              <a:cxn ang="T120">
                <a:pos x="T20" y="T21"/>
              </a:cxn>
              <a:cxn ang="T121">
                <a:pos x="T22" y="T23"/>
              </a:cxn>
              <a:cxn ang="T122">
                <a:pos x="T24" y="T25"/>
              </a:cxn>
              <a:cxn ang="T123">
                <a:pos x="T26" y="T27"/>
              </a:cxn>
              <a:cxn ang="T124">
                <a:pos x="T28" y="T29"/>
              </a:cxn>
              <a:cxn ang="T125">
                <a:pos x="T30" y="T31"/>
              </a:cxn>
              <a:cxn ang="T126">
                <a:pos x="T32" y="T33"/>
              </a:cxn>
              <a:cxn ang="T127">
                <a:pos x="T34" y="T35"/>
              </a:cxn>
              <a:cxn ang="T128">
                <a:pos x="T36" y="T37"/>
              </a:cxn>
              <a:cxn ang="T129">
                <a:pos x="T38" y="T39"/>
              </a:cxn>
              <a:cxn ang="T130">
                <a:pos x="T40" y="T41"/>
              </a:cxn>
              <a:cxn ang="T131">
                <a:pos x="T42" y="T43"/>
              </a:cxn>
              <a:cxn ang="T132">
                <a:pos x="T44" y="T45"/>
              </a:cxn>
              <a:cxn ang="T133">
                <a:pos x="T46" y="T47"/>
              </a:cxn>
              <a:cxn ang="T134">
                <a:pos x="T48" y="T49"/>
              </a:cxn>
              <a:cxn ang="T135">
                <a:pos x="T50" y="T51"/>
              </a:cxn>
              <a:cxn ang="T136">
                <a:pos x="T52" y="T53"/>
              </a:cxn>
              <a:cxn ang="T137">
                <a:pos x="T54" y="T55"/>
              </a:cxn>
              <a:cxn ang="T138">
                <a:pos x="T56" y="T57"/>
              </a:cxn>
              <a:cxn ang="T139">
                <a:pos x="T58" y="T59"/>
              </a:cxn>
              <a:cxn ang="T140">
                <a:pos x="T60" y="T61"/>
              </a:cxn>
              <a:cxn ang="T141">
                <a:pos x="T62" y="T63"/>
              </a:cxn>
              <a:cxn ang="T142">
                <a:pos x="T64" y="T65"/>
              </a:cxn>
              <a:cxn ang="T143">
                <a:pos x="T66" y="T67"/>
              </a:cxn>
              <a:cxn ang="T144">
                <a:pos x="T68" y="T69"/>
              </a:cxn>
              <a:cxn ang="T145">
                <a:pos x="T70" y="T71"/>
              </a:cxn>
              <a:cxn ang="T146">
                <a:pos x="T72" y="T73"/>
              </a:cxn>
              <a:cxn ang="T147">
                <a:pos x="T74" y="T75"/>
              </a:cxn>
              <a:cxn ang="T148">
                <a:pos x="T76" y="T77"/>
              </a:cxn>
              <a:cxn ang="T149">
                <a:pos x="T78" y="T79"/>
              </a:cxn>
              <a:cxn ang="T150">
                <a:pos x="T80" y="T81"/>
              </a:cxn>
              <a:cxn ang="T151">
                <a:pos x="T82" y="T83"/>
              </a:cxn>
              <a:cxn ang="T152">
                <a:pos x="T84" y="T85"/>
              </a:cxn>
              <a:cxn ang="T153">
                <a:pos x="T86" y="T87"/>
              </a:cxn>
              <a:cxn ang="T154">
                <a:pos x="T88" y="T89"/>
              </a:cxn>
              <a:cxn ang="T155">
                <a:pos x="T90" y="T91"/>
              </a:cxn>
              <a:cxn ang="T156">
                <a:pos x="T92" y="T93"/>
              </a:cxn>
              <a:cxn ang="T157">
                <a:pos x="T94" y="T95"/>
              </a:cxn>
              <a:cxn ang="T158">
                <a:pos x="T96" y="T97"/>
              </a:cxn>
              <a:cxn ang="T159">
                <a:pos x="T98" y="T99"/>
              </a:cxn>
              <a:cxn ang="T160">
                <a:pos x="T100" y="T101"/>
              </a:cxn>
              <a:cxn ang="T161">
                <a:pos x="T102" y="T103"/>
              </a:cxn>
              <a:cxn ang="T162">
                <a:pos x="T104" y="T105"/>
              </a:cxn>
              <a:cxn ang="T163">
                <a:pos x="T106" y="T107"/>
              </a:cxn>
              <a:cxn ang="T164">
                <a:pos x="T108" y="T109"/>
              </a:cxn>
            </a:cxnLst>
            <a:rect l="T165" t="T166" r="T167" b="T168"/>
            <a:pathLst>
              <a:path w="16384" h="16384">
                <a:moveTo>
                  <a:pt x="7889" y="15331"/>
                </a:moveTo>
                <a:lnTo>
                  <a:pt x="8091" y="14863"/>
                </a:lnTo>
                <a:lnTo>
                  <a:pt x="7181" y="14160"/>
                </a:lnTo>
                <a:lnTo>
                  <a:pt x="6473" y="13926"/>
                </a:lnTo>
                <a:lnTo>
                  <a:pt x="6372" y="13809"/>
                </a:lnTo>
                <a:lnTo>
                  <a:pt x="5664" y="14160"/>
                </a:lnTo>
                <a:lnTo>
                  <a:pt x="5461" y="14277"/>
                </a:lnTo>
                <a:lnTo>
                  <a:pt x="5158" y="14160"/>
                </a:lnTo>
                <a:lnTo>
                  <a:pt x="4956" y="14863"/>
                </a:lnTo>
                <a:lnTo>
                  <a:pt x="4551" y="14980"/>
                </a:lnTo>
                <a:lnTo>
                  <a:pt x="4147" y="15565"/>
                </a:lnTo>
                <a:lnTo>
                  <a:pt x="3944" y="15565"/>
                </a:lnTo>
                <a:lnTo>
                  <a:pt x="3135" y="15799"/>
                </a:lnTo>
                <a:lnTo>
                  <a:pt x="2427" y="15916"/>
                </a:lnTo>
                <a:lnTo>
                  <a:pt x="2326" y="16384"/>
                </a:lnTo>
                <a:lnTo>
                  <a:pt x="2023" y="16267"/>
                </a:lnTo>
                <a:lnTo>
                  <a:pt x="1416" y="15331"/>
                </a:lnTo>
                <a:lnTo>
                  <a:pt x="809" y="15097"/>
                </a:lnTo>
                <a:lnTo>
                  <a:pt x="202" y="14980"/>
                </a:lnTo>
                <a:lnTo>
                  <a:pt x="0" y="14980"/>
                </a:lnTo>
                <a:lnTo>
                  <a:pt x="202" y="14512"/>
                </a:lnTo>
                <a:lnTo>
                  <a:pt x="101" y="14043"/>
                </a:lnTo>
                <a:lnTo>
                  <a:pt x="303" y="13575"/>
                </a:lnTo>
                <a:lnTo>
                  <a:pt x="303" y="12639"/>
                </a:lnTo>
                <a:lnTo>
                  <a:pt x="101" y="12405"/>
                </a:lnTo>
                <a:lnTo>
                  <a:pt x="0" y="12054"/>
                </a:lnTo>
                <a:lnTo>
                  <a:pt x="0" y="11469"/>
                </a:lnTo>
                <a:lnTo>
                  <a:pt x="202" y="11235"/>
                </a:lnTo>
                <a:lnTo>
                  <a:pt x="202" y="10533"/>
                </a:lnTo>
                <a:lnTo>
                  <a:pt x="607" y="10064"/>
                </a:lnTo>
                <a:lnTo>
                  <a:pt x="1214" y="9362"/>
                </a:lnTo>
                <a:lnTo>
                  <a:pt x="2023" y="8192"/>
                </a:lnTo>
                <a:lnTo>
                  <a:pt x="2832" y="7256"/>
                </a:lnTo>
                <a:lnTo>
                  <a:pt x="3135" y="6671"/>
                </a:lnTo>
                <a:lnTo>
                  <a:pt x="3641" y="6203"/>
                </a:lnTo>
                <a:lnTo>
                  <a:pt x="4147" y="6203"/>
                </a:lnTo>
                <a:lnTo>
                  <a:pt x="4551" y="5851"/>
                </a:lnTo>
                <a:lnTo>
                  <a:pt x="4956" y="5149"/>
                </a:lnTo>
                <a:lnTo>
                  <a:pt x="5360" y="4798"/>
                </a:lnTo>
                <a:lnTo>
                  <a:pt x="5562" y="4681"/>
                </a:lnTo>
                <a:lnTo>
                  <a:pt x="5866" y="4213"/>
                </a:lnTo>
                <a:lnTo>
                  <a:pt x="6169" y="3862"/>
                </a:lnTo>
                <a:lnTo>
                  <a:pt x="6574" y="3511"/>
                </a:lnTo>
                <a:lnTo>
                  <a:pt x="6877" y="2692"/>
                </a:lnTo>
                <a:lnTo>
                  <a:pt x="7282" y="2458"/>
                </a:lnTo>
                <a:lnTo>
                  <a:pt x="7282" y="2107"/>
                </a:lnTo>
                <a:lnTo>
                  <a:pt x="6978" y="1755"/>
                </a:lnTo>
                <a:lnTo>
                  <a:pt x="6877" y="1521"/>
                </a:lnTo>
                <a:lnTo>
                  <a:pt x="7383" y="1053"/>
                </a:lnTo>
                <a:lnTo>
                  <a:pt x="7787" y="702"/>
                </a:lnTo>
                <a:lnTo>
                  <a:pt x="7889" y="819"/>
                </a:lnTo>
                <a:lnTo>
                  <a:pt x="8495" y="1872"/>
                </a:lnTo>
                <a:lnTo>
                  <a:pt x="8597" y="1755"/>
                </a:lnTo>
                <a:lnTo>
                  <a:pt x="9203" y="1638"/>
                </a:lnTo>
                <a:lnTo>
                  <a:pt x="9203" y="1170"/>
                </a:lnTo>
                <a:lnTo>
                  <a:pt x="9507" y="1170"/>
                </a:lnTo>
                <a:lnTo>
                  <a:pt x="9507" y="585"/>
                </a:lnTo>
                <a:lnTo>
                  <a:pt x="10316" y="0"/>
                </a:lnTo>
                <a:lnTo>
                  <a:pt x="10417" y="585"/>
                </a:lnTo>
                <a:lnTo>
                  <a:pt x="10215" y="936"/>
                </a:lnTo>
                <a:lnTo>
                  <a:pt x="9911" y="1638"/>
                </a:lnTo>
                <a:lnTo>
                  <a:pt x="10114" y="2458"/>
                </a:lnTo>
                <a:lnTo>
                  <a:pt x="10316" y="2809"/>
                </a:lnTo>
                <a:lnTo>
                  <a:pt x="10720" y="3043"/>
                </a:lnTo>
                <a:lnTo>
                  <a:pt x="10822" y="3394"/>
                </a:lnTo>
                <a:lnTo>
                  <a:pt x="11125" y="3511"/>
                </a:lnTo>
                <a:lnTo>
                  <a:pt x="11327" y="3979"/>
                </a:lnTo>
                <a:lnTo>
                  <a:pt x="11934" y="4213"/>
                </a:lnTo>
                <a:lnTo>
                  <a:pt x="12237" y="5032"/>
                </a:lnTo>
                <a:lnTo>
                  <a:pt x="12440" y="5734"/>
                </a:lnTo>
                <a:lnTo>
                  <a:pt x="12844" y="5968"/>
                </a:lnTo>
                <a:lnTo>
                  <a:pt x="13148" y="6320"/>
                </a:lnTo>
                <a:lnTo>
                  <a:pt x="13653" y="6320"/>
                </a:lnTo>
                <a:lnTo>
                  <a:pt x="13957" y="6788"/>
                </a:lnTo>
                <a:lnTo>
                  <a:pt x="14058" y="7373"/>
                </a:lnTo>
                <a:lnTo>
                  <a:pt x="14462" y="7841"/>
                </a:lnTo>
                <a:lnTo>
                  <a:pt x="14462" y="8426"/>
                </a:lnTo>
                <a:lnTo>
                  <a:pt x="14564" y="8777"/>
                </a:lnTo>
                <a:lnTo>
                  <a:pt x="14766" y="9128"/>
                </a:lnTo>
                <a:lnTo>
                  <a:pt x="15170" y="9245"/>
                </a:lnTo>
                <a:lnTo>
                  <a:pt x="15272" y="9713"/>
                </a:lnTo>
                <a:lnTo>
                  <a:pt x="15373" y="10299"/>
                </a:lnTo>
                <a:lnTo>
                  <a:pt x="15575" y="10416"/>
                </a:lnTo>
                <a:lnTo>
                  <a:pt x="15979" y="10650"/>
                </a:lnTo>
                <a:lnTo>
                  <a:pt x="16283" y="10767"/>
                </a:lnTo>
                <a:lnTo>
                  <a:pt x="16384" y="11352"/>
                </a:lnTo>
                <a:lnTo>
                  <a:pt x="16384" y="11820"/>
                </a:lnTo>
                <a:lnTo>
                  <a:pt x="16384" y="12288"/>
                </a:lnTo>
                <a:lnTo>
                  <a:pt x="16081" y="12522"/>
                </a:lnTo>
                <a:lnTo>
                  <a:pt x="16081" y="13341"/>
                </a:lnTo>
                <a:lnTo>
                  <a:pt x="15878" y="13692"/>
                </a:lnTo>
                <a:lnTo>
                  <a:pt x="15575" y="13692"/>
                </a:lnTo>
                <a:lnTo>
                  <a:pt x="15474" y="13575"/>
                </a:lnTo>
                <a:lnTo>
                  <a:pt x="14867" y="13926"/>
                </a:lnTo>
                <a:lnTo>
                  <a:pt x="14462" y="13575"/>
                </a:lnTo>
                <a:lnTo>
                  <a:pt x="13856" y="13575"/>
                </a:lnTo>
                <a:lnTo>
                  <a:pt x="13249" y="13809"/>
                </a:lnTo>
                <a:lnTo>
                  <a:pt x="12844" y="13692"/>
                </a:lnTo>
                <a:lnTo>
                  <a:pt x="12339" y="13809"/>
                </a:lnTo>
                <a:lnTo>
                  <a:pt x="11934" y="13926"/>
                </a:lnTo>
                <a:lnTo>
                  <a:pt x="11732" y="13809"/>
                </a:lnTo>
                <a:lnTo>
                  <a:pt x="11327" y="14043"/>
                </a:lnTo>
                <a:lnTo>
                  <a:pt x="10720" y="14160"/>
                </a:lnTo>
                <a:lnTo>
                  <a:pt x="10114" y="13575"/>
                </a:lnTo>
                <a:lnTo>
                  <a:pt x="9608" y="14043"/>
                </a:lnTo>
                <a:lnTo>
                  <a:pt x="9304" y="14043"/>
                </a:lnTo>
                <a:lnTo>
                  <a:pt x="9102" y="14395"/>
                </a:lnTo>
                <a:lnTo>
                  <a:pt x="9001" y="14746"/>
                </a:lnTo>
                <a:lnTo>
                  <a:pt x="8394" y="15097"/>
                </a:lnTo>
                <a:lnTo>
                  <a:pt x="7889" y="15331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48" name="d14130_1"/>
          <xdr:cNvSpPr>
            <a:spLocks/>
          </xdr:cNvSpPr>
        </xdr:nvSpPr>
        <xdr:spPr bwMode="auto">
          <a:xfrm>
            <a:off x="9689646" y="3060246"/>
            <a:ext cx="288472" cy="232683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0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0 w 16384"/>
              <a:gd name="T9" fmla="*/ 2147483646 h 16384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  <a:gd name="T15" fmla="*/ 0 w 16384"/>
              <a:gd name="T16" fmla="*/ 0 h 16384"/>
              <a:gd name="T17" fmla="*/ 16384 w 16384"/>
              <a:gd name="T18" fmla="*/ 16384 h 16384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T15" t="T16" r="T17" b="T18"/>
            <a:pathLst>
              <a:path w="16384" h="16384">
                <a:moveTo>
                  <a:pt x="0" y="7864"/>
                </a:moveTo>
                <a:lnTo>
                  <a:pt x="12561" y="0"/>
                </a:lnTo>
                <a:lnTo>
                  <a:pt x="16384" y="8520"/>
                </a:lnTo>
                <a:lnTo>
                  <a:pt x="4369" y="16384"/>
                </a:lnTo>
                <a:lnTo>
                  <a:pt x="0" y="7864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49" name="d14205_1"/>
          <xdr:cNvSpPr>
            <a:spLocks/>
          </xdr:cNvSpPr>
        </xdr:nvSpPr>
        <xdr:spPr bwMode="auto">
          <a:xfrm>
            <a:off x="6916511" y="5585732"/>
            <a:ext cx="142875" cy="85725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0 w 16384"/>
              <a:gd name="T9" fmla="*/ 2147483646 h 16384"/>
              <a:gd name="T10" fmla="*/ 2147483646 w 16384"/>
              <a:gd name="T11" fmla="*/ 0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0 60000 65536"/>
              <a:gd name="T19" fmla="*/ 0 60000 65536"/>
              <a:gd name="T20" fmla="*/ 0 60000 65536"/>
              <a:gd name="T21" fmla="*/ 0 60000 65536"/>
              <a:gd name="T22" fmla="*/ 0 60000 65536"/>
              <a:gd name="T23" fmla="*/ 0 60000 65536"/>
              <a:gd name="T24" fmla="*/ 0 60000 65536"/>
              <a:gd name="T25" fmla="*/ 0 60000 65536"/>
              <a:gd name="T26" fmla="*/ 0 60000 65536"/>
              <a:gd name="T27" fmla="*/ 0 w 16384"/>
              <a:gd name="T28" fmla="*/ 0 h 16384"/>
              <a:gd name="T29" fmla="*/ 16384 w 16384"/>
              <a:gd name="T30" fmla="*/ 16384 h 16384"/>
            </a:gdLst>
            <a:ahLst/>
            <a:cxnLst>
              <a:cxn ang="T18">
                <a:pos x="T0" y="T1"/>
              </a:cxn>
              <a:cxn ang="T19">
                <a:pos x="T2" y="T3"/>
              </a:cxn>
              <a:cxn ang="T20">
                <a:pos x="T4" y="T5"/>
              </a:cxn>
              <a:cxn ang="T21">
                <a:pos x="T6" y="T7"/>
              </a:cxn>
              <a:cxn ang="T22">
                <a:pos x="T8" y="T9"/>
              </a:cxn>
              <a:cxn ang="T23">
                <a:pos x="T10" y="T11"/>
              </a:cxn>
              <a:cxn ang="T24">
                <a:pos x="T12" y="T13"/>
              </a:cxn>
              <a:cxn ang="T25">
                <a:pos x="T14" y="T15"/>
              </a:cxn>
              <a:cxn ang="T26">
                <a:pos x="T16" y="T17"/>
              </a:cxn>
            </a:cxnLst>
            <a:rect l="T27" t="T28" r="T29" b="T30"/>
            <a:pathLst>
              <a:path w="16384" h="16384">
                <a:moveTo>
                  <a:pt x="16384" y="10923"/>
                </a:moveTo>
                <a:lnTo>
                  <a:pt x="7646" y="16384"/>
                </a:lnTo>
                <a:lnTo>
                  <a:pt x="4369" y="12743"/>
                </a:lnTo>
                <a:lnTo>
                  <a:pt x="1092" y="14564"/>
                </a:lnTo>
                <a:lnTo>
                  <a:pt x="0" y="10923"/>
                </a:lnTo>
                <a:lnTo>
                  <a:pt x="8738" y="0"/>
                </a:lnTo>
                <a:lnTo>
                  <a:pt x="12015" y="3641"/>
                </a:lnTo>
                <a:lnTo>
                  <a:pt x="13107" y="9102"/>
                </a:lnTo>
                <a:lnTo>
                  <a:pt x="16384" y="10923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50" name="d14210_1"/>
          <xdr:cNvSpPr>
            <a:spLocks/>
          </xdr:cNvSpPr>
        </xdr:nvSpPr>
        <xdr:spPr bwMode="auto">
          <a:xfrm>
            <a:off x="8436429" y="7859486"/>
            <a:ext cx="259896" cy="130628"/>
          </a:xfrm>
          <a:custGeom>
            <a:avLst/>
            <a:gdLst>
              <a:gd name="T0" fmla="*/ 2147483646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2147483646 w 16384"/>
              <a:gd name="T17" fmla="*/ 2147483646 h 16384"/>
              <a:gd name="T18" fmla="*/ 2147483646 w 16384"/>
              <a:gd name="T19" fmla="*/ 2147483646 h 16384"/>
              <a:gd name="T20" fmla="*/ 0 w 16384"/>
              <a:gd name="T21" fmla="*/ 2147483646 h 16384"/>
              <a:gd name="T22" fmla="*/ 2147483646 w 16384"/>
              <a:gd name="T23" fmla="*/ 2147483646 h 16384"/>
              <a:gd name="T24" fmla="*/ 2147483646 w 16384"/>
              <a:gd name="T25" fmla="*/ 0 h 16384"/>
              <a:gd name="T26" fmla="*/ 2147483646 w 16384"/>
              <a:gd name="T27" fmla="*/ 2147483646 h 16384"/>
              <a:gd name="T28" fmla="*/ 2147483646 w 16384"/>
              <a:gd name="T29" fmla="*/ 2147483646 h 16384"/>
              <a:gd name="T30" fmla="*/ 2147483646 w 16384"/>
              <a:gd name="T31" fmla="*/ 2147483646 h 16384"/>
              <a:gd name="T32" fmla="*/ 2147483646 w 16384"/>
              <a:gd name="T33" fmla="*/ 2147483646 h 16384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  <a:gd name="T51" fmla="*/ 0 w 16384"/>
              <a:gd name="T52" fmla="*/ 0 h 16384"/>
              <a:gd name="T53" fmla="*/ 16384 w 16384"/>
              <a:gd name="T54" fmla="*/ 16384 h 16384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T51" t="T52" r="T53" b="T54"/>
            <a:pathLst>
              <a:path w="16384" h="16384">
                <a:moveTo>
                  <a:pt x="13957" y="5851"/>
                </a:moveTo>
                <a:lnTo>
                  <a:pt x="13957" y="9362"/>
                </a:lnTo>
                <a:lnTo>
                  <a:pt x="16384" y="14043"/>
                </a:lnTo>
                <a:lnTo>
                  <a:pt x="15777" y="16384"/>
                </a:lnTo>
                <a:lnTo>
                  <a:pt x="12743" y="15214"/>
                </a:lnTo>
                <a:lnTo>
                  <a:pt x="9709" y="9362"/>
                </a:lnTo>
                <a:lnTo>
                  <a:pt x="6675" y="11703"/>
                </a:lnTo>
                <a:lnTo>
                  <a:pt x="5461" y="9362"/>
                </a:lnTo>
                <a:lnTo>
                  <a:pt x="2427" y="9362"/>
                </a:lnTo>
                <a:lnTo>
                  <a:pt x="1214" y="8192"/>
                </a:lnTo>
                <a:lnTo>
                  <a:pt x="0" y="4681"/>
                </a:lnTo>
                <a:lnTo>
                  <a:pt x="1820" y="3511"/>
                </a:lnTo>
                <a:lnTo>
                  <a:pt x="1214" y="0"/>
                </a:lnTo>
                <a:lnTo>
                  <a:pt x="4248" y="2341"/>
                </a:lnTo>
                <a:lnTo>
                  <a:pt x="5461" y="2341"/>
                </a:lnTo>
                <a:lnTo>
                  <a:pt x="9709" y="2341"/>
                </a:lnTo>
                <a:lnTo>
                  <a:pt x="13957" y="5851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51" name="d14100_2"/>
          <xdr:cNvSpPr>
            <a:spLocks/>
          </xdr:cNvSpPr>
        </xdr:nvSpPr>
        <xdr:spPr bwMode="auto">
          <a:xfrm>
            <a:off x="9537246" y="3171825"/>
            <a:ext cx="228600" cy="206829"/>
          </a:xfrm>
          <a:custGeom>
            <a:avLst/>
            <a:gdLst>
              <a:gd name="T0" fmla="*/ 2147483646 w 16384"/>
              <a:gd name="T1" fmla="*/ 0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0 w 16384"/>
              <a:gd name="T7" fmla="*/ 2147483646 h 16384"/>
              <a:gd name="T8" fmla="*/ 2147483646 w 16384"/>
              <a:gd name="T9" fmla="*/ 0 h 16384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  <a:gd name="T15" fmla="*/ 0 w 16384"/>
              <a:gd name="T16" fmla="*/ 0 h 16384"/>
              <a:gd name="T17" fmla="*/ 16384 w 16384"/>
              <a:gd name="T18" fmla="*/ 16384 h 16384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T15" t="T16" r="T17" b="T18"/>
            <a:pathLst>
              <a:path w="16384" h="16384">
                <a:moveTo>
                  <a:pt x="10923" y="0"/>
                </a:moveTo>
                <a:lnTo>
                  <a:pt x="16384" y="9681"/>
                </a:lnTo>
                <a:lnTo>
                  <a:pt x="4779" y="16384"/>
                </a:lnTo>
                <a:lnTo>
                  <a:pt x="0" y="6703"/>
                </a:lnTo>
                <a:lnTo>
                  <a:pt x="10923" y="0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52" name="d14130_2"/>
          <xdr:cNvSpPr>
            <a:spLocks/>
          </xdr:cNvSpPr>
        </xdr:nvSpPr>
        <xdr:spPr bwMode="auto">
          <a:xfrm>
            <a:off x="9959068" y="2920093"/>
            <a:ext cx="323850" cy="216353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0 h 16384"/>
              <a:gd name="T4" fmla="*/ 2147483646 w 16384"/>
              <a:gd name="T5" fmla="*/ 0 h 16384"/>
              <a:gd name="T6" fmla="*/ 2147483646 w 16384"/>
              <a:gd name="T7" fmla="*/ 2147483646 h 16384"/>
              <a:gd name="T8" fmla="*/ 2147483646 w 16384"/>
              <a:gd name="T9" fmla="*/ 2147483646 h 16384"/>
              <a:gd name="T10" fmla="*/ 0 w 16384"/>
              <a:gd name="T11" fmla="*/ 2147483646 h 16384"/>
              <a:gd name="T12" fmla="*/ 0 60000 65536"/>
              <a:gd name="T13" fmla="*/ 0 60000 65536"/>
              <a:gd name="T14" fmla="*/ 0 60000 65536"/>
              <a:gd name="T15" fmla="*/ 0 60000 65536"/>
              <a:gd name="T16" fmla="*/ 0 60000 65536"/>
              <a:gd name="T17" fmla="*/ 0 60000 65536"/>
              <a:gd name="T18" fmla="*/ 0 w 16384"/>
              <a:gd name="T19" fmla="*/ 0 h 16384"/>
              <a:gd name="T20" fmla="*/ 16384 w 16384"/>
              <a:gd name="T21" fmla="*/ 16384 h 16384"/>
            </a:gdLst>
            <a:ahLst/>
            <a:cxnLst>
              <a:cxn ang="T12">
                <a:pos x="T0" y="T1"/>
              </a:cxn>
              <a:cxn ang="T13">
                <a:pos x="T2" y="T3"/>
              </a:cxn>
              <a:cxn ang="T14">
                <a:pos x="T4" y="T5"/>
              </a:cxn>
              <a:cxn ang="T15">
                <a:pos x="T6" y="T7"/>
              </a:cxn>
              <a:cxn ang="T16">
                <a:pos x="T8" y="T9"/>
              </a:cxn>
              <a:cxn ang="T17">
                <a:pos x="T10" y="T11"/>
              </a:cxn>
            </a:cxnLst>
            <a:rect l="T18" t="T19" r="T20" b="T21"/>
            <a:pathLst>
              <a:path w="16384" h="16384">
                <a:moveTo>
                  <a:pt x="0" y="9973"/>
                </a:moveTo>
                <a:lnTo>
                  <a:pt x="13011" y="0"/>
                </a:lnTo>
                <a:lnTo>
                  <a:pt x="15902" y="0"/>
                </a:lnTo>
                <a:lnTo>
                  <a:pt x="16384" y="4274"/>
                </a:lnTo>
                <a:lnTo>
                  <a:pt x="2409" y="16384"/>
                </a:lnTo>
                <a:lnTo>
                  <a:pt x="0" y="9973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53" name="d14209"/>
          <xdr:cNvSpPr>
            <a:spLocks/>
          </xdr:cNvSpPr>
        </xdr:nvSpPr>
        <xdr:spPr bwMode="auto">
          <a:xfrm>
            <a:off x="2284639" y="617764"/>
            <a:ext cx="4450897" cy="2675165"/>
          </a:xfrm>
          <a:custGeom>
            <a:avLst/>
            <a:gdLst>
              <a:gd name="T0" fmla="*/ 2147483646 w 465"/>
              <a:gd name="T1" fmla="*/ 2147483646 h 286"/>
              <a:gd name="T2" fmla="*/ 2147483646 w 465"/>
              <a:gd name="T3" fmla="*/ 2147483646 h 286"/>
              <a:gd name="T4" fmla="*/ 2147483646 w 465"/>
              <a:gd name="T5" fmla="*/ 2147483646 h 286"/>
              <a:gd name="T6" fmla="*/ 2147483646 w 465"/>
              <a:gd name="T7" fmla="*/ 2147483646 h 286"/>
              <a:gd name="T8" fmla="*/ 2147483646 w 465"/>
              <a:gd name="T9" fmla="*/ 2147483646 h 286"/>
              <a:gd name="T10" fmla="*/ 2147483646 w 465"/>
              <a:gd name="T11" fmla="*/ 2147483646 h 286"/>
              <a:gd name="T12" fmla="*/ 2147483646 w 465"/>
              <a:gd name="T13" fmla="*/ 2147483646 h 286"/>
              <a:gd name="T14" fmla="*/ 2147483646 w 465"/>
              <a:gd name="T15" fmla="*/ 2147483646 h 286"/>
              <a:gd name="T16" fmla="*/ 2147483646 w 465"/>
              <a:gd name="T17" fmla="*/ 2147483646 h 286"/>
              <a:gd name="T18" fmla="*/ 2147483646 w 465"/>
              <a:gd name="T19" fmla="*/ 2147483646 h 286"/>
              <a:gd name="T20" fmla="*/ 2147483646 w 465"/>
              <a:gd name="T21" fmla="*/ 2147483646 h 286"/>
              <a:gd name="T22" fmla="*/ 2147483646 w 465"/>
              <a:gd name="T23" fmla="*/ 2147483646 h 286"/>
              <a:gd name="T24" fmla="*/ 2147483646 w 465"/>
              <a:gd name="T25" fmla="*/ 2147483646 h 286"/>
              <a:gd name="T26" fmla="*/ 2147483646 w 465"/>
              <a:gd name="T27" fmla="*/ 2147483646 h 286"/>
              <a:gd name="T28" fmla="*/ 2147483646 w 465"/>
              <a:gd name="T29" fmla="*/ 2147483646 h 286"/>
              <a:gd name="T30" fmla="*/ 2147483646 w 465"/>
              <a:gd name="T31" fmla="*/ 2147483646 h 286"/>
              <a:gd name="T32" fmla="*/ 2147483646 w 465"/>
              <a:gd name="T33" fmla="*/ 2147483646 h 286"/>
              <a:gd name="T34" fmla="*/ 2147483646 w 465"/>
              <a:gd name="T35" fmla="*/ 2147483646 h 286"/>
              <a:gd name="T36" fmla="*/ 2147483646 w 465"/>
              <a:gd name="T37" fmla="*/ 2147483646 h 286"/>
              <a:gd name="T38" fmla="*/ 2147483646 w 465"/>
              <a:gd name="T39" fmla="*/ 2147483646 h 286"/>
              <a:gd name="T40" fmla="*/ 2147483646 w 465"/>
              <a:gd name="T41" fmla="*/ 2147483646 h 286"/>
              <a:gd name="T42" fmla="*/ 2147483646 w 465"/>
              <a:gd name="T43" fmla="*/ 2147483646 h 286"/>
              <a:gd name="T44" fmla="*/ 2147483646 w 465"/>
              <a:gd name="T45" fmla="*/ 2147483646 h 286"/>
              <a:gd name="T46" fmla="*/ 2147483646 w 465"/>
              <a:gd name="T47" fmla="*/ 2147483646 h 286"/>
              <a:gd name="T48" fmla="*/ 2147483646 w 465"/>
              <a:gd name="T49" fmla="*/ 2147483646 h 286"/>
              <a:gd name="T50" fmla="*/ 2147483646 w 465"/>
              <a:gd name="T51" fmla="*/ 2147483646 h 286"/>
              <a:gd name="T52" fmla="*/ 2147483646 w 465"/>
              <a:gd name="T53" fmla="*/ 2147483646 h 286"/>
              <a:gd name="T54" fmla="*/ 2147483646 w 465"/>
              <a:gd name="T55" fmla="*/ 2147483646 h 286"/>
              <a:gd name="T56" fmla="*/ 2147483646 w 465"/>
              <a:gd name="T57" fmla="*/ 2147483646 h 286"/>
              <a:gd name="T58" fmla="*/ 2147483646 w 465"/>
              <a:gd name="T59" fmla="*/ 2147483646 h 286"/>
              <a:gd name="T60" fmla="*/ 2147483646 w 465"/>
              <a:gd name="T61" fmla="*/ 2147483646 h 286"/>
              <a:gd name="T62" fmla="*/ 2147483646 w 465"/>
              <a:gd name="T63" fmla="*/ 2147483646 h 286"/>
              <a:gd name="T64" fmla="*/ 2147483646 w 465"/>
              <a:gd name="T65" fmla="*/ 2147483646 h 286"/>
              <a:gd name="T66" fmla="*/ 2147483646 w 465"/>
              <a:gd name="T67" fmla="*/ 2147483646 h 286"/>
              <a:gd name="T68" fmla="*/ 2147483646 w 465"/>
              <a:gd name="T69" fmla="*/ 2147483646 h 286"/>
              <a:gd name="T70" fmla="*/ 2147483646 w 465"/>
              <a:gd name="T71" fmla="*/ 2147483646 h 286"/>
              <a:gd name="T72" fmla="*/ 2147483646 w 465"/>
              <a:gd name="T73" fmla="*/ 2147483646 h 286"/>
              <a:gd name="T74" fmla="*/ 2147483646 w 465"/>
              <a:gd name="T75" fmla="*/ 2147483646 h 286"/>
              <a:gd name="T76" fmla="*/ 2147483646 w 465"/>
              <a:gd name="T77" fmla="*/ 2147483646 h 286"/>
              <a:gd name="T78" fmla="*/ 2147483646 w 465"/>
              <a:gd name="T79" fmla="*/ 2147483646 h 286"/>
              <a:gd name="T80" fmla="*/ 2147483646 w 465"/>
              <a:gd name="T81" fmla="*/ 2147483646 h 286"/>
              <a:gd name="T82" fmla="*/ 2147483646 w 465"/>
              <a:gd name="T83" fmla="*/ 2147483646 h 286"/>
              <a:gd name="T84" fmla="*/ 2147483646 w 465"/>
              <a:gd name="T85" fmla="*/ 2147483646 h 286"/>
              <a:gd name="T86" fmla="*/ 2147483646 w 465"/>
              <a:gd name="T87" fmla="*/ 2147483646 h 286"/>
              <a:gd name="T88" fmla="*/ 2147483646 w 465"/>
              <a:gd name="T89" fmla="*/ 2147483646 h 286"/>
              <a:gd name="T90" fmla="*/ 2147483646 w 465"/>
              <a:gd name="T91" fmla="*/ 2147483646 h 286"/>
              <a:gd name="T92" fmla="*/ 2147483646 w 465"/>
              <a:gd name="T93" fmla="*/ 2147483646 h 286"/>
              <a:gd name="T94" fmla="*/ 2147483646 w 465"/>
              <a:gd name="T95" fmla="*/ 2147483646 h 286"/>
              <a:gd name="T96" fmla="*/ 2147483646 w 465"/>
              <a:gd name="T97" fmla="*/ 2147483646 h 286"/>
              <a:gd name="T98" fmla="*/ 2147483646 w 465"/>
              <a:gd name="T99" fmla="*/ 2147483646 h 286"/>
              <a:gd name="T100" fmla="*/ 2147483646 w 465"/>
              <a:gd name="T101" fmla="*/ 2147483646 h 286"/>
              <a:gd name="T102" fmla="*/ 2147483646 w 465"/>
              <a:gd name="T103" fmla="*/ 2147483646 h 28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w 465"/>
              <a:gd name="T157" fmla="*/ 0 h 286"/>
              <a:gd name="T158" fmla="*/ 465 w 465"/>
              <a:gd name="T159" fmla="*/ 286 h 286"/>
            </a:gdLst>
            <a:ahLst/>
            <a:cxnLst>
              <a:cxn ang="T104">
                <a:pos x="T0" y="T1"/>
              </a:cxn>
              <a:cxn ang="T105">
                <a:pos x="T2" y="T3"/>
              </a:cxn>
              <a:cxn ang="T106">
                <a:pos x="T4" y="T5"/>
              </a:cxn>
              <a:cxn ang="T107">
                <a:pos x="T6" y="T7"/>
              </a:cxn>
              <a:cxn ang="T108">
                <a:pos x="T8" y="T9"/>
              </a:cxn>
              <a:cxn ang="T109">
                <a:pos x="T10" y="T11"/>
              </a:cxn>
              <a:cxn ang="T110">
                <a:pos x="T12" y="T13"/>
              </a:cxn>
              <a:cxn ang="T111">
                <a:pos x="T14" y="T15"/>
              </a:cxn>
              <a:cxn ang="T112">
                <a:pos x="T16" y="T17"/>
              </a:cxn>
              <a:cxn ang="T113">
                <a:pos x="T18" y="T19"/>
              </a:cxn>
              <a:cxn ang="T114">
                <a:pos x="T20" y="T21"/>
              </a:cxn>
              <a:cxn ang="T115">
                <a:pos x="T22" y="T23"/>
              </a:cxn>
              <a:cxn ang="T116">
                <a:pos x="T24" y="T25"/>
              </a:cxn>
              <a:cxn ang="T117">
                <a:pos x="T26" y="T27"/>
              </a:cxn>
              <a:cxn ang="T118">
                <a:pos x="T28" y="T29"/>
              </a:cxn>
              <a:cxn ang="T119">
                <a:pos x="T30" y="T31"/>
              </a:cxn>
              <a:cxn ang="T120">
                <a:pos x="T32" y="T33"/>
              </a:cxn>
              <a:cxn ang="T121">
                <a:pos x="T34" y="T35"/>
              </a:cxn>
              <a:cxn ang="T122">
                <a:pos x="T36" y="T37"/>
              </a:cxn>
              <a:cxn ang="T123">
                <a:pos x="T38" y="T39"/>
              </a:cxn>
              <a:cxn ang="T124">
                <a:pos x="T40" y="T41"/>
              </a:cxn>
              <a:cxn ang="T125">
                <a:pos x="T42" y="T43"/>
              </a:cxn>
              <a:cxn ang="T126">
                <a:pos x="T44" y="T45"/>
              </a:cxn>
              <a:cxn ang="T127">
                <a:pos x="T46" y="T47"/>
              </a:cxn>
              <a:cxn ang="T128">
                <a:pos x="T48" y="T49"/>
              </a:cxn>
              <a:cxn ang="T129">
                <a:pos x="T50" y="T51"/>
              </a:cxn>
              <a:cxn ang="T130">
                <a:pos x="T52" y="T53"/>
              </a:cxn>
              <a:cxn ang="T131">
                <a:pos x="T54" y="T55"/>
              </a:cxn>
              <a:cxn ang="T132">
                <a:pos x="T56" y="T57"/>
              </a:cxn>
              <a:cxn ang="T133">
                <a:pos x="T58" y="T59"/>
              </a:cxn>
              <a:cxn ang="T134">
                <a:pos x="T60" y="T61"/>
              </a:cxn>
              <a:cxn ang="T135">
                <a:pos x="T62" y="T63"/>
              </a:cxn>
              <a:cxn ang="T136">
                <a:pos x="T64" y="T65"/>
              </a:cxn>
              <a:cxn ang="T137">
                <a:pos x="T66" y="T67"/>
              </a:cxn>
              <a:cxn ang="T138">
                <a:pos x="T68" y="T69"/>
              </a:cxn>
              <a:cxn ang="T139">
                <a:pos x="T70" y="T71"/>
              </a:cxn>
              <a:cxn ang="T140">
                <a:pos x="T72" y="T73"/>
              </a:cxn>
              <a:cxn ang="T141">
                <a:pos x="T74" y="T75"/>
              </a:cxn>
              <a:cxn ang="T142">
                <a:pos x="T76" y="T77"/>
              </a:cxn>
              <a:cxn ang="T143">
                <a:pos x="T78" y="T79"/>
              </a:cxn>
              <a:cxn ang="T144">
                <a:pos x="T80" y="T81"/>
              </a:cxn>
              <a:cxn ang="T145">
                <a:pos x="T82" y="T83"/>
              </a:cxn>
              <a:cxn ang="T146">
                <a:pos x="T84" y="T85"/>
              </a:cxn>
              <a:cxn ang="T147">
                <a:pos x="T86" y="T87"/>
              </a:cxn>
              <a:cxn ang="T148">
                <a:pos x="T88" y="T89"/>
              </a:cxn>
              <a:cxn ang="T149">
                <a:pos x="T90" y="T91"/>
              </a:cxn>
              <a:cxn ang="T150">
                <a:pos x="T92" y="T93"/>
              </a:cxn>
              <a:cxn ang="T151">
                <a:pos x="T94" y="T95"/>
              </a:cxn>
              <a:cxn ang="T152">
                <a:pos x="T96" y="T97"/>
              </a:cxn>
              <a:cxn ang="T153">
                <a:pos x="T98" y="T99"/>
              </a:cxn>
              <a:cxn ang="T154">
                <a:pos x="T100" y="T101"/>
              </a:cxn>
              <a:cxn ang="T155">
                <a:pos x="T102" y="T103"/>
              </a:cxn>
            </a:cxnLst>
            <a:rect l="T156" t="T157" r="T158" b="T159"/>
            <a:pathLst>
              <a:path w="465" h="286">
                <a:moveTo>
                  <a:pt x="464" y="223"/>
                </a:moveTo>
                <a:lnTo>
                  <a:pt x="462" y="222"/>
                </a:lnTo>
                <a:lnTo>
                  <a:pt x="462" y="218"/>
                </a:lnTo>
                <a:lnTo>
                  <a:pt x="465" y="215"/>
                </a:lnTo>
                <a:lnTo>
                  <a:pt x="465" y="210"/>
                </a:lnTo>
                <a:lnTo>
                  <a:pt x="456" y="201"/>
                </a:lnTo>
                <a:lnTo>
                  <a:pt x="452" y="194"/>
                </a:lnTo>
                <a:lnTo>
                  <a:pt x="444" y="189"/>
                </a:lnTo>
                <a:lnTo>
                  <a:pt x="434" y="182"/>
                </a:lnTo>
                <a:lnTo>
                  <a:pt x="431" y="176"/>
                </a:lnTo>
                <a:lnTo>
                  <a:pt x="426" y="173"/>
                </a:lnTo>
                <a:lnTo>
                  <a:pt x="425" y="167"/>
                </a:lnTo>
                <a:lnTo>
                  <a:pt x="416" y="162"/>
                </a:lnTo>
                <a:lnTo>
                  <a:pt x="415" y="157"/>
                </a:lnTo>
                <a:lnTo>
                  <a:pt x="412" y="154"/>
                </a:lnTo>
                <a:lnTo>
                  <a:pt x="410" y="149"/>
                </a:lnTo>
                <a:lnTo>
                  <a:pt x="405" y="143"/>
                </a:lnTo>
                <a:lnTo>
                  <a:pt x="401" y="142"/>
                </a:lnTo>
                <a:lnTo>
                  <a:pt x="396" y="132"/>
                </a:lnTo>
                <a:lnTo>
                  <a:pt x="386" y="129"/>
                </a:lnTo>
                <a:lnTo>
                  <a:pt x="383" y="124"/>
                </a:lnTo>
                <a:lnTo>
                  <a:pt x="370" y="119"/>
                </a:lnTo>
                <a:lnTo>
                  <a:pt x="369" y="115"/>
                </a:lnTo>
                <a:lnTo>
                  <a:pt x="362" y="114"/>
                </a:lnTo>
                <a:lnTo>
                  <a:pt x="355" y="109"/>
                </a:lnTo>
                <a:lnTo>
                  <a:pt x="343" y="105"/>
                </a:lnTo>
                <a:lnTo>
                  <a:pt x="338" y="104"/>
                </a:lnTo>
                <a:lnTo>
                  <a:pt x="331" y="103"/>
                </a:lnTo>
                <a:lnTo>
                  <a:pt x="322" y="98"/>
                </a:lnTo>
                <a:lnTo>
                  <a:pt x="317" y="99"/>
                </a:lnTo>
                <a:lnTo>
                  <a:pt x="311" y="99"/>
                </a:lnTo>
                <a:lnTo>
                  <a:pt x="306" y="98"/>
                </a:lnTo>
                <a:lnTo>
                  <a:pt x="300" y="97"/>
                </a:lnTo>
                <a:lnTo>
                  <a:pt x="293" y="99"/>
                </a:lnTo>
                <a:lnTo>
                  <a:pt x="288" y="98"/>
                </a:lnTo>
                <a:lnTo>
                  <a:pt x="282" y="98"/>
                </a:lnTo>
                <a:lnTo>
                  <a:pt x="278" y="95"/>
                </a:lnTo>
                <a:lnTo>
                  <a:pt x="273" y="91"/>
                </a:lnTo>
                <a:lnTo>
                  <a:pt x="260" y="86"/>
                </a:lnTo>
                <a:lnTo>
                  <a:pt x="252" y="86"/>
                </a:lnTo>
                <a:lnTo>
                  <a:pt x="247" y="85"/>
                </a:lnTo>
                <a:lnTo>
                  <a:pt x="241" y="87"/>
                </a:lnTo>
                <a:lnTo>
                  <a:pt x="239" y="93"/>
                </a:lnTo>
                <a:lnTo>
                  <a:pt x="237" y="95"/>
                </a:lnTo>
                <a:lnTo>
                  <a:pt x="237" y="99"/>
                </a:lnTo>
                <a:lnTo>
                  <a:pt x="235" y="102"/>
                </a:lnTo>
                <a:lnTo>
                  <a:pt x="228" y="101"/>
                </a:lnTo>
                <a:lnTo>
                  <a:pt x="226" y="100"/>
                </a:lnTo>
                <a:lnTo>
                  <a:pt x="220" y="102"/>
                </a:lnTo>
                <a:lnTo>
                  <a:pt x="216" y="99"/>
                </a:lnTo>
                <a:lnTo>
                  <a:pt x="211" y="99"/>
                </a:lnTo>
                <a:lnTo>
                  <a:pt x="208" y="96"/>
                </a:lnTo>
                <a:lnTo>
                  <a:pt x="205" y="97"/>
                </a:lnTo>
                <a:lnTo>
                  <a:pt x="201" y="91"/>
                </a:lnTo>
                <a:lnTo>
                  <a:pt x="198" y="89"/>
                </a:lnTo>
                <a:lnTo>
                  <a:pt x="194" y="87"/>
                </a:lnTo>
                <a:lnTo>
                  <a:pt x="194" y="84"/>
                </a:lnTo>
                <a:lnTo>
                  <a:pt x="186" y="71"/>
                </a:lnTo>
                <a:lnTo>
                  <a:pt x="182" y="70"/>
                </a:lnTo>
                <a:lnTo>
                  <a:pt x="181" y="67"/>
                </a:lnTo>
                <a:lnTo>
                  <a:pt x="182" y="62"/>
                </a:lnTo>
                <a:lnTo>
                  <a:pt x="178" y="56"/>
                </a:lnTo>
                <a:lnTo>
                  <a:pt x="176" y="50"/>
                </a:lnTo>
                <a:lnTo>
                  <a:pt x="176" y="38"/>
                </a:lnTo>
                <a:lnTo>
                  <a:pt x="171" y="34"/>
                </a:lnTo>
                <a:lnTo>
                  <a:pt x="160" y="30"/>
                </a:lnTo>
                <a:lnTo>
                  <a:pt x="153" y="30"/>
                </a:lnTo>
                <a:lnTo>
                  <a:pt x="151" y="31"/>
                </a:lnTo>
                <a:lnTo>
                  <a:pt x="146" y="37"/>
                </a:lnTo>
                <a:lnTo>
                  <a:pt x="138" y="39"/>
                </a:lnTo>
                <a:lnTo>
                  <a:pt x="132" y="39"/>
                </a:lnTo>
                <a:lnTo>
                  <a:pt x="128" y="35"/>
                </a:lnTo>
                <a:lnTo>
                  <a:pt x="125" y="31"/>
                </a:lnTo>
                <a:lnTo>
                  <a:pt x="118" y="31"/>
                </a:lnTo>
                <a:lnTo>
                  <a:pt x="119" y="24"/>
                </a:lnTo>
                <a:lnTo>
                  <a:pt x="118" y="22"/>
                </a:lnTo>
                <a:lnTo>
                  <a:pt x="118" y="17"/>
                </a:lnTo>
                <a:lnTo>
                  <a:pt x="115" y="13"/>
                </a:lnTo>
                <a:lnTo>
                  <a:pt x="114" y="10"/>
                </a:lnTo>
                <a:lnTo>
                  <a:pt x="110" y="7"/>
                </a:lnTo>
                <a:lnTo>
                  <a:pt x="105" y="9"/>
                </a:lnTo>
                <a:lnTo>
                  <a:pt x="96" y="9"/>
                </a:lnTo>
                <a:lnTo>
                  <a:pt x="92" y="7"/>
                </a:lnTo>
                <a:lnTo>
                  <a:pt x="89" y="3"/>
                </a:lnTo>
                <a:lnTo>
                  <a:pt x="85" y="3"/>
                </a:lnTo>
                <a:lnTo>
                  <a:pt x="78" y="0"/>
                </a:lnTo>
                <a:lnTo>
                  <a:pt x="75" y="1"/>
                </a:lnTo>
                <a:lnTo>
                  <a:pt x="75" y="5"/>
                </a:lnTo>
                <a:lnTo>
                  <a:pt x="74" y="7"/>
                </a:lnTo>
                <a:lnTo>
                  <a:pt x="69" y="9"/>
                </a:lnTo>
                <a:lnTo>
                  <a:pt x="66" y="14"/>
                </a:lnTo>
                <a:lnTo>
                  <a:pt x="62" y="16"/>
                </a:lnTo>
                <a:lnTo>
                  <a:pt x="61" y="21"/>
                </a:lnTo>
                <a:lnTo>
                  <a:pt x="58" y="25"/>
                </a:lnTo>
                <a:lnTo>
                  <a:pt x="64" y="36"/>
                </a:lnTo>
                <a:lnTo>
                  <a:pt x="68" y="40"/>
                </a:lnTo>
                <a:lnTo>
                  <a:pt x="69" y="47"/>
                </a:lnTo>
                <a:lnTo>
                  <a:pt x="66" y="54"/>
                </a:lnTo>
                <a:lnTo>
                  <a:pt x="66" y="63"/>
                </a:lnTo>
                <a:lnTo>
                  <a:pt x="71" y="72"/>
                </a:lnTo>
                <a:lnTo>
                  <a:pt x="70" y="76"/>
                </a:lnTo>
                <a:lnTo>
                  <a:pt x="72" y="78"/>
                </a:lnTo>
                <a:lnTo>
                  <a:pt x="76" y="80"/>
                </a:lnTo>
                <a:lnTo>
                  <a:pt x="79" y="81"/>
                </a:lnTo>
                <a:lnTo>
                  <a:pt x="80" y="82"/>
                </a:lnTo>
                <a:lnTo>
                  <a:pt x="72" y="84"/>
                </a:lnTo>
                <a:lnTo>
                  <a:pt x="72" y="86"/>
                </a:lnTo>
                <a:lnTo>
                  <a:pt x="76" y="92"/>
                </a:lnTo>
                <a:lnTo>
                  <a:pt x="77" y="97"/>
                </a:lnTo>
                <a:lnTo>
                  <a:pt x="71" y="114"/>
                </a:lnTo>
                <a:lnTo>
                  <a:pt x="67" y="115"/>
                </a:lnTo>
                <a:lnTo>
                  <a:pt x="66" y="119"/>
                </a:lnTo>
                <a:lnTo>
                  <a:pt x="63" y="125"/>
                </a:lnTo>
                <a:lnTo>
                  <a:pt x="63" y="129"/>
                </a:lnTo>
                <a:lnTo>
                  <a:pt x="68" y="129"/>
                </a:lnTo>
                <a:lnTo>
                  <a:pt x="70" y="132"/>
                </a:lnTo>
                <a:lnTo>
                  <a:pt x="71" y="135"/>
                </a:lnTo>
                <a:lnTo>
                  <a:pt x="71" y="144"/>
                </a:lnTo>
                <a:lnTo>
                  <a:pt x="73" y="155"/>
                </a:lnTo>
                <a:lnTo>
                  <a:pt x="70" y="160"/>
                </a:lnTo>
                <a:lnTo>
                  <a:pt x="62" y="169"/>
                </a:lnTo>
                <a:lnTo>
                  <a:pt x="56" y="172"/>
                </a:lnTo>
                <a:lnTo>
                  <a:pt x="54" y="178"/>
                </a:lnTo>
                <a:lnTo>
                  <a:pt x="52" y="186"/>
                </a:lnTo>
                <a:lnTo>
                  <a:pt x="52" y="193"/>
                </a:lnTo>
                <a:lnTo>
                  <a:pt x="52" y="195"/>
                </a:lnTo>
                <a:lnTo>
                  <a:pt x="51" y="198"/>
                </a:lnTo>
                <a:lnTo>
                  <a:pt x="48" y="200"/>
                </a:lnTo>
                <a:lnTo>
                  <a:pt x="48" y="202"/>
                </a:lnTo>
                <a:lnTo>
                  <a:pt x="44" y="202"/>
                </a:lnTo>
                <a:lnTo>
                  <a:pt x="41" y="210"/>
                </a:lnTo>
                <a:lnTo>
                  <a:pt x="35" y="214"/>
                </a:lnTo>
                <a:lnTo>
                  <a:pt x="31" y="216"/>
                </a:lnTo>
                <a:lnTo>
                  <a:pt x="24" y="225"/>
                </a:lnTo>
                <a:lnTo>
                  <a:pt x="17" y="232"/>
                </a:lnTo>
                <a:lnTo>
                  <a:pt x="13" y="232"/>
                </a:lnTo>
                <a:lnTo>
                  <a:pt x="8" y="234"/>
                </a:lnTo>
                <a:lnTo>
                  <a:pt x="0" y="234"/>
                </a:lnTo>
                <a:lnTo>
                  <a:pt x="2" y="238"/>
                </a:lnTo>
                <a:lnTo>
                  <a:pt x="2" y="242"/>
                </a:lnTo>
                <a:lnTo>
                  <a:pt x="1" y="244"/>
                </a:lnTo>
                <a:lnTo>
                  <a:pt x="5" y="248"/>
                </a:lnTo>
                <a:lnTo>
                  <a:pt x="6" y="254"/>
                </a:lnTo>
                <a:lnTo>
                  <a:pt x="8" y="256"/>
                </a:lnTo>
                <a:lnTo>
                  <a:pt x="22" y="260"/>
                </a:lnTo>
                <a:lnTo>
                  <a:pt x="25" y="262"/>
                </a:lnTo>
                <a:lnTo>
                  <a:pt x="28" y="267"/>
                </a:lnTo>
                <a:lnTo>
                  <a:pt x="33" y="268"/>
                </a:lnTo>
                <a:lnTo>
                  <a:pt x="35" y="271"/>
                </a:lnTo>
                <a:lnTo>
                  <a:pt x="38" y="274"/>
                </a:lnTo>
                <a:lnTo>
                  <a:pt x="40" y="280"/>
                </a:lnTo>
                <a:lnTo>
                  <a:pt x="47" y="281"/>
                </a:lnTo>
                <a:lnTo>
                  <a:pt x="60" y="285"/>
                </a:lnTo>
                <a:lnTo>
                  <a:pt x="65" y="284"/>
                </a:lnTo>
                <a:lnTo>
                  <a:pt x="69" y="280"/>
                </a:lnTo>
                <a:lnTo>
                  <a:pt x="74" y="276"/>
                </a:lnTo>
                <a:lnTo>
                  <a:pt x="80" y="270"/>
                </a:lnTo>
                <a:lnTo>
                  <a:pt x="87" y="271"/>
                </a:lnTo>
                <a:lnTo>
                  <a:pt x="92" y="274"/>
                </a:lnTo>
                <a:lnTo>
                  <a:pt x="93" y="281"/>
                </a:lnTo>
                <a:lnTo>
                  <a:pt x="98" y="284"/>
                </a:lnTo>
                <a:lnTo>
                  <a:pt x="100" y="284"/>
                </a:lnTo>
                <a:lnTo>
                  <a:pt x="105" y="282"/>
                </a:lnTo>
                <a:lnTo>
                  <a:pt x="109" y="283"/>
                </a:lnTo>
                <a:lnTo>
                  <a:pt x="112" y="286"/>
                </a:lnTo>
                <a:lnTo>
                  <a:pt x="114" y="284"/>
                </a:lnTo>
                <a:lnTo>
                  <a:pt x="114" y="282"/>
                </a:lnTo>
                <a:lnTo>
                  <a:pt x="115" y="278"/>
                </a:lnTo>
                <a:lnTo>
                  <a:pt x="119" y="273"/>
                </a:lnTo>
                <a:lnTo>
                  <a:pt x="122" y="270"/>
                </a:lnTo>
                <a:lnTo>
                  <a:pt x="131" y="259"/>
                </a:lnTo>
                <a:lnTo>
                  <a:pt x="139" y="250"/>
                </a:lnTo>
                <a:lnTo>
                  <a:pt x="143" y="245"/>
                </a:lnTo>
                <a:lnTo>
                  <a:pt x="148" y="241"/>
                </a:lnTo>
                <a:lnTo>
                  <a:pt x="149" y="241"/>
                </a:lnTo>
                <a:lnTo>
                  <a:pt x="153" y="240"/>
                </a:lnTo>
                <a:lnTo>
                  <a:pt x="154" y="239"/>
                </a:lnTo>
                <a:lnTo>
                  <a:pt x="157" y="237"/>
                </a:lnTo>
                <a:lnTo>
                  <a:pt x="159" y="234"/>
                </a:lnTo>
                <a:lnTo>
                  <a:pt x="162" y="231"/>
                </a:lnTo>
                <a:lnTo>
                  <a:pt x="165" y="229"/>
                </a:lnTo>
                <a:lnTo>
                  <a:pt x="167" y="228"/>
                </a:lnTo>
                <a:lnTo>
                  <a:pt x="171" y="223"/>
                </a:lnTo>
                <a:lnTo>
                  <a:pt x="173" y="221"/>
                </a:lnTo>
                <a:lnTo>
                  <a:pt x="177" y="218"/>
                </a:lnTo>
                <a:lnTo>
                  <a:pt x="181" y="210"/>
                </a:lnTo>
                <a:lnTo>
                  <a:pt x="184" y="209"/>
                </a:lnTo>
                <a:lnTo>
                  <a:pt x="184" y="206"/>
                </a:lnTo>
                <a:lnTo>
                  <a:pt x="181" y="203"/>
                </a:lnTo>
                <a:lnTo>
                  <a:pt x="181" y="201"/>
                </a:lnTo>
                <a:lnTo>
                  <a:pt x="189" y="194"/>
                </a:lnTo>
                <a:lnTo>
                  <a:pt x="196" y="204"/>
                </a:lnTo>
                <a:lnTo>
                  <a:pt x="197" y="202"/>
                </a:lnTo>
                <a:lnTo>
                  <a:pt x="203" y="202"/>
                </a:lnTo>
                <a:lnTo>
                  <a:pt x="203" y="198"/>
                </a:lnTo>
                <a:lnTo>
                  <a:pt x="206" y="198"/>
                </a:lnTo>
                <a:lnTo>
                  <a:pt x="206" y="193"/>
                </a:lnTo>
                <a:lnTo>
                  <a:pt x="214" y="188"/>
                </a:lnTo>
                <a:lnTo>
                  <a:pt x="215" y="185"/>
                </a:lnTo>
                <a:lnTo>
                  <a:pt x="222" y="180"/>
                </a:lnTo>
                <a:lnTo>
                  <a:pt x="223" y="180"/>
                </a:lnTo>
                <a:lnTo>
                  <a:pt x="227" y="180"/>
                </a:lnTo>
                <a:lnTo>
                  <a:pt x="231" y="179"/>
                </a:lnTo>
                <a:lnTo>
                  <a:pt x="235" y="177"/>
                </a:lnTo>
                <a:lnTo>
                  <a:pt x="237" y="179"/>
                </a:lnTo>
                <a:lnTo>
                  <a:pt x="241" y="179"/>
                </a:lnTo>
                <a:lnTo>
                  <a:pt x="241" y="181"/>
                </a:lnTo>
                <a:lnTo>
                  <a:pt x="247" y="182"/>
                </a:lnTo>
                <a:lnTo>
                  <a:pt x="249" y="184"/>
                </a:lnTo>
                <a:lnTo>
                  <a:pt x="252" y="185"/>
                </a:lnTo>
                <a:lnTo>
                  <a:pt x="252" y="177"/>
                </a:lnTo>
                <a:lnTo>
                  <a:pt x="259" y="173"/>
                </a:lnTo>
                <a:lnTo>
                  <a:pt x="259" y="170"/>
                </a:lnTo>
                <a:lnTo>
                  <a:pt x="265" y="168"/>
                </a:lnTo>
                <a:lnTo>
                  <a:pt x="269" y="170"/>
                </a:lnTo>
                <a:lnTo>
                  <a:pt x="272" y="169"/>
                </a:lnTo>
                <a:lnTo>
                  <a:pt x="273" y="171"/>
                </a:lnTo>
                <a:lnTo>
                  <a:pt x="280" y="176"/>
                </a:lnTo>
                <a:lnTo>
                  <a:pt x="282" y="181"/>
                </a:lnTo>
                <a:lnTo>
                  <a:pt x="284" y="182"/>
                </a:lnTo>
                <a:lnTo>
                  <a:pt x="287" y="187"/>
                </a:lnTo>
                <a:lnTo>
                  <a:pt x="289" y="187"/>
                </a:lnTo>
                <a:lnTo>
                  <a:pt x="292" y="190"/>
                </a:lnTo>
                <a:lnTo>
                  <a:pt x="294" y="193"/>
                </a:lnTo>
                <a:lnTo>
                  <a:pt x="297" y="196"/>
                </a:lnTo>
                <a:lnTo>
                  <a:pt x="305" y="192"/>
                </a:lnTo>
                <a:lnTo>
                  <a:pt x="307" y="192"/>
                </a:lnTo>
                <a:lnTo>
                  <a:pt x="309" y="190"/>
                </a:lnTo>
                <a:lnTo>
                  <a:pt x="317" y="194"/>
                </a:lnTo>
                <a:lnTo>
                  <a:pt x="327" y="200"/>
                </a:lnTo>
                <a:lnTo>
                  <a:pt x="336" y="207"/>
                </a:lnTo>
                <a:lnTo>
                  <a:pt x="343" y="212"/>
                </a:lnTo>
                <a:lnTo>
                  <a:pt x="346" y="215"/>
                </a:lnTo>
                <a:lnTo>
                  <a:pt x="350" y="220"/>
                </a:lnTo>
                <a:lnTo>
                  <a:pt x="357" y="221"/>
                </a:lnTo>
                <a:lnTo>
                  <a:pt x="368" y="228"/>
                </a:lnTo>
                <a:lnTo>
                  <a:pt x="369" y="235"/>
                </a:lnTo>
                <a:lnTo>
                  <a:pt x="368" y="253"/>
                </a:lnTo>
                <a:lnTo>
                  <a:pt x="366" y="262"/>
                </a:lnTo>
                <a:lnTo>
                  <a:pt x="368" y="262"/>
                </a:lnTo>
                <a:lnTo>
                  <a:pt x="374" y="263"/>
                </a:lnTo>
                <a:lnTo>
                  <a:pt x="381" y="264"/>
                </a:lnTo>
                <a:lnTo>
                  <a:pt x="386" y="260"/>
                </a:lnTo>
                <a:lnTo>
                  <a:pt x="389" y="255"/>
                </a:lnTo>
                <a:lnTo>
                  <a:pt x="395" y="254"/>
                </a:lnTo>
                <a:lnTo>
                  <a:pt x="402" y="253"/>
                </a:lnTo>
                <a:lnTo>
                  <a:pt x="406" y="247"/>
                </a:lnTo>
                <a:lnTo>
                  <a:pt x="411" y="240"/>
                </a:lnTo>
                <a:lnTo>
                  <a:pt x="417" y="234"/>
                </a:lnTo>
                <a:lnTo>
                  <a:pt x="421" y="230"/>
                </a:lnTo>
                <a:lnTo>
                  <a:pt x="426" y="232"/>
                </a:lnTo>
                <a:lnTo>
                  <a:pt x="430" y="235"/>
                </a:lnTo>
                <a:lnTo>
                  <a:pt x="430" y="239"/>
                </a:lnTo>
                <a:lnTo>
                  <a:pt x="431" y="241"/>
                </a:lnTo>
                <a:lnTo>
                  <a:pt x="433" y="239"/>
                </a:lnTo>
                <a:lnTo>
                  <a:pt x="437" y="239"/>
                </a:lnTo>
                <a:lnTo>
                  <a:pt x="442" y="238"/>
                </a:lnTo>
                <a:lnTo>
                  <a:pt x="448" y="235"/>
                </a:lnTo>
                <a:lnTo>
                  <a:pt x="451" y="230"/>
                </a:lnTo>
                <a:lnTo>
                  <a:pt x="454" y="228"/>
                </a:lnTo>
                <a:lnTo>
                  <a:pt x="458" y="226"/>
                </a:lnTo>
                <a:lnTo>
                  <a:pt x="464" y="223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grpSp>
        <xdr:nvGrpSpPr>
          <xdr:cNvPr id="149654" name="Group 60"/>
          <xdr:cNvGrpSpPr>
            <a:grpSpLocks/>
          </xdr:cNvGrpSpPr>
        </xdr:nvGrpSpPr>
        <xdr:grpSpPr bwMode="auto">
          <a:xfrm>
            <a:off x="1262743" y="1302204"/>
            <a:ext cx="3433082" cy="5866039"/>
            <a:chOff x="132" y="187"/>
            <a:chExt cx="359" cy="627"/>
          </a:xfrm>
        </xdr:grpSpPr>
        <xdr:sp macro="" textlink="">
          <xdr:nvSpPr>
            <xdr:cNvPr id="149699" name="Freeform 61"/>
            <xdr:cNvSpPr>
              <a:spLocks/>
            </xdr:cNvSpPr>
          </xdr:nvSpPr>
          <xdr:spPr bwMode="auto">
            <a:xfrm>
              <a:off x="355" y="187"/>
              <a:ext cx="32" cy="27"/>
            </a:xfrm>
            <a:custGeom>
              <a:avLst/>
              <a:gdLst>
                <a:gd name="T0" fmla="*/ 20 w 32"/>
                <a:gd name="T1" fmla="*/ 9 h 27"/>
                <a:gd name="T2" fmla="*/ 16 w 32"/>
                <a:gd name="T3" fmla="*/ 6 h 27"/>
                <a:gd name="T4" fmla="*/ 16 w 32"/>
                <a:gd name="T5" fmla="*/ 4 h 27"/>
                <a:gd name="T6" fmla="*/ 16 w 32"/>
                <a:gd name="T7" fmla="*/ 1 h 27"/>
                <a:gd name="T8" fmla="*/ 10 w 32"/>
                <a:gd name="T9" fmla="*/ 1 h 27"/>
                <a:gd name="T10" fmla="*/ 4 w 32"/>
                <a:gd name="T11" fmla="*/ 1 h 27"/>
                <a:gd name="T12" fmla="*/ 0 w 32"/>
                <a:gd name="T13" fmla="*/ 9 h 27"/>
                <a:gd name="T14" fmla="*/ 1 w 32"/>
                <a:gd name="T15" fmla="*/ 14 h 27"/>
                <a:gd name="T16" fmla="*/ 9 w 32"/>
                <a:gd name="T17" fmla="*/ 12 h 27"/>
                <a:gd name="T18" fmla="*/ 11 w 32"/>
                <a:gd name="T19" fmla="*/ 11 h 27"/>
                <a:gd name="T20" fmla="*/ 14 w 32"/>
                <a:gd name="T21" fmla="*/ 17 h 27"/>
                <a:gd name="T22" fmla="*/ 13 w 32"/>
                <a:gd name="T23" fmla="*/ 21 h 27"/>
                <a:gd name="T24" fmla="*/ 20 w 32"/>
                <a:gd name="T25" fmla="*/ 21 h 27"/>
                <a:gd name="T26" fmla="*/ 26 w 32"/>
                <a:gd name="T27" fmla="*/ 21 h 27"/>
                <a:gd name="T28" fmla="*/ 29 w 32"/>
                <a:gd name="T29" fmla="*/ 26 h 27"/>
                <a:gd name="T30" fmla="*/ 31 w 32"/>
                <a:gd name="T31" fmla="*/ 25 h 27"/>
                <a:gd name="T32" fmla="*/ 28 w 32"/>
                <a:gd name="T33" fmla="*/ 16 h 27"/>
                <a:gd name="T34" fmla="*/ 31 w 32"/>
                <a:gd name="T35" fmla="*/ 13 h 27"/>
                <a:gd name="T36" fmla="*/ 32 w 32"/>
                <a:gd name="T37" fmla="*/ 11 h 27"/>
                <a:gd name="T38" fmla="*/ 28 w 32"/>
                <a:gd name="T39" fmla="*/ 10 h 27"/>
                <a:gd name="T40" fmla="*/ 20 w 32"/>
                <a:gd name="T41" fmla="*/ 9 h 27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w 32"/>
                <a:gd name="T64" fmla="*/ 0 h 27"/>
                <a:gd name="T65" fmla="*/ 32 w 32"/>
                <a:gd name="T66" fmla="*/ 27 h 27"/>
              </a:gdLst>
              <a:ahLst/>
              <a:cxnLst>
                <a:cxn ang="T42">
                  <a:pos x="T0" y="T1"/>
                </a:cxn>
                <a:cxn ang="T43">
                  <a:pos x="T2" y="T3"/>
                </a:cxn>
                <a:cxn ang="T44">
                  <a:pos x="T4" y="T5"/>
                </a:cxn>
                <a:cxn ang="T45">
                  <a:pos x="T6" y="T7"/>
                </a:cxn>
                <a:cxn ang="T46">
                  <a:pos x="T8" y="T9"/>
                </a:cxn>
                <a:cxn ang="T47">
                  <a:pos x="T10" y="T11"/>
                </a:cxn>
                <a:cxn ang="T48">
                  <a:pos x="T12" y="T13"/>
                </a:cxn>
                <a:cxn ang="T49">
                  <a:pos x="T14" y="T15"/>
                </a:cxn>
                <a:cxn ang="T50">
                  <a:pos x="T16" y="T17"/>
                </a:cxn>
                <a:cxn ang="T51">
                  <a:pos x="T18" y="T19"/>
                </a:cxn>
                <a:cxn ang="T52">
                  <a:pos x="T20" y="T21"/>
                </a:cxn>
                <a:cxn ang="T53">
                  <a:pos x="T22" y="T23"/>
                </a:cxn>
                <a:cxn ang="T54">
                  <a:pos x="T24" y="T25"/>
                </a:cxn>
                <a:cxn ang="T55">
                  <a:pos x="T26" y="T27"/>
                </a:cxn>
                <a:cxn ang="T56">
                  <a:pos x="T28" y="T29"/>
                </a:cxn>
                <a:cxn ang="T57">
                  <a:pos x="T30" y="T31"/>
                </a:cxn>
                <a:cxn ang="T58">
                  <a:pos x="T32" y="T33"/>
                </a:cxn>
                <a:cxn ang="T59">
                  <a:pos x="T34" y="T35"/>
                </a:cxn>
                <a:cxn ang="T60">
                  <a:pos x="T36" y="T37"/>
                </a:cxn>
                <a:cxn ang="T61">
                  <a:pos x="T38" y="T39"/>
                </a:cxn>
                <a:cxn ang="T62">
                  <a:pos x="T40" y="T41"/>
                </a:cxn>
              </a:cxnLst>
              <a:rect l="T63" t="T64" r="T65" b="T66"/>
              <a:pathLst>
                <a:path w="32" h="27">
                  <a:moveTo>
                    <a:pt x="20" y="9"/>
                  </a:moveTo>
                  <a:cubicBezTo>
                    <a:pt x="18" y="8"/>
                    <a:pt x="17" y="7"/>
                    <a:pt x="16" y="6"/>
                  </a:cubicBezTo>
                  <a:cubicBezTo>
                    <a:pt x="15" y="5"/>
                    <a:pt x="16" y="5"/>
                    <a:pt x="16" y="4"/>
                  </a:cubicBezTo>
                  <a:cubicBezTo>
                    <a:pt x="16" y="3"/>
                    <a:pt x="17" y="1"/>
                    <a:pt x="16" y="1"/>
                  </a:cubicBezTo>
                  <a:cubicBezTo>
                    <a:pt x="15" y="1"/>
                    <a:pt x="12" y="1"/>
                    <a:pt x="10" y="1"/>
                  </a:cubicBezTo>
                  <a:cubicBezTo>
                    <a:pt x="8" y="1"/>
                    <a:pt x="6" y="0"/>
                    <a:pt x="4" y="1"/>
                  </a:cubicBezTo>
                  <a:cubicBezTo>
                    <a:pt x="2" y="2"/>
                    <a:pt x="0" y="7"/>
                    <a:pt x="0" y="9"/>
                  </a:cubicBezTo>
                  <a:cubicBezTo>
                    <a:pt x="0" y="11"/>
                    <a:pt x="0" y="14"/>
                    <a:pt x="1" y="14"/>
                  </a:cubicBezTo>
                  <a:cubicBezTo>
                    <a:pt x="2" y="14"/>
                    <a:pt x="7" y="13"/>
                    <a:pt x="9" y="12"/>
                  </a:cubicBezTo>
                  <a:cubicBezTo>
                    <a:pt x="11" y="11"/>
                    <a:pt x="10" y="10"/>
                    <a:pt x="11" y="11"/>
                  </a:cubicBezTo>
                  <a:cubicBezTo>
                    <a:pt x="12" y="12"/>
                    <a:pt x="14" y="15"/>
                    <a:pt x="14" y="17"/>
                  </a:cubicBezTo>
                  <a:cubicBezTo>
                    <a:pt x="14" y="19"/>
                    <a:pt x="12" y="20"/>
                    <a:pt x="13" y="21"/>
                  </a:cubicBezTo>
                  <a:cubicBezTo>
                    <a:pt x="14" y="22"/>
                    <a:pt x="18" y="21"/>
                    <a:pt x="20" y="21"/>
                  </a:cubicBezTo>
                  <a:cubicBezTo>
                    <a:pt x="22" y="21"/>
                    <a:pt x="25" y="20"/>
                    <a:pt x="26" y="21"/>
                  </a:cubicBezTo>
                  <a:cubicBezTo>
                    <a:pt x="27" y="22"/>
                    <a:pt x="28" y="25"/>
                    <a:pt x="29" y="26"/>
                  </a:cubicBezTo>
                  <a:cubicBezTo>
                    <a:pt x="30" y="27"/>
                    <a:pt x="31" y="27"/>
                    <a:pt x="31" y="25"/>
                  </a:cubicBezTo>
                  <a:cubicBezTo>
                    <a:pt x="31" y="23"/>
                    <a:pt x="28" y="18"/>
                    <a:pt x="28" y="16"/>
                  </a:cubicBezTo>
                  <a:cubicBezTo>
                    <a:pt x="28" y="14"/>
                    <a:pt x="30" y="14"/>
                    <a:pt x="31" y="13"/>
                  </a:cubicBezTo>
                  <a:cubicBezTo>
                    <a:pt x="32" y="12"/>
                    <a:pt x="32" y="11"/>
                    <a:pt x="32" y="11"/>
                  </a:cubicBezTo>
                  <a:cubicBezTo>
                    <a:pt x="32" y="11"/>
                    <a:pt x="30" y="10"/>
                    <a:pt x="28" y="10"/>
                  </a:cubicBezTo>
                  <a:cubicBezTo>
                    <a:pt x="26" y="10"/>
                    <a:pt x="22" y="10"/>
                    <a:pt x="20" y="9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700" name="Freeform 62"/>
            <xdr:cNvSpPr>
              <a:spLocks/>
            </xdr:cNvSpPr>
          </xdr:nvSpPr>
          <xdr:spPr bwMode="auto">
            <a:xfrm>
              <a:off x="436" y="216"/>
              <a:ext cx="55" cy="26"/>
            </a:xfrm>
            <a:custGeom>
              <a:avLst/>
              <a:gdLst>
                <a:gd name="T0" fmla="*/ 37 w 55"/>
                <a:gd name="T1" fmla="*/ 10 h 26"/>
                <a:gd name="T2" fmla="*/ 41 w 55"/>
                <a:gd name="T3" fmla="*/ 9 h 26"/>
                <a:gd name="T4" fmla="*/ 45 w 55"/>
                <a:gd name="T5" fmla="*/ 9 h 26"/>
                <a:gd name="T6" fmla="*/ 47 w 55"/>
                <a:gd name="T7" fmla="*/ 10 h 26"/>
                <a:gd name="T8" fmla="*/ 42 w 55"/>
                <a:gd name="T9" fmla="*/ 14 h 26"/>
                <a:gd name="T10" fmla="*/ 50 w 55"/>
                <a:gd name="T11" fmla="*/ 18 h 26"/>
                <a:gd name="T12" fmla="*/ 53 w 55"/>
                <a:gd name="T13" fmla="*/ 20 h 26"/>
                <a:gd name="T14" fmla="*/ 53 w 55"/>
                <a:gd name="T15" fmla="*/ 23 h 26"/>
                <a:gd name="T16" fmla="*/ 40 w 55"/>
                <a:gd name="T17" fmla="*/ 24 h 26"/>
                <a:gd name="T18" fmla="*/ 36 w 55"/>
                <a:gd name="T19" fmla="*/ 21 h 26"/>
                <a:gd name="T20" fmla="*/ 31 w 55"/>
                <a:gd name="T21" fmla="*/ 25 h 26"/>
                <a:gd name="T22" fmla="*/ 23 w 55"/>
                <a:gd name="T23" fmla="*/ 25 h 26"/>
                <a:gd name="T24" fmla="*/ 21 w 55"/>
                <a:gd name="T25" fmla="*/ 20 h 26"/>
                <a:gd name="T26" fmla="*/ 17 w 55"/>
                <a:gd name="T27" fmla="*/ 19 h 26"/>
                <a:gd name="T28" fmla="*/ 16 w 55"/>
                <a:gd name="T29" fmla="*/ 14 h 26"/>
                <a:gd name="T30" fmla="*/ 13 w 55"/>
                <a:gd name="T31" fmla="*/ 15 h 26"/>
                <a:gd name="T32" fmla="*/ 10 w 55"/>
                <a:gd name="T33" fmla="*/ 8 h 26"/>
                <a:gd name="T34" fmla="*/ 9 w 55"/>
                <a:gd name="T35" fmla="*/ 6 h 26"/>
                <a:gd name="T36" fmla="*/ 5 w 55"/>
                <a:gd name="T37" fmla="*/ 6 h 26"/>
                <a:gd name="T38" fmla="*/ 3 w 55"/>
                <a:gd name="T39" fmla="*/ 10 h 26"/>
                <a:gd name="T40" fmla="*/ 0 w 55"/>
                <a:gd name="T41" fmla="*/ 9 h 26"/>
                <a:gd name="T42" fmla="*/ 2 w 55"/>
                <a:gd name="T43" fmla="*/ 2 h 26"/>
                <a:gd name="T44" fmla="*/ 9 w 55"/>
                <a:gd name="T45" fmla="*/ 1 h 26"/>
                <a:gd name="T46" fmla="*/ 16 w 55"/>
                <a:gd name="T47" fmla="*/ 6 h 26"/>
                <a:gd name="T48" fmla="*/ 22 w 55"/>
                <a:gd name="T49" fmla="*/ 10 h 26"/>
                <a:gd name="T50" fmla="*/ 24 w 55"/>
                <a:gd name="T51" fmla="*/ 13 h 26"/>
                <a:gd name="T52" fmla="*/ 26 w 55"/>
                <a:gd name="T53" fmla="*/ 16 h 26"/>
                <a:gd name="T54" fmla="*/ 32 w 55"/>
                <a:gd name="T55" fmla="*/ 18 h 26"/>
                <a:gd name="T56" fmla="*/ 34 w 55"/>
                <a:gd name="T57" fmla="*/ 12 h 26"/>
                <a:gd name="T58" fmla="*/ 37 w 55"/>
                <a:gd name="T59" fmla="*/ 10 h 2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w 55"/>
                <a:gd name="T91" fmla="*/ 0 h 26"/>
                <a:gd name="T92" fmla="*/ 55 w 55"/>
                <a:gd name="T93" fmla="*/ 26 h 26"/>
              </a:gdLst>
              <a:ahLst/>
              <a:cxnLst>
                <a:cxn ang="T60">
                  <a:pos x="T0" y="T1"/>
                </a:cxn>
                <a:cxn ang="T61">
                  <a:pos x="T2" y="T3"/>
                </a:cxn>
                <a:cxn ang="T62">
                  <a:pos x="T4" y="T5"/>
                </a:cxn>
                <a:cxn ang="T63">
                  <a:pos x="T6" y="T7"/>
                </a:cxn>
                <a:cxn ang="T64">
                  <a:pos x="T8" y="T9"/>
                </a:cxn>
                <a:cxn ang="T65">
                  <a:pos x="T10" y="T11"/>
                </a:cxn>
                <a:cxn ang="T66">
                  <a:pos x="T12" y="T13"/>
                </a:cxn>
                <a:cxn ang="T67">
                  <a:pos x="T14" y="T15"/>
                </a:cxn>
                <a:cxn ang="T68">
                  <a:pos x="T16" y="T17"/>
                </a:cxn>
                <a:cxn ang="T69">
                  <a:pos x="T18" y="T19"/>
                </a:cxn>
                <a:cxn ang="T70">
                  <a:pos x="T20" y="T21"/>
                </a:cxn>
                <a:cxn ang="T71">
                  <a:pos x="T22" y="T23"/>
                </a:cxn>
                <a:cxn ang="T72">
                  <a:pos x="T24" y="T25"/>
                </a:cxn>
                <a:cxn ang="T73">
                  <a:pos x="T26" y="T27"/>
                </a:cxn>
                <a:cxn ang="T74">
                  <a:pos x="T28" y="T29"/>
                </a:cxn>
                <a:cxn ang="T75">
                  <a:pos x="T30" y="T31"/>
                </a:cxn>
                <a:cxn ang="T76">
                  <a:pos x="T32" y="T33"/>
                </a:cxn>
                <a:cxn ang="T77">
                  <a:pos x="T34" y="T35"/>
                </a:cxn>
                <a:cxn ang="T78">
                  <a:pos x="T36" y="T37"/>
                </a:cxn>
                <a:cxn ang="T79">
                  <a:pos x="T38" y="T39"/>
                </a:cxn>
                <a:cxn ang="T80">
                  <a:pos x="T40" y="T41"/>
                </a:cxn>
                <a:cxn ang="T81">
                  <a:pos x="T42" y="T43"/>
                </a:cxn>
                <a:cxn ang="T82">
                  <a:pos x="T44" y="T45"/>
                </a:cxn>
                <a:cxn ang="T83">
                  <a:pos x="T46" y="T47"/>
                </a:cxn>
                <a:cxn ang="T84">
                  <a:pos x="T48" y="T49"/>
                </a:cxn>
                <a:cxn ang="T85">
                  <a:pos x="T50" y="T51"/>
                </a:cxn>
                <a:cxn ang="T86">
                  <a:pos x="T52" y="T53"/>
                </a:cxn>
                <a:cxn ang="T87">
                  <a:pos x="T54" y="T55"/>
                </a:cxn>
                <a:cxn ang="T88">
                  <a:pos x="T56" y="T57"/>
                </a:cxn>
                <a:cxn ang="T89">
                  <a:pos x="T58" y="T59"/>
                </a:cxn>
              </a:cxnLst>
              <a:rect l="T90" t="T91" r="T92" b="T93"/>
              <a:pathLst>
                <a:path w="55" h="26">
                  <a:moveTo>
                    <a:pt x="37" y="10"/>
                  </a:moveTo>
                  <a:cubicBezTo>
                    <a:pt x="38" y="10"/>
                    <a:pt x="40" y="9"/>
                    <a:pt x="41" y="9"/>
                  </a:cubicBezTo>
                  <a:cubicBezTo>
                    <a:pt x="42" y="9"/>
                    <a:pt x="44" y="9"/>
                    <a:pt x="45" y="9"/>
                  </a:cubicBezTo>
                  <a:cubicBezTo>
                    <a:pt x="46" y="9"/>
                    <a:pt x="47" y="9"/>
                    <a:pt x="47" y="10"/>
                  </a:cubicBezTo>
                  <a:cubicBezTo>
                    <a:pt x="47" y="11"/>
                    <a:pt x="42" y="13"/>
                    <a:pt x="42" y="14"/>
                  </a:cubicBezTo>
                  <a:cubicBezTo>
                    <a:pt x="42" y="15"/>
                    <a:pt x="48" y="17"/>
                    <a:pt x="50" y="18"/>
                  </a:cubicBezTo>
                  <a:cubicBezTo>
                    <a:pt x="52" y="19"/>
                    <a:pt x="53" y="19"/>
                    <a:pt x="53" y="20"/>
                  </a:cubicBezTo>
                  <a:cubicBezTo>
                    <a:pt x="53" y="21"/>
                    <a:pt x="55" y="22"/>
                    <a:pt x="53" y="23"/>
                  </a:cubicBezTo>
                  <a:cubicBezTo>
                    <a:pt x="51" y="24"/>
                    <a:pt x="43" y="24"/>
                    <a:pt x="40" y="24"/>
                  </a:cubicBezTo>
                  <a:cubicBezTo>
                    <a:pt x="37" y="24"/>
                    <a:pt x="37" y="21"/>
                    <a:pt x="36" y="21"/>
                  </a:cubicBezTo>
                  <a:cubicBezTo>
                    <a:pt x="35" y="21"/>
                    <a:pt x="33" y="24"/>
                    <a:pt x="31" y="25"/>
                  </a:cubicBezTo>
                  <a:cubicBezTo>
                    <a:pt x="29" y="26"/>
                    <a:pt x="25" y="26"/>
                    <a:pt x="23" y="25"/>
                  </a:cubicBezTo>
                  <a:cubicBezTo>
                    <a:pt x="21" y="24"/>
                    <a:pt x="22" y="21"/>
                    <a:pt x="21" y="20"/>
                  </a:cubicBezTo>
                  <a:cubicBezTo>
                    <a:pt x="20" y="19"/>
                    <a:pt x="18" y="20"/>
                    <a:pt x="17" y="19"/>
                  </a:cubicBezTo>
                  <a:cubicBezTo>
                    <a:pt x="16" y="18"/>
                    <a:pt x="17" y="15"/>
                    <a:pt x="16" y="14"/>
                  </a:cubicBezTo>
                  <a:cubicBezTo>
                    <a:pt x="15" y="13"/>
                    <a:pt x="14" y="16"/>
                    <a:pt x="13" y="15"/>
                  </a:cubicBezTo>
                  <a:cubicBezTo>
                    <a:pt x="12" y="14"/>
                    <a:pt x="11" y="9"/>
                    <a:pt x="10" y="8"/>
                  </a:cubicBezTo>
                  <a:cubicBezTo>
                    <a:pt x="9" y="7"/>
                    <a:pt x="10" y="6"/>
                    <a:pt x="9" y="6"/>
                  </a:cubicBezTo>
                  <a:cubicBezTo>
                    <a:pt x="8" y="6"/>
                    <a:pt x="6" y="5"/>
                    <a:pt x="5" y="6"/>
                  </a:cubicBezTo>
                  <a:cubicBezTo>
                    <a:pt x="4" y="7"/>
                    <a:pt x="4" y="10"/>
                    <a:pt x="3" y="10"/>
                  </a:cubicBezTo>
                  <a:cubicBezTo>
                    <a:pt x="2" y="10"/>
                    <a:pt x="0" y="10"/>
                    <a:pt x="0" y="9"/>
                  </a:cubicBezTo>
                  <a:cubicBezTo>
                    <a:pt x="0" y="8"/>
                    <a:pt x="1" y="3"/>
                    <a:pt x="2" y="2"/>
                  </a:cubicBezTo>
                  <a:cubicBezTo>
                    <a:pt x="3" y="1"/>
                    <a:pt x="7" y="0"/>
                    <a:pt x="9" y="1"/>
                  </a:cubicBezTo>
                  <a:cubicBezTo>
                    <a:pt x="11" y="2"/>
                    <a:pt x="14" y="5"/>
                    <a:pt x="16" y="6"/>
                  </a:cubicBezTo>
                  <a:cubicBezTo>
                    <a:pt x="18" y="7"/>
                    <a:pt x="21" y="9"/>
                    <a:pt x="22" y="10"/>
                  </a:cubicBezTo>
                  <a:cubicBezTo>
                    <a:pt x="23" y="11"/>
                    <a:pt x="23" y="12"/>
                    <a:pt x="24" y="13"/>
                  </a:cubicBezTo>
                  <a:cubicBezTo>
                    <a:pt x="25" y="14"/>
                    <a:pt x="25" y="15"/>
                    <a:pt x="26" y="16"/>
                  </a:cubicBezTo>
                  <a:cubicBezTo>
                    <a:pt x="27" y="17"/>
                    <a:pt x="31" y="19"/>
                    <a:pt x="32" y="18"/>
                  </a:cubicBezTo>
                  <a:cubicBezTo>
                    <a:pt x="33" y="17"/>
                    <a:pt x="33" y="13"/>
                    <a:pt x="34" y="12"/>
                  </a:cubicBezTo>
                  <a:cubicBezTo>
                    <a:pt x="35" y="11"/>
                    <a:pt x="36" y="10"/>
                    <a:pt x="37" y="10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701" name="Freeform 63"/>
            <xdr:cNvSpPr>
              <a:spLocks/>
            </xdr:cNvSpPr>
          </xdr:nvSpPr>
          <xdr:spPr bwMode="auto">
            <a:xfrm>
              <a:off x="171" y="483"/>
              <a:ext cx="46" cy="21"/>
            </a:xfrm>
            <a:custGeom>
              <a:avLst/>
              <a:gdLst>
                <a:gd name="T0" fmla="*/ 0 w 46"/>
                <a:gd name="T1" fmla="*/ 11 h 21"/>
                <a:gd name="T2" fmla="*/ 6 w 46"/>
                <a:gd name="T3" fmla="*/ 3 h 21"/>
                <a:gd name="T4" fmla="*/ 18 w 46"/>
                <a:gd name="T5" fmla="*/ 3 h 21"/>
                <a:gd name="T6" fmla="*/ 24 w 46"/>
                <a:gd name="T7" fmla="*/ 7 h 21"/>
                <a:gd name="T8" fmla="*/ 28 w 46"/>
                <a:gd name="T9" fmla="*/ 12 h 21"/>
                <a:gd name="T10" fmla="*/ 32 w 46"/>
                <a:gd name="T11" fmla="*/ 13 h 21"/>
                <a:gd name="T12" fmla="*/ 30 w 46"/>
                <a:gd name="T13" fmla="*/ 5 h 21"/>
                <a:gd name="T14" fmla="*/ 31 w 46"/>
                <a:gd name="T15" fmla="*/ 0 h 21"/>
                <a:gd name="T16" fmla="*/ 35 w 46"/>
                <a:gd name="T17" fmla="*/ 6 h 21"/>
                <a:gd name="T18" fmla="*/ 39 w 46"/>
                <a:gd name="T19" fmla="*/ 9 h 21"/>
                <a:gd name="T20" fmla="*/ 46 w 46"/>
                <a:gd name="T21" fmla="*/ 11 h 21"/>
                <a:gd name="T22" fmla="*/ 37 w 46"/>
                <a:gd name="T23" fmla="*/ 17 h 21"/>
                <a:gd name="T24" fmla="*/ 33 w 46"/>
                <a:gd name="T25" fmla="*/ 17 h 21"/>
                <a:gd name="T26" fmla="*/ 29 w 46"/>
                <a:gd name="T27" fmla="*/ 21 h 21"/>
                <a:gd name="T28" fmla="*/ 23 w 46"/>
                <a:gd name="T29" fmla="*/ 15 h 21"/>
                <a:gd name="T30" fmla="*/ 18 w 46"/>
                <a:gd name="T31" fmla="*/ 11 h 21"/>
                <a:gd name="T32" fmla="*/ 5 w 46"/>
                <a:gd name="T33" fmla="*/ 10 h 21"/>
                <a:gd name="T34" fmla="*/ 0 w 46"/>
                <a:gd name="T35" fmla="*/ 11 h 21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w 46"/>
                <a:gd name="T55" fmla="*/ 0 h 21"/>
                <a:gd name="T56" fmla="*/ 46 w 46"/>
                <a:gd name="T57" fmla="*/ 21 h 21"/>
              </a:gdLst>
              <a:ahLst/>
              <a:cxnLst>
                <a:cxn ang="T36">
                  <a:pos x="T0" y="T1"/>
                </a:cxn>
                <a:cxn ang="T37">
                  <a:pos x="T2" y="T3"/>
                </a:cxn>
                <a:cxn ang="T38">
                  <a:pos x="T4" y="T5"/>
                </a:cxn>
                <a:cxn ang="T39">
                  <a:pos x="T6" y="T7"/>
                </a:cxn>
                <a:cxn ang="T40">
                  <a:pos x="T8" y="T9"/>
                </a:cxn>
                <a:cxn ang="T41">
                  <a:pos x="T10" y="T11"/>
                </a:cxn>
                <a:cxn ang="T42">
                  <a:pos x="T12" y="T13"/>
                </a:cxn>
                <a:cxn ang="T43">
                  <a:pos x="T14" y="T15"/>
                </a:cxn>
                <a:cxn ang="T44">
                  <a:pos x="T16" y="T17"/>
                </a:cxn>
                <a:cxn ang="T45">
                  <a:pos x="T18" y="T19"/>
                </a:cxn>
                <a:cxn ang="T46">
                  <a:pos x="T20" y="T21"/>
                </a:cxn>
                <a:cxn ang="T47">
                  <a:pos x="T22" y="T23"/>
                </a:cxn>
                <a:cxn ang="T48">
                  <a:pos x="T24" y="T25"/>
                </a:cxn>
                <a:cxn ang="T49">
                  <a:pos x="T26" y="T27"/>
                </a:cxn>
                <a:cxn ang="T50">
                  <a:pos x="T28" y="T29"/>
                </a:cxn>
                <a:cxn ang="T51">
                  <a:pos x="T30" y="T31"/>
                </a:cxn>
                <a:cxn ang="T52">
                  <a:pos x="T32" y="T33"/>
                </a:cxn>
                <a:cxn ang="T53">
                  <a:pos x="T34" y="T35"/>
                </a:cxn>
              </a:cxnLst>
              <a:rect l="T54" t="T55" r="T56" b="T57"/>
              <a:pathLst>
                <a:path w="46" h="21">
                  <a:moveTo>
                    <a:pt x="0" y="11"/>
                  </a:moveTo>
                  <a:cubicBezTo>
                    <a:pt x="0" y="10"/>
                    <a:pt x="3" y="4"/>
                    <a:pt x="6" y="3"/>
                  </a:cubicBezTo>
                  <a:cubicBezTo>
                    <a:pt x="9" y="2"/>
                    <a:pt x="15" y="2"/>
                    <a:pt x="18" y="3"/>
                  </a:cubicBezTo>
                  <a:cubicBezTo>
                    <a:pt x="21" y="4"/>
                    <a:pt x="22" y="6"/>
                    <a:pt x="24" y="7"/>
                  </a:cubicBezTo>
                  <a:cubicBezTo>
                    <a:pt x="26" y="8"/>
                    <a:pt x="27" y="11"/>
                    <a:pt x="28" y="12"/>
                  </a:cubicBezTo>
                  <a:cubicBezTo>
                    <a:pt x="29" y="13"/>
                    <a:pt x="32" y="14"/>
                    <a:pt x="32" y="13"/>
                  </a:cubicBezTo>
                  <a:cubicBezTo>
                    <a:pt x="32" y="12"/>
                    <a:pt x="30" y="7"/>
                    <a:pt x="30" y="5"/>
                  </a:cubicBezTo>
                  <a:cubicBezTo>
                    <a:pt x="30" y="3"/>
                    <a:pt x="30" y="0"/>
                    <a:pt x="31" y="0"/>
                  </a:cubicBezTo>
                  <a:cubicBezTo>
                    <a:pt x="32" y="0"/>
                    <a:pt x="34" y="5"/>
                    <a:pt x="35" y="6"/>
                  </a:cubicBezTo>
                  <a:cubicBezTo>
                    <a:pt x="36" y="7"/>
                    <a:pt x="37" y="8"/>
                    <a:pt x="39" y="9"/>
                  </a:cubicBezTo>
                  <a:cubicBezTo>
                    <a:pt x="41" y="10"/>
                    <a:pt x="46" y="10"/>
                    <a:pt x="46" y="11"/>
                  </a:cubicBezTo>
                  <a:cubicBezTo>
                    <a:pt x="46" y="12"/>
                    <a:pt x="39" y="16"/>
                    <a:pt x="37" y="17"/>
                  </a:cubicBezTo>
                  <a:cubicBezTo>
                    <a:pt x="35" y="18"/>
                    <a:pt x="34" y="16"/>
                    <a:pt x="33" y="17"/>
                  </a:cubicBezTo>
                  <a:cubicBezTo>
                    <a:pt x="32" y="18"/>
                    <a:pt x="31" y="21"/>
                    <a:pt x="29" y="21"/>
                  </a:cubicBezTo>
                  <a:cubicBezTo>
                    <a:pt x="27" y="21"/>
                    <a:pt x="25" y="17"/>
                    <a:pt x="23" y="15"/>
                  </a:cubicBezTo>
                  <a:cubicBezTo>
                    <a:pt x="21" y="13"/>
                    <a:pt x="21" y="12"/>
                    <a:pt x="18" y="11"/>
                  </a:cubicBezTo>
                  <a:cubicBezTo>
                    <a:pt x="15" y="10"/>
                    <a:pt x="8" y="10"/>
                    <a:pt x="5" y="10"/>
                  </a:cubicBezTo>
                  <a:cubicBezTo>
                    <a:pt x="2" y="10"/>
                    <a:pt x="0" y="12"/>
                    <a:pt x="0" y="1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702" name="Freeform 64"/>
            <xdr:cNvSpPr>
              <a:spLocks/>
            </xdr:cNvSpPr>
          </xdr:nvSpPr>
          <xdr:spPr bwMode="auto">
            <a:xfrm>
              <a:off x="400" y="289"/>
              <a:ext cx="71" cy="89"/>
            </a:xfrm>
            <a:custGeom>
              <a:avLst/>
              <a:gdLst>
                <a:gd name="T0" fmla="*/ 0 w 1589"/>
                <a:gd name="T1" fmla="*/ 0 h 2074"/>
                <a:gd name="T2" fmla="*/ 0 w 1589"/>
                <a:gd name="T3" fmla="*/ 0 h 2074"/>
                <a:gd name="T4" fmla="*/ 0 w 1589"/>
                <a:gd name="T5" fmla="*/ 0 h 2074"/>
                <a:gd name="T6" fmla="*/ 0 w 1589"/>
                <a:gd name="T7" fmla="*/ 0 h 2074"/>
                <a:gd name="T8" fmla="*/ 0 w 1589"/>
                <a:gd name="T9" fmla="*/ 0 h 2074"/>
                <a:gd name="T10" fmla="*/ 0 w 1589"/>
                <a:gd name="T11" fmla="*/ 0 h 2074"/>
                <a:gd name="T12" fmla="*/ 0 w 1589"/>
                <a:gd name="T13" fmla="*/ 0 h 2074"/>
                <a:gd name="T14" fmla="*/ 0 w 1589"/>
                <a:gd name="T15" fmla="*/ 0 h 2074"/>
                <a:gd name="T16" fmla="*/ 0 w 1589"/>
                <a:gd name="T17" fmla="*/ 0 h 2074"/>
                <a:gd name="T18" fmla="*/ 0 w 1589"/>
                <a:gd name="T19" fmla="*/ 0 h 2074"/>
                <a:gd name="T20" fmla="*/ 0 w 1589"/>
                <a:gd name="T21" fmla="*/ 0 h 2074"/>
                <a:gd name="T22" fmla="*/ 0 w 1589"/>
                <a:gd name="T23" fmla="*/ 0 h 2074"/>
                <a:gd name="T24" fmla="*/ 0 w 1589"/>
                <a:gd name="T25" fmla="*/ 0 h 2074"/>
                <a:gd name="T26" fmla="*/ 0 w 1589"/>
                <a:gd name="T27" fmla="*/ 0 h 2074"/>
                <a:gd name="T28" fmla="*/ 0 w 1589"/>
                <a:gd name="T29" fmla="*/ 0 h 2074"/>
                <a:gd name="T30" fmla="*/ 0 w 1589"/>
                <a:gd name="T31" fmla="*/ 0 h 2074"/>
                <a:gd name="T32" fmla="*/ 0 w 1589"/>
                <a:gd name="T33" fmla="*/ 0 h 2074"/>
                <a:gd name="T34" fmla="*/ 0 w 1589"/>
                <a:gd name="T35" fmla="*/ 0 h 2074"/>
                <a:gd name="T36" fmla="*/ 0 w 1589"/>
                <a:gd name="T37" fmla="*/ 0 h 2074"/>
                <a:gd name="T38" fmla="*/ 0 w 1589"/>
                <a:gd name="T39" fmla="*/ 0 h 2074"/>
                <a:gd name="T40" fmla="*/ 0 w 1589"/>
                <a:gd name="T41" fmla="*/ 0 h 2074"/>
                <a:gd name="T42" fmla="*/ 0 w 1589"/>
                <a:gd name="T43" fmla="*/ 0 h 2074"/>
                <a:gd name="T44" fmla="*/ 0 w 1589"/>
                <a:gd name="T45" fmla="*/ 0 h 2074"/>
                <a:gd name="T46" fmla="*/ 0 w 1589"/>
                <a:gd name="T47" fmla="*/ 0 h 2074"/>
                <a:gd name="T48" fmla="*/ 0 w 1589"/>
                <a:gd name="T49" fmla="*/ 0 h 2074"/>
                <a:gd name="T50" fmla="*/ 0 w 1589"/>
                <a:gd name="T51" fmla="*/ 0 h 2074"/>
                <a:gd name="T52" fmla="*/ 0 w 1589"/>
                <a:gd name="T53" fmla="*/ 0 h 2074"/>
                <a:gd name="T54" fmla="*/ 0 w 1589"/>
                <a:gd name="T55" fmla="*/ 0 h 2074"/>
                <a:gd name="T56" fmla="*/ 0 w 1589"/>
                <a:gd name="T57" fmla="*/ 0 h 2074"/>
                <a:gd name="T58" fmla="*/ 0 w 1589"/>
                <a:gd name="T59" fmla="*/ 0 h 2074"/>
                <a:gd name="T60" fmla="*/ 0 w 1589"/>
                <a:gd name="T61" fmla="*/ 0 h 2074"/>
                <a:gd name="T62" fmla="*/ 0 w 1589"/>
                <a:gd name="T63" fmla="*/ 0 h 2074"/>
                <a:gd name="T64" fmla="*/ 0 w 1589"/>
                <a:gd name="T65" fmla="*/ 0 h 2074"/>
                <a:gd name="T66" fmla="*/ 0 w 1589"/>
                <a:gd name="T67" fmla="*/ 0 h 2074"/>
                <a:gd name="T68" fmla="*/ 0 w 1589"/>
                <a:gd name="T69" fmla="*/ 0 h 2074"/>
                <a:gd name="T70" fmla="*/ 0 w 1589"/>
                <a:gd name="T71" fmla="*/ 0 h 2074"/>
                <a:gd name="T72" fmla="*/ 0 w 1589"/>
                <a:gd name="T73" fmla="*/ 0 h 2074"/>
                <a:gd name="T74" fmla="*/ 0 w 1589"/>
                <a:gd name="T75" fmla="*/ 0 h 2074"/>
                <a:gd name="T76" fmla="*/ 0 w 1589"/>
                <a:gd name="T77" fmla="*/ 0 h 2074"/>
                <a:gd name="T78" fmla="*/ 0 w 1589"/>
                <a:gd name="T79" fmla="*/ 0 h 2074"/>
                <a:gd name="T80" fmla="*/ 0 w 1589"/>
                <a:gd name="T81" fmla="*/ 0 h 2074"/>
                <a:gd name="T82" fmla="*/ 0 w 1589"/>
                <a:gd name="T83" fmla="*/ 0 h 2074"/>
                <a:gd name="T84" fmla="*/ 0 w 1589"/>
                <a:gd name="T85" fmla="*/ 0 h 2074"/>
                <a:gd name="T86" fmla="*/ 0 w 1589"/>
                <a:gd name="T87" fmla="*/ 0 h 2074"/>
                <a:gd name="T88" fmla="*/ 0 w 1589"/>
                <a:gd name="T89" fmla="*/ 0 h 2074"/>
                <a:gd name="T90" fmla="*/ 0 w 1589"/>
                <a:gd name="T91" fmla="*/ 0 h 2074"/>
                <a:gd name="T92" fmla="*/ 0 w 1589"/>
                <a:gd name="T93" fmla="*/ 0 h 2074"/>
                <a:gd name="T94" fmla="*/ 0 w 1589"/>
                <a:gd name="T95" fmla="*/ 0 h 2074"/>
                <a:gd name="T96" fmla="*/ 0 w 1589"/>
                <a:gd name="T97" fmla="*/ 0 h 2074"/>
                <a:gd name="T98" fmla="*/ 0 w 1589"/>
                <a:gd name="T99" fmla="*/ 0 h 2074"/>
                <a:gd name="T100" fmla="*/ 0 w 1589"/>
                <a:gd name="T101" fmla="*/ 0 h 2074"/>
                <a:gd name="T102" fmla="*/ 0 w 1589"/>
                <a:gd name="T103" fmla="*/ 0 h 2074"/>
                <a:gd name="T104" fmla="*/ 0 w 1589"/>
                <a:gd name="T105" fmla="*/ 0 h 2074"/>
                <a:gd name="T106" fmla="*/ 0 w 1589"/>
                <a:gd name="T107" fmla="*/ 0 h 2074"/>
                <a:gd name="T108" fmla="*/ 0 w 1589"/>
                <a:gd name="T109" fmla="*/ 0 h 2074"/>
                <a:gd name="T110" fmla="*/ 0 w 1589"/>
                <a:gd name="T111" fmla="*/ 0 h 2074"/>
                <a:gd name="T112" fmla="*/ 0 w 1589"/>
                <a:gd name="T113" fmla="*/ 0 h 2074"/>
                <a:gd name="T114" fmla="*/ 0 w 1589"/>
                <a:gd name="T115" fmla="*/ 0 h 2074"/>
                <a:gd name="T116" fmla="*/ 0 w 1589"/>
                <a:gd name="T117" fmla="*/ 0 h 2074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w 1589"/>
                <a:gd name="T178" fmla="*/ 0 h 2074"/>
                <a:gd name="T179" fmla="*/ 1589 w 1589"/>
                <a:gd name="T180" fmla="*/ 2074 h 2074"/>
              </a:gdLst>
              <a:ahLst/>
              <a:cxnLst>
                <a:cxn ang="T118">
                  <a:pos x="T0" y="T1"/>
                </a:cxn>
                <a:cxn ang="T119">
                  <a:pos x="T2" y="T3"/>
                </a:cxn>
                <a:cxn ang="T120">
                  <a:pos x="T4" y="T5"/>
                </a:cxn>
                <a:cxn ang="T121">
                  <a:pos x="T6" y="T7"/>
                </a:cxn>
                <a:cxn ang="T122">
                  <a:pos x="T8" y="T9"/>
                </a:cxn>
                <a:cxn ang="T123">
                  <a:pos x="T10" y="T11"/>
                </a:cxn>
                <a:cxn ang="T124">
                  <a:pos x="T12" y="T13"/>
                </a:cxn>
                <a:cxn ang="T125">
                  <a:pos x="T14" y="T15"/>
                </a:cxn>
                <a:cxn ang="T126">
                  <a:pos x="T16" y="T17"/>
                </a:cxn>
                <a:cxn ang="T127">
                  <a:pos x="T18" y="T19"/>
                </a:cxn>
                <a:cxn ang="T128">
                  <a:pos x="T20" y="T21"/>
                </a:cxn>
                <a:cxn ang="T129">
                  <a:pos x="T22" y="T23"/>
                </a:cxn>
                <a:cxn ang="T130">
                  <a:pos x="T24" y="T25"/>
                </a:cxn>
                <a:cxn ang="T131">
                  <a:pos x="T26" y="T27"/>
                </a:cxn>
                <a:cxn ang="T132">
                  <a:pos x="T28" y="T29"/>
                </a:cxn>
                <a:cxn ang="T133">
                  <a:pos x="T30" y="T31"/>
                </a:cxn>
                <a:cxn ang="T134">
                  <a:pos x="T32" y="T33"/>
                </a:cxn>
                <a:cxn ang="T135">
                  <a:pos x="T34" y="T35"/>
                </a:cxn>
                <a:cxn ang="T136">
                  <a:pos x="T36" y="T37"/>
                </a:cxn>
                <a:cxn ang="T137">
                  <a:pos x="T38" y="T39"/>
                </a:cxn>
                <a:cxn ang="T138">
                  <a:pos x="T40" y="T41"/>
                </a:cxn>
                <a:cxn ang="T139">
                  <a:pos x="T42" y="T43"/>
                </a:cxn>
                <a:cxn ang="T140">
                  <a:pos x="T44" y="T45"/>
                </a:cxn>
                <a:cxn ang="T141">
                  <a:pos x="T46" y="T47"/>
                </a:cxn>
                <a:cxn ang="T142">
                  <a:pos x="T48" y="T49"/>
                </a:cxn>
                <a:cxn ang="T143">
                  <a:pos x="T50" y="T51"/>
                </a:cxn>
                <a:cxn ang="T144">
                  <a:pos x="T52" y="T53"/>
                </a:cxn>
                <a:cxn ang="T145">
                  <a:pos x="T54" y="T55"/>
                </a:cxn>
                <a:cxn ang="T146">
                  <a:pos x="T56" y="T57"/>
                </a:cxn>
                <a:cxn ang="T147">
                  <a:pos x="T58" y="T59"/>
                </a:cxn>
                <a:cxn ang="T148">
                  <a:pos x="T60" y="T61"/>
                </a:cxn>
                <a:cxn ang="T149">
                  <a:pos x="T62" y="T63"/>
                </a:cxn>
                <a:cxn ang="T150">
                  <a:pos x="T64" y="T65"/>
                </a:cxn>
                <a:cxn ang="T151">
                  <a:pos x="T66" y="T67"/>
                </a:cxn>
                <a:cxn ang="T152">
                  <a:pos x="T68" y="T69"/>
                </a:cxn>
                <a:cxn ang="T153">
                  <a:pos x="T70" y="T71"/>
                </a:cxn>
                <a:cxn ang="T154">
                  <a:pos x="T72" y="T73"/>
                </a:cxn>
                <a:cxn ang="T155">
                  <a:pos x="T74" y="T75"/>
                </a:cxn>
                <a:cxn ang="T156">
                  <a:pos x="T76" y="T77"/>
                </a:cxn>
                <a:cxn ang="T157">
                  <a:pos x="T78" y="T79"/>
                </a:cxn>
                <a:cxn ang="T158">
                  <a:pos x="T80" y="T81"/>
                </a:cxn>
                <a:cxn ang="T159">
                  <a:pos x="T82" y="T83"/>
                </a:cxn>
                <a:cxn ang="T160">
                  <a:pos x="T84" y="T85"/>
                </a:cxn>
                <a:cxn ang="T161">
                  <a:pos x="T86" y="T87"/>
                </a:cxn>
                <a:cxn ang="T162">
                  <a:pos x="T88" y="T89"/>
                </a:cxn>
                <a:cxn ang="T163">
                  <a:pos x="T90" y="T91"/>
                </a:cxn>
                <a:cxn ang="T164">
                  <a:pos x="T92" y="T93"/>
                </a:cxn>
                <a:cxn ang="T165">
                  <a:pos x="T94" y="T95"/>
                </a:cxn>
                <a:cxn ang="T166">
                  <a:pos x="T96" y="T97"/>
                </a:cxn>
                <a:cxn ang="T167">
                  <a:pos x="T98" y="T99"/>
                </a:cxn>
                <a:cxn ang="T168">
                  <a:pos x="T100" y="T101"/>
                </a:cxn>
                <a:cxn ang="T169">
                  <a:pos x="T102" y="T103"/>
                </a:cxn>
                <a:cxn ang="T170">
                  <a:pos x="T104" y="T105"/>
                </a:cxn>
                <a:cxn ang="T171">
                  <a:pos x="T106" y="T107"/>
                </a:cxn>
                <a:cxn ang="T172">
                  <a:pos x="T108" y="T109"/>
                </a:cxn>
                <a:cxn ang="T173">
                  <a:pos x="T110" y="T111"/>
                </a:cxn>
                <a:cxn ang="T174">
                  <a:pos x="T112" y="T113"/>
                </a:cxn>
                <a:cxn ang="T175">
                  <a:pos x="T114" y="T115"/>
                </a:cxn>
                <a:cxn ang="T176">
                  <a:pos x="T116" y="T117"/>
                </a:cxn>
              </a:cxnLst>
              <a:rect l="T177" t="T178" r="T179" b="T180"/>
              <a:pathLst>
                <a:path w="1589" h="2074">
                  <a:moveTo>
                    <a:pt x="1371" y="65"/>
                  </a:moveTo>
                  <a:cubicBezTo>
                    <a:pt x="1336" y="35"/>
                    <a:pt x="1251" y="0"/>
                    <a:pt x="1221" y="5"/>
                  </a:cubicBezTo>
                  <a:cubicBezTo>
                    <a:pt x="1191" y="10"/>
                    <a:pt x="1208" y="68"/>
                    <a:pt x="1191" y="93"/>
                  </a:cubicBezTo>
                  <a:cubicBezTo>
                    <a:pt x="1174" y="118"/>
                    <a:pt x="1147" y="125"/>
                    <a:pt x="1117" y="153"/>
                  </a:cubicBezTo>
                  <a:cubicBezTo>
                    <a:pt x="1087" y="181"/>
                    <a:pt x="1036" y="221"/>
                    <a:pt x="1011" y="261"/>
                  </a:cubicBezTo>
                  <a:cubicBezTo>
                    <a:pt x="986" y="301"/>
                    <a:pt x="989" y="361"/>
                    <a:pt x="967" y="393"/>
                  </a:cubicBezTo>
                  <a:cubicBezTo>
                    <a:pt x="945" y="425"/>
                    <a:pt x="907" y="443"/>
                    <a:pt x="877" y="453"/>
                  </a:cubicBezTo>
                  <a:cubicBezTo>
                    <a:pt x="847" y="463"/>
                    <a:pt x="814" y="445"/>
                    <a:pt x="787" y="453"/>
                  </a:cubicBezTo>
                  <a:cubicBezTo>
                    <a:pt x="760" y="461"/>
                    <a:pt x="751" y="498"/>
                    <a:pt x="711" y="501"/>
                  </a:cubicBezTo>
                  <a:cubicBezTo>
                    <a:pt x="671" y="504"/>
                    <a:pt x="589" y="489"/>
                    <a:pt x="547" y="469"/>
                  </a:cubicBezTo>
                  <a:cubicBezTo>
                    <a:pt x="505" y="449"/>
                    <a:pt x="487" y="396"/>
                    <a:pt x="457" y="381"/>
                  </a:cubicBezTo>
                  <a:cubicBezTo>
                    <a:pt x="427" y="366"/>
                    <a:pt x="395" y="369"/>
                    <a:pt x="367" y="381"/>
                  </a:cubicBezTo>
                  <a:cubicBezTo>
                    <a:pt x="339" y="393"/>
                    <a:pt x="316" y="428"/>
                    <a:pt x="291" y="453"/>
                  </a:cubicBezTo>
                  <a:cubicBezTo>
                    <a:pt x="266" y="478"/>
                    <a:pt x="234" y="499"/>
                    <a:pt x="217" y="529"/>
                  </a:cubicBezTo>
                  <a:cubicBezTo>
                    <a:pt x="200" y="559"/>
                    <a:pt x="205" y="606"/>
                    <a:pt x="187" y="633"/>
                  </a:cubicBezTo>
                  <a:cubicBezTo>
                    <a:pt x="169" y="660"/>
                    <a:pt x="141" y="663"/>
                    <a:pt x="111" y="693"/>
                  </a:cubicBezTo>
                  <a:cubicBezTo>
                    <a:pt x="81" y="723"/>
                    <a:pt x="14" y="768"/>
                    <a:pt x="7" y="813"/>
                  </a:cubicBezTo>
                  <a:cubicBezTo>
                    <a:pt x="0" y="858"/>
                    <a:pt x="45" y="955"/>
                    <a:pt x="67" y="965"/>
                  </a:cubicBezTo>
                  <a:cubicBezTo>
                    <a:pt x="89" y="975"/>
                    <a:pt x="109" y="900"/>
                    <a:pt x="141" y="873"/>
                  </a:cubicBezTo>
                  <a:cubicBezTo>
                    <a:pt x="173" y="846"/>
                    <a:pt x="223" y="813"/>
                    <a:pt x="261" y="801"/>
                  </a:cubicBezTo>
                  <a:cubicBezTo>
                    <a:pt x="299" y="789"/>
                    <a:pt x="322" y="809"/>
                    <a:pt x="367" y="801"/>
                  </a:cubicBezTo>
                  <a:cubicBezTo>
                    <a:pt x="412" y="793"/>
                    <a:pt x="486" y="748"/>
                    <a:pt x="531" y="753"/>
                  </a:cubicBezTo>
                  <a:cubicBezTo>
                    <a:pt x="576" y="758"/>
                    <a:pt x="619" y="789"/>
                    <a:pt x="637" y="829"/>
                  </a:cubicBezTo>
                  <a:cubicBezTo>
                    <a:pt x="655" y="869"/>
                    <a:pt x="637" y="950"/>
                    <a:pt x="637" y="993"/>
                  </a:cubicBezTo>
                  <a:cubicBezTo>
                    <a:pt x="637" y="1036"/>
                    <a:pt x="610" y="1067"/>
                    <a:pt x="637" y="1085"/>
                  </a:cubicBezTo>
                  <a:cubicBezTo>
                    <a:pt x="664" y="1103"/>
                    <a:pt x="774" y="1076"/>
                    <a:pt x="801" y="1101"/>
                  </a:cubicBezTo>
                  <a:cubicBezTo>
                    <a:pt x="828" y="1126"/>
                    <a:pt x="796" y="1188"/>
                    <a:pt x="801" y="1233"/>
                  </a:cubicBezTo>
                  <a:cubicBezTo>
                    <a:pt x="806" y="1278"/>
                    <a:pt x="823" y="1329"/>
                    <a:pt x="831" y="1369"/>
                  </a:cubicBezTo>
                  <a:cubicBezTo>
                    <a:pt x="839" y="1409"/>
                    <a:pt x="852" y="1430"/>
                    <a:pt x="847" y="1473"/>
                  </a:cubicBezTo>
                  <a:cubicBezTo>
                    <a:pt x="842" y="1516"/>
                    <a:pt x="801" y="1582"/>
                    <a:pt x="801" y="1625"/>
                  </a:cubicBezTo>
                  <a:cubicBezTo>
                    <a:pt x="801" y="1668"/>
                    <a:pt x="852" y="1684"/>
                    <a:pt x="847" y="1729"/>
                  </a:cubicBezTo>
                  <a:cubicBezTo>
                    <a:pt x="842" y="1774"/>
                    <a:pt x="781" y="1838"/>
                    <a:pt x="771" y="1893"/>
                  </a:cubicBezTo>
                  <a:cubicBezTo>
                    <a:pt x="761" y="1948"/>
                    <a:pt x="779" y="2048"/>
                    <a:pt x="787" y="2061"/>
                  </a:cubicBezTo>
                  <a:cubicBezTo>
                    <a:pt x="795" y="2074"/>
                    <a:pt x="807" y="2019"/>
                    <a:pt x="817" y="1969"/>
                  </a:cubicBezTo>
                  <a:cubicBezTo>
                    <a:pt x="827" y="1919"/>
                    <a:pt x="830" y="1824"/>
                    <a:pt x="847" y="1761"/>
                  </a:cubicBezTo>
                  <a:cubicBezTo>
                    <a:pt x="864" y="1698"/>
                    <a:pt x="904" y="1661"/>
                    <a:pt x="921" y="1593"/>
                  </a:cubicBezTo>
                  <a:cubicBezTo>
                    <a:pt x="938" y="1525"/>
                    <a:pt x="946" y="1410"/>
                    <a:pt x="951" y="1353"/>
                  </a:cubicBezTo>
                  <a:cubicBezTo>
                    <a:pt x="956" y="1296"/>
                    <a:pt x="926" y="1231"/>
                    <a:pt x="951" y="1249"/>
                  </a:cubicBezTo>
                  <a:cubicBezTo>
                    <a:pt x="976" y="1267"/>
                    <a:pt x="1056" y="1416"/>
                    <a:pt x="1101" y="1461"/>
                  </a:cubicBezTo>
                  <a:cubicBezTo>
                    <a:pt x="1146" y="1506"/>
                    <a:pt x="1186" y="1494"/>
                    <a:pt x="1221" y="1521"/>
                  </a:cubicBezTo>
                  <a:cubicBezTo>
                    <a:pt x="1256" y="1548"/>
                    <a:pt x="1286" y="1593"/>
                    <a:pt x="1311" y="1625"/>
                  </a:cubicBezTo>
                  <a:cubicBezTo>
                    <a:pt x="1336" y="1657"/>
                    <a:pt x="1343" y="1688"/>
                    <a:pt x="1371" y="1713"/>
                  </a:cubicBezTo>
                  <a:cubicBezTo>
                    <a:pt x="1399" y="1738"/>
                    <a:pt x="1442" y="1758"/>
                    <a:pt x="1477" y="1773"/>
                  </a:cubicBezTo>
                  <a:cubicBezTo>
                    <a:pt x="1512" y="1788"/>
                    <a:pt x="1589" y="1827"/>
                    <a:pt x="1581" y="1805"/>
                  </a:cubicBezTo>
                  <a:cubicBezTo>
                    <a:pt x="1573" y="1783"/>
                    <a:pt x="1468" y="1688"/>
                    <a:pt x="1431" y="1641"/>
                  </a:cubicBezTo>
                  <a:cubicBezTo>
                    <a:pt x="1394" y="1594"/>
                    <a:pt x="1392" y="1564"/>
                    <a:pt x="1357" y="1521"/>
                  </a:cubicBezTo>
                  <a:cubicBezTo>
                    <a:pt x="1322" y="1478"/>
                    <a:pt x="1259" y="1430"/>
                    <a:pt x="1221" y="1385"/>
                  </a:cubicBezTo>
                  <a:cubicBezTo>
                    <a:pt x="1183" y="1340"/>
                    <a:pt x="1158" y="1294"/>
                    <a:pt x="1131" y="1249"/>
                  </a:cubicBezTo>
                  <a:cubicBezTo>
                    <a:pt x="1104" y="1204"/>
                    <a:pt x="1084" y="1163"/>
                    <a:pt x="1057" y="1113"/>
                  </a:cubicBezTo>
                  <a:cubicBezTo>
                    <a:pt x="1030" y="1063"/>
                    <a:pt x="990" y="991"/>
                    <a:pt x="967" y="949"/>
                  </a:cubicBezTo>
                  <a:cubicBezTo>
                    <a:pt x="944" y="907"/>
                    <a:pt x="936" y="894"/>
                    <a:pt x="921" y="861"/>
                  </a:cubicBezTo>
                  <a:cubicBezTo>
                    <a:pt x="906" y="828"/>
                    <a:pt x="867" y="803"/>
                    <a:pt x="877" y="753"/>
                  </a:cubicBezTo>
                  <a:cubicBezTo>
                    <a:pt x="887" y="703"/>
                    <a:pt x="944" y="593"/>
                    <a:pt x="981" y="561"/>
                  </a:cubicBezTo>
                  <a:cubicBezTo>
                    <a:pt x="1018" y="529"/>
                    <a:pt x="1076" y="584"/>
                    <a:pt x="1101" y="561"/>
                  </a:cubicBezTo>
                  <a:cubicBezTo>
                    <a:pt x="1126" y="538"/>
                    <a:pt x="1113" y="470"/>
                    <a:pt x="1131" y="425"/>
                  </a:cubicBezTo>
                  <a:cubicBezTo>
                    <a:pt x="1149" y="380"/>
                    <a:pt x="1172" y="322"/>
                    <a:pt x="1207" y="289"/>
                  </a:cubicBezTo>
                  <a:cubicBezTo>
                    <a:pt x="1242" y="256"/>
                    <a:pt x="1304" y="246"/>
                    <a:pt x="1341" y="229"/>
                  </a:cubicBezTo>
                  <a:cubicBezTo>
                    <a:pt x="1378" y="212"/>
                    <a:pt x="1421" y="215"/>
                    <a:pt x="1431" y="185"/>
                  </a:cubicBezTo>
                  <a:cubicBezTo>
                    <a:pt x="1441" y="155"/>
                    <a:pt x="1406" y="95"/>
                    <a:pt x="1371" y="65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  <xdr:sp macro="" textlink="">
          <xdr:nvSpPr>
            <xdr:cNvPr id="149703" name="Freeform 65"/>
            <xdr:cNvSpPr>
              <a:spLocks/>
            </xdr:cNvSpPr>
          </xdr:nvSpPr>
          <xdr:spPr bwMode="auto">
            <a:xfrm>
              <a:off x="132" y="741"/>
              <a:ext cx="57" cy="73"/>
            </a:xfrm>
            <a:custGeom>
              <a:avLst/>
              <a:gdLst>
                <a:gd name="T0" fmla="*/ 45 w 57"/>
                <a:gd name="T1" fmla="*/ 73 h 73"/>
                <a:gd name="T2" fmla="*/ 43 w 57"/>
                <a:gd name="T3" fmla="*/ 68 h 73"/>
                <a:gd name="T4" fmla="*/ 35 w 57"/>
                <a:gd name="T5" fmla="*/ 68 h 73"/>
                <a:gd name="T6" fmla="*/ 32 w 57"/>
                <a:gd name="T7" fmla="*/ 72 h 73"/>
                <a:gd name="T8" fmla="*/ 28 w 57"/>
                <a:gd name="T9" fmla="*/ 65 h 73"/>
                <a:gd name="T10" fmla="*/ 28 w 57"/>
                <a:gd name="T11" fmla="*/ 60 h 73"/>
                <a:gd name="T12" fmla="*/ 21 w 57"/>
                <a:gd name="T13" fmla="*/ 57 h 73"/>
                <a:gd name="T14" fmla="*/ 21 w 57"/>
                <a:gd name="T15" fmla="*/ 52 h 73"/>
                <a:gd name="T16" fmla="*/ 15 w 57"/>
                <a:gd name="T17" fmla="*/ 47 h 73"/>
                <a:gd name="T18" fmla="*/ 15 w 57"/>
                <a:gd name="T19" fmla="*/ 42 h 73"/>
                <a:gd name="T20" fmla="*/ 15 w 57"/>
                <a:gd name="T21" fmla="*/ 38 h 73"/>
                <a:gd name="T22" fmla="*/ 16 w 57"/>
                <a:gd name="T23" fmla="*/ 33 h 73"/>
                <a:gd name="T24" fmla="*/ 13 w 57"/>
                <a:gd name="T25" fmla="*/ 28 h 73"/>
                <a:gd name="T26" fmla="*/ 7 w 57"/>
                <a:gd name="T27" fmla="*/ 24 h 73"/>
                <a:gd name="T28" fmla="*/ 7 w 57"/>
                <a:gd name="T29" fmla="*/ 20 h 73"/>
                <a:gd name="T30" fmla="*/ 6 w 57"/>
                <a:gd name="T31" fmla="*/ 16 h 73"/>
                <a:gd name="T32" fmla="*/ 1 w 57"/>
                <a:gd name="T33" fmla="*/ 12 h 73"/>
                <a:gd name="T34" fmla="*/ 0 w 57"/>
                <a:gd name="T35" fmla="*/ 6 h 73"/>
                <a:gd name="T36" fmla="*/ 1 w 57"/>
                <a:gd name="T37" fmla="*/ 2 h 73"/>
                <a:gd name="T38" fmla="*/ 6 w 57"/>
                <a:gd name="T39" fmla="*/ 0 h 73"/>
                <a:gd name="T40" fmla="*/ 10 w 57"/>
                <a:gd name="T41" fmla="*/ 1 h 73"/>
                <a:gd name="T42" fmla="*/ 16 w 57"/>
                <a:gd name="T43" fmla="*/ 5 h 73"/>
                <a:gd name="T44" fmla="*/ 16 w 57"/>
                <a:gd name="T45" fmla="*/ 9 h 73"/>
                <a:gd name="T46" fmla="*/ 17 w 57"/>
                <a:gd name="T47" fmla="*/ 17 h 73"/>
                <a:gd name="T48" fmla="*/ 19 w 57"/>
                <a:gd name="T49" fmla="*/ 24 h 73"/>
                <a:gd name="T50" fmla="*/ 23 w 57"/>
                <a:gd name="T51" fmla="*/ 31 h 73"/>
                <a:gd name="T52" fmla="*/ 27 w 57"/>
                <a:gd name="T53" fmla="*/ 37 h 73"/>
                <a:gd name="T54" fmla="*/ 32 w 57"/>
                <a:gd name="T55" fmla="*/ 41 h 73"/>
                <a:gd name="T56" fmla="*/ 38 w 57"/>
                <a:gd name="T57" fmla="*/ 45 h 73"/>
                <a:gd name="T58" fmla="*/ 44 w 57"/>
                <a:gd name="T59" fmla="*/ 49 h 73"/>
                <a:gd name="T60" fmla="*/ 53 w 57"/>
                <a:gd name="T61" fmla="*/ 53 h 73"/>
                <a:gd name="T62" fmla="*/ 57 w 57"/>
                <a:gd name="T63" fmla="*/ 53 h 73"/>
                <a:gd name="T64" fmla="*/ 56 w 57"/>
                <a:gd name="T65" fmla="*/ 57 h 73"/>
                <a:gd name="T66" fmla="*/ 53 w 57"/>
                <a:gd name="T67" fmla="*/ 61 h 73"/>
                <a:gd name="T68" fmla="*/ 47 w 57"/>
                <a:gd name="T69" fmla="*/ 62 h 73"/>
                <a:gd name="T70" fmla="*/ 51 w 57"/>
                <a:gd name="T71" fmla="*/ 67 h 73"/>
                <a:gd name="T72" fmla="*/ 45 w 57"/>
                <a:gd name="T73" fmla="*/ 73 h 73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w 57"/>
                <a:gd name="T112" fmla="*/ 0 h 73"/>
                <a:gd name="T113" fmla="*/ 57 w 57"/>
                <a:gd name="T114" fmla="*/ 73 h 73"/>
              </a:gdLst>
              <a:ahLst/>
              <a:cxnLst>
                <a:cxn ang="T74">
                  <a:pos x="T0" y="T1"/>
                </a:cxn>
                <a:cxn ang="T75">
                  <a:pos x="T2" y="T3"/>
                </a:cxn>
                <a:cxn ang="T76">
                  <a:pos x="T4" y="T5"/>
                </a:cxn>
                <a:cxn ang="T77">
                  <a:pos x="T6" y="T7"/>
                </a:cxn>
                <a:cxn ang="T78">
                  <a:pos x="T8" y="T9"/>
                </a:cxn>
                <a:cxn ang="T79">
                  <a:pos x="T10" y="T11"/>
                </a:cxn>
                <a:cxn ang="T80">
                  <a:pos x="T12" y="T13"/>
                </a:cxn>
                <a:cxn ang="T81">
                  <a:pos x="T14" y="T15"/>
                </a:cxn>
                <a:cxn ang="T82">
                  <a:pos x="T16" y="T17"/>
                </a:cxn>
                <a:cxn ang="T83">
                  <a:pos x="T18" y="T19"/>
                </a:cxn>
                <a:cxn ang="T84">
                  <a:pos x="T20" y="T21"/>
                </a:cxn>
                <a:cxn ang="T85">
                  <a:pos x="T22" y="T23"/>
                </a:cxn>
                <a:cxn ang="T86">
                  <a:pos x="T24" y="T25"/>
                </a:cxn>
                <a:cxn ang="T87">
                  <a:pos x="T26" y="T27"/>
                </a:cxn>
                <a:cxn ang="T88">
                  <a:pos x="T28" y="T29"/>
                </a:cxn>
                <a:cxn ang="T89">
                  <a:pos x="T30" y="T31"/>
                </a:cxn>
                <a:cxn ang="T90">
                  <a:pos x="T32" y="T33"/>
                </a:cxn>
                <a:cxn ang="T91">
                  <a:pos x="T34" y="T35"/>
                </a:cxn>
                <a:cxn ang="T92">
                  <a:pos x="T36" y="T37"/>
                </a:cxn>
                <a:cxn ang="T93">
                  <a:pos x="T38" y="T39"/>
                </a:cxn>
                <a:cxn ang="T94">
                  <a:pos x="T40" y="T41"/>
                </a:cxn>
                <a:cxn ang="T95">
                  <a:pos x="T42" y="T43"/>
                </a:cxn>
                <a:cxn ang="T96">
                  <a:pos x="T44" y="T45"/>
                </a:cxn>
                <a:cxn ang="T97">
                  <a:pos x="T46" y="T47"/>
                </a:cxn>
                <a:cxn ang="T98">
                  <a:pos x="T48" y="T49"/>
                </a:cxn>
                <a:cxn ang="T99">
                  <a:pos x="T50" y="T51"/>
                </a:cxn>
                <a:cxn ang="T100">
                  <a:pos x="T52" y="T53"/>
                </a:cxn>
                <a:cxn ang="T101">
                  <a:pos x="T54" y="T55"/>
                </a:cxn>
                <a:cxn ang="T102">
                  <a:pos x="T56" y="T57"/>
                </a:cxn>
                <a:cxn ang="T103">
                  <a:pos x="T58" y="T59"/>
                </a:cxn>
                <a:cxn ang="T104">
                  <a:pos x="T60" y="T61"/>
                </a:cxn>
                <a:cxn ang="T105">
                  <a:pos x="T62" y="T63"/>
                </a:cxn>
                <a:cxn ang="T106">
                  <a:pos x="T64" y="T65"/>
                </a:cxn>
                <a:cxn ang="T107">
                  <a:pos x="T66" y="T67"/>
                </a:cxn>
                <a:cxn ang="T108">
                  <a:pos x="T68" y="T69"/>
                </a:cxn>
                <a:cxn ang="T109">
                  <a:pos x="T70" y="T71"/>
                </a:cxn>
                <a:cxn ang="T110">
                  <a:pos x="T72" y="T73"/>
                </a:cxn>
              </a:cxnLst>
              <a:rect l="T111" t="T112" r="T113" b="T114"/>
              <a:pathLst>
                <a:path w="57" h="73">
                  <a:moveTo>
                    <a:pt x="45" y="73"/>
                  </a:moveTo>
                  <a:cubicBezTo>
                    <a:pt x="44" y="73"/>
                    <a:pt x="45" y="69"/>
                    <a:pt x="43" y="68"/>
                  </a:cubicBezTo>
                  <a:cubicBezTo>
                    <a:pt x="41" y="67"/>
                    <a:pt x="37" y="67"/>
                    <a:pt x="35" y="68"/>
                  </a:cubicBezTo>
                  <a:cubicBezTo>
                    <a:pt x="33" y="69"/>
                    <a:pt x="33" y="72"/>
                    <a:pt x="32" y="72"/>
                  </a:cubicBezTo>
                  <a:cubicBezTo>
                    <a:pt x="31" y="72"/>
                    <a:pt x="29" y="67"/>
                    <a:pt x="28" y="65"/>
                  </a:cubicBezTo>
                  <a:cubicBezTo>
                    <a:pt x="27" y="63"/>
                    <a:pt x="29" y="61"/>
                    <a:pt x="28" y="60"/>
                  </a:cubicBezTo>
                  <a:cubicBezTo>
                    <a:pt x="27" y="59"/>
                    <a:pt x="22" y="58"/>
                    <a:pt x="21" y="57"/>
                  </a:cubicBezTo>
                  <a:cubicBezTo>
                    <a:pt x="20" y="56"/>
                    <a:pt x="22" y="54"/>
                    <a:pt x="21" y="52"/>
                  </a:cubicBezTo>
                  <a:cubicBezTo>
                    <a:pt x="20" y="50"/>
                    <a:pt x="16" y="49"/>
                    <a:pt x="15" y="47"/>
                  </a:cubicBezTo>
                  <a:cubicBezTo>
                    <a:pt x="14" y="45"/>
                    <a:pt x="15" y="43"/>
                    <a:pt x="15" y="42"/>
                  </a:cubicBezTo>
                  <a:cubicBezTo>
                    <a:pt x="15" y="41"/>
                    <a:pt x="15" y="39"/>
                    <a:pt x="15" y="38"/>
                  </a:cubicBezTo>
                  <a:cubicBezTo>
                    <a:pt x="15" y="37"/>
                    <a:pt x="16" y="35"/>
                    <a:pt x="16" y="33"/>
                  </a:cubicBezTo>
                  <a:cubicBezTo>
                    <a:pt x="16" y="31"/>
                    <a:pt x="14" y="29"/>
                    <a:pt x="13" y="28"/>
                  </a:cubicBezTo>
                  <a:cubicBezTo>
                    <a:pt x="12" y="27"/>
                    <a:pt x="8" y="25"/>
                    <a:pt x="7" y="24"/>
                  </a:cubicBezTo>
                  <a:cubicBezTo>
                    <a:pt x="6" y="23"/>
                    <a:pt x="7" y="21"/>
                    <a:pt x="7" y="20"/>
                  </a:cubicBezTo>
                  <a:cubicBezTo>
                    <a:pt x="7" y="19"/>
                    <a:pt x="7" y="17"/>
                    <a:pt x="6" y="16"/>
                  </a:cubicBezTo>
                  <a:cubicBezTo>
                    <a:pt x="5" y="15"/>
                    <a:pt x="2" y="14"/>
                    <a:pt x="1" y="12"/>
                  </a:cubicBezTo>
                  <a:cubicBezTo>
                    <a:pt x="0" y="10"/>
                    <a:pt x="0" y="8"/>
                    <a:pt x="0" y="6"/>
                  </a:cubicBezTo>
                  <a:cubicBezTo>
                    <a:pt x="0" y="4"/>
                    <a:pt x="0" y="3"/>
                    <a:pt x="1" y="2"/>
                  </a:cubicBezTo>
                  <a:cubicBezTo>
                    <a:pt x="2" y="1"/>
                    <a:pt x="5" y="0"/>
                    <a:pt x="6" y="0"/>
                  </a:cubicBezTo>
                  <a:cubicBezTo>
                    <a:pt x="7" y="0"/>
                    <a:pt x="8" y="0"/>
                    <a:pt x="10" y="1"/>
                  </a:cubicBezTo>
                  <a:cubicBezTo>
                    <a:pt x="12" y="2"/>
                    <a:pt x="15" y="4"/>
                    <a:pt x="16" y="5"/>
                  </a:cubicBezTo>
                  <a:cubicBezTo>
                    <a:pt x="17" y="6"/>
                    <a:pt x="16" y="7"/>
                    <a:pt x="16" y="9"/>
                  </a:cubicBezTo>
                  <a:cubicBezTo>
                    <a:pt x="16" y="11"/>
                    <a:pt x="17" y="15"/>
                    <a:pt x="17" y="17"/>
                  </a:cubicBezTo>
                  <a:cubicBezTo>
                    <a:pt x="17" y="19"/>
                    <a:pt x="18" y="22"/>
                    <a:pt x="19" y="24"/>
                  </a:cubicBezTo>
                  <a:cubicBezTo>
                    <a:pt x="20" y="26"/>
                    <a:pt x="22" y="29"/>
                    <a:pt x="23" y="31"/>
                  </a:cubicBezTo>
                  <a:cubicBezTo>
                    <a:pt x="24" y="33"/>
                    <a:pt x="26" y="35"/>
                    <a:pt x="27" y="37"/>
                  </a:cubicBezTo>
                  <a:cubicBezTo>
                    <a:pt x="28" y="39"/>
                    <a:pt x="30" y="40"/>
                    <a:pt x="32" y="41"/>
                  </a:cubicBezTo>
                  <a:cubicBezTo>
                    <a:pt x="34" y="42"/>
                    <a:pt x="36" y="44"/>
                    <a:pt x="38" y="45"/>
                  </a:cubicBezTo>
                  <a:cubicBezTo>
                    <a:pt x="40" y="46"/>
                    <a:pt x="42" y="48"/>
                    <a:pt x="44" y="49"/>
                  </a:cubicBezTo>
                  <a:cubicBezTo>
                    <a:pt x="46" y="50"/>
                    <a:pt x="51" y="52"/>
                    <a:pt x="53" y="53"/>
                  </a:cubicBezTo>
                  <a:cubicBezTo>
                    <a:pt x="55" y="54"/>
                    <a:pt x="57" y="52"/>
                    <a:pt x="57" y="53"/>
                  </a:cubicBezTo>
                  <a:cubicBezTo>
                    <a:pt x="57" y="54"/>
                    <a:pt x="57" y="56"/>
                    <a:pt x="56" y="57"/>
                  </a:cubicBezTo>
                  <a:cubicBezTo>
                    <a:pt x="55" y="58"/>
                    <a:pt x="54" y="60"/>
                    <a:pt x="53" y="61"/>
                  </a:cubicBezTo>
                  <a:cubicBezTo>
                    <a:pt x="52" y="62"/>
                    <a:pt x="47" y="61"/>
                    <a:pt x="47" y="62"/>
                  </a:cubicBezTo>
                  <a:cubicBezTo>
                    <a:pt x="47" y="63"/>
                    <a:pt x="51" y="66"/>
                    <a:pt x="51" y="67"/>
                  </a:cubicBezTo>
                  <a:cubicBezTo>
                    <a:pt x="51" y="68"/>
                    <a:pt x="46" y="73"/>
                    <a:pt x="45" y="73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</xdr:spPr>
        </xdr:sp>
      </xdr:grpSp>
      <xdr:sp macro="" textlink="">
        <xdr:nvSpPr>
          <xdr:cNvPr id="149655" name="d14215"/>
          <xdr:cNvSpPr>
            <a:spLocks/>
          </xdr:cNvSpPr>
        </xdr:nvSpPr>
        <xdr:spPr bwMode="auto">
          <a:xfrm>
            <a:off x="5720443" y="3276600"/>
            <a:ext cx="774246" cy="1047750"/>
          </a:xfrm>
          <a:custGeom>
            <a:avLst/>
            <a:gdLst>
              <a:gd name="T0" fmla="*/ 2147483646 w 81"/>
              <a:gd name="T1" fmla="*/ 2147483646 h 112"/>
              <a:gd name="T2" fmla="*/ 2147483646 w 81"/>
              <a:gd name="T3" fmla="*/ 2147483646 h 112"/>
              <a:gd name="T4" fmla="*/ 2147483646 w 81"/>
              <a:gd name="T5" fmla="*/ 2147483646 h 112"/>
              <a:gd name="T6" fmla="*/ 2147483646 w 81"/>
              <a:gd name="T7" fmla="*/ 2147483646 h 112"/>
              <a:gd name="T8" fmla="*/ 2147483646 w 81"/>
              <a:gd name="T9" fmla="*/ 2147483646 h 112"/>
              <a:gd name="T10" fmla="*/ 2147483646 w 81"/>
              <a:gd name="T11" fmla="*/ 2147483646 h 112"/>
              <a:gd name="T12" fmla="*/ 2147483646 w 81"/>
              <a:gd name="T13" fmla="*/ 2147483646 h 112"/>
              <a:gd name="T14" fmla="*/ 2147483646 w 81"/>
              <a:gd name="T15" fmla="*/ 2147483646 h 112"/>
              <a:gd name="T16" fmla="*/ 2147483646 w 81"/>
              <a:gd name="T17" fmla="*/ 2147483646 h 112"/>
              <a:gd name="T18" fmla="*/ 2147483646 w 81"/>
              <a:gd name="T19" fmla="*/ 2147483646 h 112"/>
              <a:gd name="T20" fmla="*/ 2147483646 w 81"/>
              <a:gd name="T21" fmla="*/ 2147483646 h 112"/>
              <a:gd name="T22" fmla="*/ 2147483646 w 81"/>
              <a:gd name="T23" fmla="*/ 2147483646 h 112"/>
              <a:gd name="T24" fmla="*/ 2147483646 w 81"/>
              <a:gd name="T25" fmla="*/ 2147483646 h 112"/>
              <a:gd name="T26" fmla="*/ 0 w 81"/>
              <a:gd name="T27" fmla="*/ 2147483646 h 112"/>
              <a:gd name="T28" fmla="*/ 2147483646 w 81"/>
              <a:gd name="T29" fmla="*/ 2147483646 h 112"/>
              <a:gd name="T30" fmla="*/ 2147483646 w 81"/>
              <a:gd name="T31" fmla="*/ 2147483646 h 112"/>
              <a:gd name="T32" fmla="*/ 2147483646 w 81"/>
              <a:gd name="T33" fmla="*/ 2147483646 h 112"/>
              <a:gd name="T34" fmla="*/ 2147483646 w 81"/>
              <a:gd name="T35" fmla="*/ 2147483646 h 112"/>
              <a:gd name="T36" fmla="*/ 2147483646 w 81"/>
              <a:gd name="T37" fmla="*/ 2147483646 h 112"/>
              <a:gd name="T38" fmla="*/ 2147483646 w 81"/>
              <a:gd name="T39" fmla="*/ 2147483646 h 112"/>
              <a:gd name="T40" fmla="*/ 2147483646 w 81"/>
              <a:gd name="T41" fmla="*/ 2147483646 h 112"/>
              <a:gd name="T42" fmla="*/ 2147483646 w 81"/>
              <a:gd name="T43" fmla="*/ 2147483646 h 112"/>
              <a:gd name="T44" fmla="*/ 2147483646 w 81"/>
              <a:gd name="T45" fmla="*/ 2147483646 h 112"/>
              <a:gd name="T46" fmla="*/ 2147483646 w 81"/>
              <a:gd name="T47" fmla="*/ 2147483646 h 112"/>
              <a:gd name="T48" fmla="*/ 2147483646 w 81"/>
              <a:gd name="T49" fmla="*/ 2147483646 h 112"/>
              <a:gd name="T50" fmla="*/ 2147483646 w 81"/>
              <a:gd name="T51" fmla="*/ 2147483646 h 112"/>
              <a:gd name="T52" fmla="*/ 2147483646 w 81"/>
              <a:gd name="T53" fmla="*/ 2147483646 h 112"/>
              <a:gd name="T54" fmla="*/ 2147483646 w 81"/>
              <a:gd name="T55" fmla="*/ 2147483646 h 112"/>
              <a:gd name="T56" fmla="*/ 2147483646 w 81"/>
              <a:gd name="T57" fmla="*/ 2147483646 h 112"/>
              <a:gd name="T58" fmla="*/ 2147483646 w 81"/>
              <a:gd name="T59" fmla="*/ 2147483646 h 112"/>
              <a:gd name="T60" fmla="*/ 2147483646 w 81"/>
              <a:gd name="T61" fmla="*/ 2147483646 h 112"/>
              <a:gd name="T62" fmla="*/ 2147483646 w 81"/>
              <a:gd name="T63" fmla="*/ 2147483646 h 112"/>
              <a:gd name="T64" fmla="*/ 2147483646 w 81"/>
              <a:gd name="T65" fmla="*/ 2147483646 h 112"/>
              <a:gd name="T66" fmla="*/ 2147483646 w 81"/>
              <a:gd name="T67" fmla="*/ 2147483646 h 112"/>
              <a:gd name="T68" fmla="*/ 2147483646 w 81"/>
              <a:gd name="T69" fmla="*/ 2147483646 h 112"/>
              <a:gd name="T70" fmla="*/ 2147483646 w 81"/>
              <a:gd name="T71" fmla="*/ 2147483646 h 112"/>
              <a:gd name="T72" fmla="*/ 2147483646 w 81"/>
              <a:gd name="T73" fmla="*/ 2147483646 h 112"/>
              <a:gd name="T74" fmla="*/ 2147483646 w 81"/>
              <a:gd name="T75" fmla="*/ 2147483646 h 112"/>
              <a:gd name="T76" fmla="*/ 2147483646 w 81"/>
              <a:gd name="T77" fmla="*/ 2147483646 h 112"/>
              <a:gd name="T78" fmla="*/ 2147483646 w 81"/>
              <a:gd name="T79" fmla="*/ 2147483646 h 112"/>
              <a:gd name="T80" fmla="*/ 2147483646 w 81"/>
              <a:gd name="T81" fmla="*/ 0 h 112"/>
              <a:gd name="T82" fmla="*/ 2147483646 w 81"/>
              <a:gd name="T83" fmla="*/ 2147483646 h 112"/>
              <a:gd name="T84" fmla="*/ 2147483646 w 81"/>
              <a:gd name="T85" fmla="*/ 2147483646 h 112"/>
              <a:gd name="T86" fmla="*/ 2147483646 w 81"/>
              <a:gd name="T87" fmla="*/ 2147483646 h 112"/>
              <a:gd name="T88" fmla="*/ 2147483646 w 81"/>
              <a:gd name="T89" fmla="*/ 2147483646 h 112"/>
              <a:gd name="T90" fmla="*/ 2147483646 w 81"/>
              <a:gd name="T91" fmla="*/ 2147483646 h 112"/>
              <a:gd name="T92" fmla="*/ 2147483646 w 81"/>
              <a:gd name="T93" fmla="*/ 2147483646 h 112"/>
              <a:gd name="T94" fmla="*/ 2147483646 w 81"/>
              <a:gd name="T95" fmla="*/ 2147483646 h 112"/>
              <a:gd name="T96" fmla="*/ 2147483646 w 81"/>
              <a:gd name="T97" fmla="*/ 2147483646 h 112"/>
              <a:gd name="T98" fmla="*/ 2147483646 w 81"/>
              <a:gd name="T99" fmla="*/ 2147483646 h 112"/>
              <a:gd name="T100" fmla="*/ 2147483646 w 81"/>
              <a:gd name="T101" fmla="*/ 2147483646 h 112"/>
              <a:gd name="T102" fmla="*/ 2147483646 w 81"/>
              <a:gd name="T103" fmla="*/ 2147483646 h 112"/>
              <a:gd name="T104" fmla="*/ 2147483646 w 81"/>
              <a:gd name="T105" fmla="*/ 2147483646 h 112"/>
              <a:gd name="T106" fmla="*/ 2147483646 w 81"/>
              <a:gd name="T107" fmla="*/ 2147483646 h 112"/>
              <a:gd name="T108" fmla="*/ 2147483646 w 81"/>
              <a:gd name="T109" fmla="*/ 2147483646 h 112"/>
              <a:gd name="T110" fmla="*/ 2147483646 w 81"/>
              <a:gd name="T111" fmla="*/ 2147483646 h 112"/>
              <a:gd name="T112" fmla="*/ 2147483646 w 81"/>
              <a:gd name="T113" fmla="*/ 2147483646 h 112"/>
              <a:gd name="T114" fmla="*/ 2147483646 w 81"/>
              <a:gd name="T115" fmla="*/ 2147483646 h 112"/>
              <a:gd name="T116" fmla="*/ 2147483646 w 81"/>
              <a:gd name="T117" fmla="*/ 2147483646 h 112"/>
              <a:gd name="T118" fmla="*/ 2147483646 w 81"/>
              <a:gd name="T119" fmla="*/ 2147483646 h 112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81"/>
              <a:gd name="T181" fmla="*/ 0 h 112"/>
              <a:gd name="T182" fmla="*/ 81 w 81"/>
              <a:gd name="T183" fmla="*/ 112 h 112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81" h="112">
                <a:moveTo>
                  <a:pt x="45" y="101"/>
                </a:moveTo>
                <a:lnTo>
                  <a:pt x="43" y="108"/>
                </a:lnTo>
                <a:lnTo>
                  <a:pt x="40" y="109"/>
                </a:lnTo>
                <a:lnTo>
                  <a:pt x="37" y="111"/>
                </a:lnTo>
                <a:lnTo>
                  <a:pt x="34" y="110"/>
                </a:lnTo>
                <a:lnTo>
                  <a:pt x="31" y="110"/>
                </a:lnTo>
                <a:lnTo>
                  <a:pt x="25" y="111"/>
                </a:lnTo>
                <a:lnTo>
                  <a:pt x="20" y="112"/>
                </a:lnTo>
                <a:lnTo>
                  <a:pt x="16" y="110"/>
                </a:lnTo>
                <a:lnTo>
                  <a:pt x="7" y="111"/>
                </a:lnTo>
                <a:lnTo>
                  <a:pt x="4" y="111"/>
                </a:lnTo>
                <a:lnTo>
                  <a:pt x="2" y="111"/>
                </a:lnTo>
                <a:lnTo>
                  <a:pt x="1" y="106"/>
                </a:lnTo>
                <a:lnTo>
                  <a:pt x="0" y="100"/>
                </a:lnTo>
                <a:lnTo>
                  <a:pt x="1" y="92"/>
                </a:lnTo>
                <a:lnTo>
                  <a:pt x="2" y="87"/>
                </a:lnTo>
                <a:lnTo>
                  <a:pt x="3" y="81"/>
                </a:lnTo>
                <a:lnTo>
                  <a:pt x="5" y="73"/>
                </a:lnTo>
                <a:lnTo>
                  <a:pt x="7" y="65"/>
                </a:lnTo>
                <a:lnTo>
                  <a:pt x="6" y="57"/>
                </a:lnTo>
                <a:lnTo>
                  <a:pt x="4" y="53"/>
                </a:lnTo>
                <a:lnTo>
                  <a:pt x="3" y="49"/>
                </a:lnTo>
                <a:lnTo>
                  <a:pt x="2" y="43"/>
                </a:lnTo>
                <a:lnTo>
                  <a:pt x="4" y="38"/>
                </a:lnTo>
                <a:lnTo>
                  <a:pt x="8" y="32"/>
                </a:lnTo>
                <a:lnTo>
                  <a:pt x="13" y="24"/>
                </a:lnTo>
                <a:lnTo>
                  <a:pt x="14" y="16"/>
                </a:lnTo>
                <a:lnTo>
                  <a:pt x="14" y="11"/>
                </a:lnTo>
                <a:lnTo>
                  <a:pt x="22" y="10"/>
                </a:lnTo>
                <a:lnTo>
                  <a:pt x="27" y="9"/>
                </a:lnTo>
                <a:lnTo>
                  <a:pt x="30" y="9"/>
                </a:lnTo>
                <a:lnTo>
                  <a:pt x="34" y="5"/>
                </a:lnTo>
                <a:lnTo>
                  <a:pt x="41" y="6"/>
                </a:lnTo>
                <a:lnTo>
                  <a:pt x="46" y="7"/>
                </a:lnTo>
                <a:lnTo>
                  <a:pt x="51" y="8"/>
                </a:lnTo>
                <a:lnTo>
                  <a:pt x="53" y="11"/>
                </a:lnTo>
                <a:lnTo>
                  <a:pt x="57" y="12"/>
                </a:lnTo>
                <a:lnTo>
                  <a:pt x="60" y="11"/>
                </a:lnTo>
                <a:lnTo>
                  <a:pt x="62" y="12"/>
                </a:lnTo>
                <a:lnTo>
                  <a:pt x="71" y="4"/>
                </a:lnTo>
                <a:lnTo>
                  <a:pt x="77" y="0"/>
                </a:lnTo>
                <a:lnTo>
                  <a:pt x="80" y="5"/>
                </a:lnTo>
                <a:lnTo>
                  <a:pt x="81" y="10"/>
                </a:lnTo>
                <a:lnTo>
                  <a:pt x="81" y="15"/>
                </a:lnTo>
                <a:lnTo>
                  <a:pt x="63" y="16"/>
                </a:lnTo>
                <a:lnTo>
                  <a:pt x="61" y="15"/>
                </a:lnTo>
                <a:lnTo>
                  <a:pt x="59" y="15"/>
                </a:lnTo>
                <a:lnTo>
                  <a:pt x="59" y="16"/>
                </a:lnTo>
                <a:lnTo>
                  <a:pt x="50" y="29"/>
                </a:lnTo>
                <a:lnTo>
                  <a:pt x="48" y="30"/>
                </a:lnTo>
                <a:lnTo>
                  <a:pt x="44" y="39"/>
                </a:lnTo>
                <a:lnTo>
                  <a:pt x="40" y="41"/>
                </a:lnTo>
                <a:lnTo>
                  <a:pt x="40" y="43"/>
                </a:lnTo>
                <a:lnTo>
                  <a:pt x="44" y="46"/>
                </a:lnTo>
                <a:lnTo>
                  <a:pt x="45" y="52"/>
                </a:lnTo>
                <a:lnTo>
                  <a:pt x="48" y="63"/>
                </a:lnTo>
                <a:lnTo>
                  <a:pt x="48" y="69"/>
                </a:lnTo>
                <a:lnTo>
                  <a:pt x="46" y="79"/>
                </a:lnTo>
                <a:lnTo>
                  <a:pt x="45" y="87"/>
                </a:lnTo>
                <a:lnTo>
                  <a:pt x="45" y="101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56" name="d14216"/>
          <xdr:cNvSpPr>
            <a:spLocks/>
          </xdr:cNvSpPr>
        </xdr:nvSpPr>
        <xdr:spPr bwMode="auto">
          <a:xfrm>
            <a:off x="5777593" y="2770414"/>
            <a:ext cx="736146" cy="617765"/>
          </a:xfrm>
          <a:custGeom>
            <a:avLst/>
            <a:gdLst>
              <a:gd name="T0" fmla="*/ 2147483646 w 77"/>
              <a:gd name="T1" fmla="*/ 2147483646 h 66"/>
              <a:gd name="T2" fmla="*/ 2147483646 w 77"/>
              <a:gd name="T3" fmla="*/ 2147483646 h 66"/>
              <a:gd name="T4" fmla="*/ 2147483646 w 77"/>
              <a:gd name="T5" fmla="*/ 2147483646 h 66"/>
              <a:gd name="T6" fmla="*/ 2147483646 w 77"/>
              <a:gd name="T7" fmla="*/ 2147483646 h 66"/>
              <a:gd name="T8" fmla="*/ 2147483646 w 77"/>
              <a:gd name="T9" fmla="*/ 0 h 66"/>
              <a:gd name="T10" fmla="*/ 2147483646 w 77"/>
              <a:gd name="T11" fmla="*/ 2147483646 h 66"/>
              <a:gd name="T12" fmla="*/ 2147483646 w 77"/>
              <a:gd name="T13" fmla="*/ 2147483646 h 66"/>
              <a:gd name="T14" fmla="*/ 2147483646 w 77"/>
              <a:gd name="T15" fmla="*/ 2147483646 h 66"/>
              <a:gd name="T16" fmla="*/ 2147483646 w 77"/>
              <a:gd name="T17" fmla="*/ 2147483646 h 66"/>
              <a:gd name="T18" fmla="*/ 2147483646 w 77"/>
              <a:gd name="T19" fmla="*/ 2147483646 h 66"/>
              <a:gd name="T20" fmla="*/ 2147483646 w 77"/>
              <a:gd name="T21" fmla="*/ 2147483646 h 66"/>
              <a:gd name="T22" fmla="*/ 2147483646 w 77"/>
              <a:gd name="T23" fmla="*/ 2147483646 h 66"/>
              <a:gd name="T24" fmla="*/ 2147483646 w 77"/>
              <a:gd name="T25" fmla="*/ 2147483646 h 66"/>
              <a:gd name="T26" fmla="*/ 2147483646 w 77"/>
              <a:gd name="T27" fmla="*/ 2147483646 h 66"/>
              <a:gd name="T28" fmla="*/ 2147483646 w 77"/>
              <a:gd name="T29" fmla="*/ 2147483646 h 66"/>
              <a:gd name="T30" fmla="*/ 2147483646 w 77"/>
              <a:gd name="T31" fmla="*/ 2147483646 h 66"/>
              <a:gd name="T32" fmla="*/ 0 w 77"/>
              <a:gd name="T33" fmla="*/ 2147483646 h 66"/>
              <a:gd name="T34" fmla="*/ 2147483646 w 77"/>
              <a:gd name="T35" fmla="*/ 2147483646 h 66"/>
              <a:gd name="T36" fmla="*/ 2147483646 w 77"/>
              <a:gd name="T37" fmla="*/ 2147483646 h 66"/>
              <a:gd name="T38" fmla="*/ 2147483646 w 77"/>
              <a:gd name="T39" fmla="*/ 2147483646 h 66"/>
              <a:gd name="T40" fmla="*/ 2147483646 w 77"/>
              <a:gd name="T41" fmla="*/ 2147483646 h 66"/>
              <a:gd name="T42" fmla="*/ 2147483646 w 77"/>
              <a:gd name="T43" fmla="*/ 2147483646 h 66"/>
              <a:gd name="T44" fmla="*/ 2147483646 w 77"/>
              <a:gd name="T45" fmla="*/ 2147483646 h 66"/>
              <a:gd name="T46" fmla="*/ 2147483646 w 77"/>
              <a:gd name="T47" fmla="*/ 2147483646 h 66"/>
              <a:gd name="T48" fmla="*/ 2147483646 w 77"/>
              <a:gd name="T49" fmla="*/ 2147483646 h 66"/>
              <a:gd name="T50" fmla="*/ 2147483646 w 77"/>
              <a:gd name="T51" fmla="*/ 2147483646 h 66"/>
              <a:gd name="T52" fmla="*/ 2147483646 w 77"/>
              <a:gd name="T53" fmla="*/ 2147483646 h 66"/>
              <a:gd name="T54" fmla="*/ 2147483646 w 77"/>
              <a:gd name="T55" fmla="*/ 2147483646 h 66"/>
              <a:gd name="T56" fmla="*/ 2147483646 w 77"/>
              <a:gd name="T57" fmla="*/ 2147483646 h 66"/>
              <a:gd name="T58" fmla="*/ 2147483646 w 77"/>
              <a:gd name="T59" fmla="*/ 2147483646 h 66"/>
              <a:gd name="T60" fmla="*/ 2147483646 w 77"/>
              <a:gd name="T61" fmla="*/ 2147483646 h 66"/>
              <a:gd name="T62" fmla="*/ 2147483646 w 77"/>
              <a:gd name="T63" fmla="*/ 2147483646 h 66"/>
              <a:gd name="T64" fmla="*/ 2147483646 w 77"/>
              <a:gd name="T65" fmla="*/ 2147483646 h 66"/>
              <a:gd name="T66" fmla="*/ 2147483646 w 77"/>
              <a:gd name="T67" fmla="*/ 2147483646 h 66"/>
              <a:gd name="T68" fmla="*/ 2147483646 w 77"/>
              <a:gd name="T69" fmla="*/ 2147483646 h 66"/>
              <a:gd name="T70" fmla="*/ 2147483646 w 77"/>
              <a:gd name="T71" fmla="*/ 2147483646 h 66"/>
              <a:gd name="T72" fmla="*/ 2147483646 w 77"/>
              <a:gd name="T73" fmla="*/ 2147483646 h 66"/>
              <a:gd name="T74" fmla="*/ 2147483646 w 77"/>
              <a:gd name="T75" fmla="*/ 2147483646 h 66"/>
              <a:gd name="T76" fmla="*/ 2147483646 w 77"/>
              <a:gd name="T77" fmla="*/ 2147483646 h 66"/>
              <a:gd name="T78" fmla="*/ 2147483646 w 77"/>
              <a:gd name="T79" fmla="*/ 2147483646 h 66"/>
              <a:gd name="T80" fmla="*/ 2147483646 w 77"/>
              <a:gd name="T81" fmla="*/ 2147483646 h 66"/>
              <a:gd name="T82" fmla="*/ 2147483646 w 77"/>
              <a:gd name="T83" fmla="*/ 2147483646 h 6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w 77"/>
              <a:gd name="T127" fmla="*/ 0 h 66"/>
              <a:gd name="T128" fmla="*/ 77 w 77"/>
              <a:gd name="T129" fmla="*/ 66 h 66"/>
            </a:gdLst>
            <a:ahLst/>
            <a:cxnLst>
              <a:cxn ang="T84">
                <a:pos x="T0" y="T1"/>
              </a:cxn>
              <a:cxn ang="T85">
                <a:pos x="T2" y="T3"/>
              </a:cxn>
              <a:cxn ang="T86">
                <a:pos x="T4" y="T5"/>
              </a:cxn>
              <a:cxn ang="T87">
                <a:pos x="T6" y="T7"/>
              </a:cxn>
              <a:cxn ang="T88">
                <a:pos x="T8" y="T9"/>
              </a:cxn>
              <a:cxn ang="T89">
                <a:pos x="T10" y="T11"/>
              </a:cxn>
              <a:cxn ang="T90">
                <a:pos x="T12" y="T13"/>
              </a:cxn>
              <a:cxn ang="T91">
                <a:pos x="T14" y="T15"/>
              </a:cxn>
              <a:cxn ang="T92">
                <a:pos x="T16" y="T17"/>
              </a:cxn>
              <a:cxn ang="T93">
                <a:pos x="T18" y="T19"/>
              </a:cxn>
              <a:cxn ang="T94">
                <a:pos x="T20" y="T21"/>
              </a:cxn>
              <a:cxn ang="T95">
                <a:pos x="T22" y="T23"/>
              </a:cxn>
              <a:cxn ang="T96">
                <a:pos x="T24" y="T25"/>
              </a:cxn>
              <a:cxn ang="T97">
                <a:pos x="T26" y="T27"/>
              </a:cxn>
              <a:cxn ang="T98">
                <a:pos x="T28" y="T29"/>
              </a:cxn>
              <a:cxn ang="T99">
                <a:pos x="T30" y="T31"/>
              </a:cxn>
              <a:cxn ang="T100">
                <a:pos x="T32" y="T33"/>
              </a:cxn>
              <a:cxn ang="T101">
                <a:pos x="T34" y="T35"/>
              </a:cxn>
              <a:cxn ang="T102">
                <a:pos x="T36" y="T37"/>
              </a:cxn>
              <a:cxn ang="T103">
                <a:pos x="T38" y="T39"/>
              </a:cxn>
              <a:cxn ang="T104">
                <a:pos x="T40" y="T41"/>
              </a:cxn>
              <a:cxn ang="T105">
                <a:pos x="T42" y="T43"/>
              </a:cxn>
              <a:cxn ang="T106">
                <a:pos x="T44" y="T45"/>
              </a:cxn>
              <a:cxn ang="T107">
                <a:pos x="T46" y="T47"/>
              </a:cxn>
              <a:cxn ang="T108">
                <a:pos x="T48" y="T49"/>
              </a:cxn>
              <a:cxn ang="T109">
                <a:pos x="T50" y="T51"/>
              </a:cxn>
              <a:cxn ang="T110">
                <a:pos x="T52" y="T53"/>
              </a:cxn>
              <a:cxn ang="T111">
                <a:pos x="T54" y="T55"/>
              </a:cxn>
              <a:cxn ang="T112">
                <a:pos x="T56" y="T57"/>
              </a:cxn>
              <a:cxn ang="T113">
                <a:pos x="T58" y="T59"/>
              </a:cxn>
              <a:cxn ang="T114">
                <a:pos x="T60" y="T61"/>
              </a:cxn>
              <a:cxn ang="T115">
                <a:pos x="T62" y="T63"/>
              </a:cxn>
              <a:cxn ang="T116">
                <a:pos x="T64" y="T65"/>
              </a:cxn>
              <a:cxn ang="T117">
                <a:pos x="T66" y="T67"/>
              </a:cxn>
              <a:cxn ang="T118">
                <a:pos x="T68" y="T69"/>
              </a:cxn>
              <a:cxn ang="T119">
                <a:pos x="T70" y="T71"/>
              </a:cxn>
              <a:cxn ang="T120">
                <a:pos x="T72" y="T73"/>
              </a:cxn>
              <a:cxn ang="T121">
                <a:pos x="T74" y="T75"/>
              </a:cxn>
              <a:cxn ang="T122">
                <a:pos x="T76" y="T77"/>
              </a:cxn>
              <a:cxn ang="T123">
                <a:pos x="T78" y="T79"/>
              </a:cxn>
              <a:cxn ang="T124">
                <a:pos x="T80" y="T81"/>
              </a:cxn>
              <a:cxn ang="T125">
                <a:pos x="T82" y="T83"/>
              </a:cxn>
            </a:cxnLst>
            <a:rect l="T126" t="T127" r="T128" b="T129"/>
            <a:pathLst>
              <a:path w="77" h="66">
                <a:moveTo>
                  <a:pt x="66" y="11"/>
                </a:moveTo>
                <a:lnTo>
                  <a:pt x="65" y="9"/>
                </a:lnTo>
                <a:lnTo>
                  <a:pt x="65" y="5"/>
                </a:lnTo>
                <a:lnTo>
                  <a:pt x="61" y="2"/>
                </a:lnTo>
                <a:lnTo>
                  <a:pt x="56" y="0"/>
                </a:lnTo>
                <a:lnTo>
                  <a:pt x="52" y="4"/>
                </a:lnTo>
                <a:lnTo>
                  <a:pt x="46" y="10"/>
                </a:lnTo>
                <a:lnTo>
                  <a:pt x="41" y="17"/>
                </a:lnTo>
                <a:lnTo>
                  <a:pt x="37" y="23"/>
                </a:lnTo>
                <a:lnTo>
                  <a:pt x="30" y="24"/>
                </a:lnTo>
                <a:lnTo>
                  <a:pt x="24" y="25"/>
                </a:lnTo>
                <a:lnTo>
                  <a:pt x="21" y="30"/>
                </a:lnTo>
                <a:lnTo>
                  <a:pt x="16" y="34"/>
                </a:lnTo>
                <a:lnTo>
                  <a:pt x="9" y="33"/>
                </a:lnTo>
                <a:lnTo>
                  <a:pt x="3" y="32"/>
                </a:lnTo>
                <a:lnTo>
                  <a:pt x="1" y="32"/>
                </a:lnTo>
                <a:lnTo>
                  <a:pt x="0" y="38"/>
                </a:lnTo>
                <a:lnTo>
                  <a:pt x="1" y="42"/>
                </a:lnTo>
                <a:lnTo>
                  <a:pt x="1" y="46"/>
                </a:lnTo>
                <a:lnTo>
                  <a:pt x="3" y="50"/>
                </a:lnTo>
                <a:lnTo>
                  <a:pt x="6" y="55"/>
                </a:lnTo>
                <a:lnTo>
                  <a:pt x="7" y="62"/>
                </a:lnTo>
                <a:lnTo>
                  <a:pt x="8" y="65"/>
                </a:lnTo>
                <a:lnTo>
                  <a:pt x="16" y="64"/>
                </a:lnTo>
                <a:lnTo>
                  <a:pt x="21" y="63"/>
                </a:lnTo>
                <a:lnTo>
                  <a:pt x="24" y="63"/>
                </a:lnTo>
                <a:lnTo>
                  <a:pt x="28" y="59"/>
                </a:lnTo>
                <a:lnTo>
                  <a:pt x="35" y="60"/>
                </a:lnTo>
                <a:lnTo>
                  <a:pt x="40" y="61"/>
                </a:lnTo>
                <a:lnTo>
                  <a:pt x="45" y="62"/>
                </a:lnTo>
                <a:lnTo>
                  <a:pt x="47" y="65"/>
                </a:lnTo>
                <a:lnTo>
                  <a:pt x="51" y="66"/>
                </a:lnTo>
                <a:lnTo>
                  <a:pt x="54" y="65"/>
                </a:lnTo>
                <a:lnTo>
                  <a:pt x="56" y="66"/>
                </a:lnTo>
                <a:lnTo>
                  <a:pt x="65" y="58"/>
                </a:lnTo>
                <a:lnTo>
                  <a:pt x="71" y="54"/>
                </a:lnTo>
                <a:lnTo>
                  <a:pt x="73" y="53"/>
                </a:lnTo>
                <a:lnTo>
                  <a:pt x="77" y="49"/>
                </a:lnTo>
                <a:lnTo>
                  <a:pt x="75" y="42"/>
                </a:lnTo>
                <a:lnTo>
                  <a:pt x="69" y="24"/>
                </a:lnTo>
                <a:lnTo>
                  <a:pt x="67" y="16"/>
                </a:lnTo>
                <a:lnTo>
                  <a:pt x="66" y="11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57" name="d14215"/>
          <xdr:cNvSpPr>
            <a:spLocks/>
          </xdr:cNvSpPr>
        </xdr:nvSpPr>
        <xdr:spPr bwMode="auto">
          <a:xfrm>
            <a:off x="5720443" y="3276600"/>
            <a:ext cx="774246" cy="1047750"/>
          </a:xfrm>
          <a:custGeom>
            <a:avLst/>
            <a:gdLst>
              <a:gd name="T0" fmla="*/ 2147483646 w 81"/>
              <a:gd name="T1" fmla="*/ 2147483646 h 112"/>
              <a:gd name="T2" fmla="*/ 2147483646 w 81"/>
              <a:gd name="T3" fmla="*/ 2147483646 h 112"/>
              <a:gd name="T4" fmla="*/ 2147483646 w 81"/>
              <a:gd name="T5" fmla="*/ 2147483646 h 112"/>
              <a:gd name="T6" fmla="*/ 2147483646 w 81"/>
              <a:gd name="T7" fmla="*/ 2147483646 h 112"/>
              <a:gd name="T8" fmla="*/ 2147483646 w 81"/>
              <a:gd name="T9" fmla="*/ 2147483646 h 112"/>
              <a:gd name="T10" fmla="*/ 2147483646 w 81"/>
              <a:gd name="T11" fmla="*/ 2147483646 h 112"/>
              <a:gd name="T12" fmla="*/ 2147483646 w 81"/>
              <a:gd name="T13" fmla="*/ 2147483646 h 112"/>
              <a:gd name="T14" fmla="*/ 2147483646 w 81"/>
              <a:gd name="T15" fmla="*/ 2147483646 h 112"/>
              <a:gd name="T16" fmla="*/ 2147483646 w 81"/>
              <a:gd name="T17" fmla="*/ 2147483646 h 112"/>
              <a:gd name="T18" fmla="*/ 2147483646 w 81"/>
              <a:gd name="T19" fmla="*/ 2147483646 h 112"/>
              <a:gd name="T20" fmla="*/ 2147483646 w 81"/>
              <a:gd name="T21" fmla="*/ 2147483646 h 112"/>
              <a:gd name="T22" fmla="*/ 2147483646 w 81"/>
              <a:gd name="T23" fmla="*/ 2147483646 h 112"/>
              <a:gd name="T24" fmla="*/ 2147483646 w 81"/>
              <a:gd name="T25" fmla="*/ 2147483646 h 112"/>
              <a:gd name="T26" fmla="*/ 0 w 81"/>
              <a:gd name="T27" fmla="*/ 2147483646 h 112"/>
              <a:gd name="T28" fmla="*/ 2147483646 w 81"/>
              <a:gd name="T29" fmla="*/ 2147483646 h 112"/>
              <a:gd name="T30" fmla="*/ 2147483646 w 81"/>
              <a:gd name="T31" fmla="*/ 2147483646 h 112"/>
              <a:gd name="T32" fmla="*/ 2147483646 w 81"/>
              <a:gd name="T33" fmla="*/ 2147483646 h 112"/>
              <a:gd name="T34" fmla="*/ 2147483646 w 81"/>
              <a:gd name="T35" fmla="*/ 2147483646 h 112"/>
              <a:gd name="T36" fmla="*/ 2147483646 w 81"/>
              <a:gd name="T37" fmla="*/ 2147483646 h 112"/>
              <a:gd name="T38" fmla="*/ 2147483646 w 81"/>
              <a:gd name="T39" fmla="*/ 2147483646 h 112"/>
              <a:gd name="T40" fmla="*/ 2147483646 w 81"/>
              <a:gd name="T41" fmla="*/ 2147483646 h 112"/>
              <a:gd name="T42" fmla="*/ 2147483646 w 81"/>
              <a:gd name="T43" fmla="*/ 2147483646 h 112"/>
              <a:gd name="T44" fmla="*/ 2147483646 w 81"/>
              <a:gd name="T45" fmla="*/ 2147483646 h 112"/>
              <a:gd name="T46" fmla="*/ 2147483646 w 81"/>
              <a:gd name="T47" fmla="*/ 2147483646 h 112"/>
              <a:gd name="T48" fmla="*/ 2147483646 w 81"/>
              <a:gd name="T49" fmla="*/ 2147483646 h 112"/>
              <a:gd name="T50" fmla="*/ 2147483646 w 81"/>
              <a:gd name="T51" fmla="*/ 2147483646 h 112"/>
              <a:gd name="T52" fmla="*/ 2147483646 w 81"/>
              <a:gd name="T53" fmla="*/ 2147483646 h 112"/>
              <a:gd name="T54" fmla="*/ 2147483646 w 81"/>
              <a:gd name="T55" fmla="*/ 2147483646 h 112"/>
              <a:gd name="T56" fmla="*/ 2147483646 w 81"/>
              <a:gd name="T57" fmla="*/ 2147483646 h 112"/>
              <a:gd name="T58" fmla="*/ 2147483646 w 81"/>
              <a:gd name="T59" fmla="*/ 2147483646 h 112"/>
              <a:gd name="T60" fmla="*/ 2147483646 w 81"/>
              <a:gd name="T61" fmla="*/ 2147483646 h 112"/>
              <a:gd name="T62" fmla="*/ 2147483646 w 81"/>
              <a:gd name="T63" fmla="*/ 2147483646 h 112"/>
              <a:gd name="T64" fmla="*/ 2147483646 w 81"/>
              <a:gd name="T65" fmla="*/ 2147483646 h 112"/>
              <a:gd name="T66" fmla="*/ 2147483646 w 81"/>
              <a:gd name="T67" fmla="*/ 2147483646 h 112"/>
              <a:gd name="T68" fmla="*/ 2147483646 w 81"/>
              <a:gd name="T69" fmla="*/ 2147483646 h 112"/>
              <a:gd name="T70" fmla="*/ 2147483646 w 81"/>
              <a:gd name="T71" fmla="*/ 2147483646 h 112"/>
              <a:gd name="T72" fmla="*/ 2147483646 w 81"/>
              <a:gd name="T73" fmla="*/ 2147483646 h 112"/>
              <a:gd name="T74" fmla="*/ 2147483646 w 81"/>
              <a:gd name="T75" fmla="*/ 2147483646 h 112"/>
              <a:gd name="T76" fmla="*/ 2147483646 w 81"/>
              <a:gd name="T77" fmla="*/ 2147483646 h 112"/>
              <a:gd name="T78" fmla="*/ 2147483646 w 81"/>
              <a:gd name="T79" fmla="*/ 2147483646 h 112"/>
              <a:gd name="T80" fmla="*/ 2147483646 w 81"/>
              <a:gd name="T81" fmla="*/ 0 h 112"/>
              <a:gd name="T82" fmla="*/ 2147483646 w 81"/>
              <a:gd name="T83" fmla="*/ 2147483646 h 112"/>
              <a:gd name="T84" fmla="*/ 2147483646 w 81"/>
              <a:gd name="T85" fmla="*/ 2147483646 h 112"/>
              <a:gd name="T86" fmla="*/ 2147483646 w 81"/>
              <a:gd name="T87" fmla="*/ 2147483646 h 112"/>
              <a:gd name="T88" fmla="*/ 2147483646 w 81"/>
              <a:gd name="T89" fmla="*/ 2147483646 h 112"/>
              <a:gd name="T90" fmla="*/ 2147483646 w 81"/>
              <a:gd name="T91" fmla="*/ 2147483646 h 112"/>
              <a:gd name="T92" fmla="*/ 2147483646 w 81"/>
              <a:gd name="T93" fmla="*/ 2147483646 h 112"/>
              <a:gd name="T94" fmla="*/ 2147483646 w 81"/>
              <a:gd name="T95" fmla="*/ 2147483646 h 112"/>
              <a:gd name="T96" fmla="*/ 2147483646 w 81"/>
              <a:gd name="T97" fmla="*/ 2147483646 h 112"/>
              <a:gd name="T98" fmla="*/ 2147483646 w 81"/>
              <a:gd name="T99" fmla="*/ 2147483646 h 112"/>
              <a:gd name="T100" fmla="*/ 2147483646 w 81"/>
              <a:gd name="T101" fmla="*/ 2147483646 h 112"/>
              <a:gd name="T102" fmla="*/ 2147483646 w 81"/>
              <a:gd name="T103" fmla="*/ 2147483646 h 112"/>
              <a:gd name="T104" fmla="*/ 2147483646 w 81"/>
              <a:gd name="T105" fmla="*/ 2147483646 h 112"/>
              <a:gd name="T106" fmla="*/ 2147483646 w 81"/>
              <a:gd name="T107" fmla="*/ 2147483646 h 112"/>
              <a:gd name="T108" fmla="*/ 2147483646 w 81"/>
              <a:gd name="T109" fmla="*/ 2147483646 h 112"/>
              <a:gd name="T110" fmla="*/ 2147483646 w 81"/>
              <a:gd name="T111" fmla="*/ 2147483646 h 112"/>
              <a:gd name="T112" fmla="*/ 2147483646 w 81"/>
              <a:gd name="T113" fmla="*/ 2147483646 h 112"/>
              <a:gd name="T114" fmla="*/ 2147483646 w 81"/>
              <a:gd name="T115" fmla="*/ 2147483646 h 112"/>
              <a:gd name="T116" fmla="*/ 2147483646 w 81"/>
              <a:gd name="T117" fmla="*/ 2147483646 h 112"/>
              <a:gd name="T118" fmla="*/ 2147483646 w 81"/>
              <a:gd name="T119" fmla="*/ 2147483646 h 112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81"/>
              <a:gd name="T181" fmla="*/ 0 h 112"/>
              <a:gd name="T182" fmla="*/ 81 w 81"/>
              <a:gd name="T183" fmla="*/ 112 h 112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81" h="112">
                <a:moveTo>
                  <a:pt x="45" y="101"/>
                </a:moveTo>
                <a:lnTo>
                  <a:pt x="43" y="108"/>
                </a:lnTo>
                <a:lnTo>
                  <a:pt x="40" y="109"/>
                </a:lnTo>
                <a:lnTo>
                  <a:pt x="37" y="111"/>
                </a:lnTo>
                <a:lnTo>
                  <a:pt x="34" y="110"/>
                </a:lnTo>
                <a:lnTo>
                  <a:pt x="31" y="110"/>
                </a:lnTo>
                <a:lnTo>
                  <a:pt x="25" y="111"/>
                </a:lnTo>
                <a:lnTo>
                  <a:pt x="20" y="112"/>
                </a:lnTo>
                <a:lnTo>
                  <a:pt x="15" y="110"/>
                </a:lnTo>
                <a:lnTo>
                  <a:pt x="8" y="111"/>
                </a:lnTo>
                <a:lnTo>
                  <a:pt x="4" y="111"/>
                </a:lnTo>
                <a:lnTo>
                  <a:pt x="2" y="111"/>
                </a:lnTo>
                <a:lnTo>
                  <a:pt x="1" y="106"/>
                </a:lnTo>
                <a:lnTo>
                  <a:pt x="0" y="100"/>
                </a:lnTo>
                <a:lnTo>
                  <a:pt x="1" y="92"/>
                </a:lnTo>
                <a:lnTo>
                  <a:pt x="2" y="87"/>
                </a:lnTo>
                <a:lnTo>
                  <a:pt x="3" y="81"/>
                </a:lnTo>
                <a:lnTo>
                  <a:pt x="5" y="73"/>
                </a:lnTo>
                <a:lnTo>
                  <a:pt x="7" y="65"/>
                </a:lnTo>
                <a:lnTo>
                  <a:pt x="6" y="57"/>
                </a:lnTo>
                <a:lnTo>
                  <a:pt x="4" y="53"/>
                </a:lnTo>
                <a:lnTo>
                  <a:pt x="3" y="49"/>
                </a:lnTo>
                <a:lnTo>
                  <a:pt x="2" y="43"/>
                </a:lnTo>
                <a:lnTo>
                  <a:pt x="4" y="38"/>
                </a:lnTo>
                <a:lnTo>
                  <a:pt x="8" y="32"/>
                </a:lnTo>
                <a:lnTo>
                  <a:pt x="13" y="24"/>
                </a:lnTo>
                <a:lnTo>
                  <a:pt x="14" y="16"/>
                </a:lnTo>
                <a:lnTo>
                  <a:pt x="14" y="11"/>
                </a:lnTo>
                <a:lnTo>
                  <a:pt x="22" y="10"/>
                </a:lnTo>
                <a:lnTo>
                  <a:pt x="27" y="9"/>
                </a:lnTo>
                <a:lnTo>
                  <a:pt x="30" y="9"/>
                </a:lnTo>
                <a:lnTo>
                  <a:pt x="34" y="5"/>
                </a:lnTo>
                <a:lnTo>
                  <a:pt x="41" y="6"/>
                </a:lnTo>
                <a:lnTo>
                  <a:pt x="46" y="7"/>
                </a:lnTo>
                <a:lnTo>
                  <a:pt x="51" y="8"/>
                </a:lnTo>
                <a:lnTo>
                  <a:pt x="53" y="11"/>
                </a:lnTo>
                <a:lnTo>
                  <a:pt x="57" y="12"/>
                </a:lnTo>
                <a:lnTo>
                  <a:pt x="60" y="11"/>
                </a:lnTo>
                <a:lnTo>
                  <a:pt x="62" y="12"/>
                </a:lnTo>
                <a:lnTo>
                  <a:pt x="71" y="4"/>
                </a:lnTo>
                <a:lnTo>
                  <a:pt x="78" y="0"/>
                </a:lnTo>
                <a:lnTo>
                  <a:pt x="80" y="5"/>
                </a:lnTo>
                <a:lnTo>
                  <a:pt x="81" y="10"/>
                </a:lnTo>
                <a:lnTo>
                  <a:pt x="81" y="15"/>
                </a:lnTo>
                <a:lnTo>
                  <a:pt x="63" y="16"/>
                </a:lnTo>
                <a:lnTo>
                  <a:pt x="61" y="15"/>
                </a:lnTo>
                <a:lnTo>
                  <a:pt x="59" y="15"/>
                </a:lnTo>
                <a:lnTo>
                  <a:pt x="59" y="16"/>
                </a:lnTo>
                <a:lnTo>
                  <a:pt x="50" y="29"/>
                </a:lnTo>
                <a:lnTo>
                  <a:pt x="48" y="30"/>
                </a:lnTo>
                <a:lnTo>
                  <a:pt x="44" y="39"/>
                </a:lnTo>
                <a:lnTo>
                  <a:pt x="40" y="41"/>
                </a:lnTo>
                <a:lnTo>
                  <a:pt x="40" y="43"/>
                </a:lnTo>
                <a:lnTo>
                  <a:pt x="44" y="46"/>
                </a:lnTo>
                <a:lnTo>
                  <a:pt x="45" y="52"/>
                </a:lnTo>
                <a:lnTo>
                  <a:pt x="48" y="63"/>
                </a:lnTo>
                <a:lnTo>
                  <a:pt x="48" y="69"/>
                </a:lnTo>
                <a:lnTo>
                  <a:pt x="46" y="79"/>
                </a:lnTo>
                <a:lnTo>
                  <a:pt x="45" y="87"/>
                </a:lnTo>
                <a:lnTo>
                  <a:pt x="45" y="101"/>
                </a:lnTo>
                <a:close/>
              </a:path>
            </a:pathLst>
          </a:custGeom>
          <a:solidFill>
            <a:srgbClr val="DDDDDD"/>
          </a:solidFill>
          <a:ln w="9525" cap="flat" cmpd="sng">
            <a:solidFill>
              <a:srgbClr val="000000"/>
            </a:solidFill>
            <a:prstDash val="solid"/>
            <a:round/>
            <a:headEnd/>
            <a:tailEnd/>
          </a:ln>
        </xdr:spPr>
      </xdr:sp>
      <xdr:sp macro="" textlink="">
        <xdr:nvSpPr>
          <xdr:cNvPr id="149658" name="d14218"/>
          <xdr:cNvSpPr>
            <a:spLocks/>
          </xdr:cNvSpPr>
        </xdr:nvSpPr>
        <xdr:spPr bwMode="auto">
          <a:xfrm>
            <a:off x="6101443" y="3407229"/>
            <a:ext cx="621846" cy="821871"/>
          </a:xfrm>
          <a:custGeom>
            <a:avLst/>
            <a:gdLst>
              <a:gd name="T0" fmla="*/ 2147483646 w 65"/>
              <a:gd name="T1" fmla="*/ 2147483646 h 88"/>
              <a:gd name="T2" fmla="*/ 2147483646 w 65"/>
              <a:gd name="T3" fmla="*/ 2147483646 h 88"/>
              <a:gd name="T4" fmla="*/ 2147483646 w 65"/>
              <a:gd name="T5" fmla="*/ 2147483646 h 88"/>
              <a:gd name="T6" fmla="*/ 2147483646 w 65"/>
              <a:gd name="T7" fmla="*/ 2147483646 h 88"/>
              <a:gd name="T8" fmla="*/ 2147483646 w 65"/>
              <a:gd name="T9" fmla="*/ 2147483646 h 88"/>
              <a:gd name="T10" fmla="*/ 2147483646 w 65"/>
              <a:gd name="T11" fmla="*/ 2147483646 h 88"/>
              <a:gd name="T12" fmla="*/ 2147483646 w 65"/>
              <a:gd name="T13" fmla="*/ 2147483646 h 88"/>
              <a:gd name="T14" fmla="*/ 0 w 65"/>
              <a:gd name="T15" fmla="*/ 2147483646 h 88"/>
              <a:gd name="T16" fmla="*/ 0 w 65"/>
              <a:gd name="T17" fmla="*/ 2147483646 h 88"/>
              <a:gd name="T18" fmla="*/ 2147483646 w 65"/>
              <a:gd name="T19" fmla="*/ 2147483646 h 88"/>
              <a:gd name="T20" fmla="*/ 2147483646 w 65"/>
              <a:gd name="T21" fmla="*/ 2147483646 h 88"/>
              <a:gd name="T22" fmla="*/ 2147483646 w 65"/>
              <a:gd name="T23" fmla="*/ 2147483646 h 88"/>
              <a:gd name="T24" fmla="*/ 2147483646 w 65"/>
              <a:gd name="T25" fmla="*/ 2147483646 h 88"/>
              <a:gd name="T26" fmla="*/ 2147483646 w 65"/>
              <a:gd name="T27" fmla="*/ 2147483646 h 88"/>
              <a:gd name="T28" fmla="*/ 2147483646 w 65"/>
              <a:gd name="T29" fmla="*/ 2147483646 h 88"/>
              <a:gd name="T30" fmla="*/ 2147483646 w 65"/>
              <a:gd name="T31" fmla="*/ 0 h 88"/>
              <a:gd name="T32" fmla="*/ 2147483646 w 65"/>
              <a:gd name="T33" fmla="*/ 2147483646 h 88"/>
              <a:gd name="T34" fmla="*/ 2147483646 w 65"/>
              <a:gd name="T35" fmla="*/ 2147483646 h 88"/>
              <a:gd name="T36" fmla="*/ 2147483646 w 65"/>
              <a:gd name="T37" fmla="*/ 2147483646 h 88"/>
              <a:gd name="T38" fmla="*/ 2147483646 w 65"/>
              <a:gd name="T39" fmla="*/ 2147483646 h 88"/>
              <a:gd name="T40" fmla="*/ 2147483646 w 65"/>
              <a:gd name="T41" fmla="*/ 2147483646 h 88"/>
              <a:gd name="T42" fmla="*/ 2147483646 w 65"/>
              <a:gd name="T43" fmla="*/ 2147483646 h 88"/>
              <a:gd name="T44" fmla="*/ 2147483646 w 65"/>
              <a:gd name="T45" fmla="*/ 2147483646 h 88"/>
              <a:gd name="T46" fmla="*/ 2147483646 w 65"/>
              <a:gd name="T47" fmla="*/ 2147483646 h 88"/>
              <a:gd name="T48" fmla="*/ 2147483646 w 65"/>
              <a:gd name="T49" fmla="*/ 2147483646 h 88"/>
              <a:gd name="T50" fmla="*/ 2147483646 w 65"/>
              <a:gd name="T51" fmla="*/ 2147483646 h 88"/>
              <a:gd name="T52" fmla="*/ 2147483646 w 65"/>
              <a:gd name="T53" fmla="*/ 2147483646 h 88"/>
              <a:gd name="T54" fmla="*/ 2147483646 w 65"/>
              <a:gd name="T55" fmla="*/ 2147483646 h 88"/>
              <a:gd name="T56" fmla="*/ 2147483646 w 65"/>
              <a:gd name="T57" fmla="*/ 2147483646 h 88"/>
              <a:gd name="T58" fmla="*/ 2147483646 w 65"/>
              <a:gd name="T59" fmla="*/ 2147483646 h 88"/>
              <a:gd name="T60" fmla="*/ 2147483646 w 65"/>
              <a:gd name="T61" fmla="*/ 2147483646 h 88"/>
              <a:gd name="T62" fmla="*/ 2147483646 w 65"/>
              <a:gd name="T63" fmla="*/ 2147483646 h 88"/>
              <a:gd name="T64" fmla="*/ 2147483646 w 65"/>
              <a:gd name="T65" fmla="*/ 2147483646 h 88"/>
              <a:gd name="T66" fmla="*/ 2147483646 w 65"/>
              <a:gd name="T67" fmla="*/ 2147483646 h 88"/>
              <a:gd name="T68" fmla="*/ 2147483646 w 65"/>
              <a:gd name="T69" fmla="*/ 2147483646 h 88"/>
              <a:gd name="T70" fmla="*/ 2147483646 w 65"/>
              <a:gd name="T71" fmla="*/ 2147483646 h 88"/>
              <a:gd name="T72" fmla="*/ 2147483646 w 65"/>
              <a:gd name="T73" fmla="*/ 2147483646 h 88"/>
              <a:gd name="T74" fmla="*/ 2147483646 w 65"/>
              <a:gd name="T75" fmla="*/ 2147483646 h 88"/>
              <a:gd name="T76" fmla="*/ 2147483646 w 65"/>
              <a:gd name="T77" fmla="*/ 2147483646 h 88"/>
              <a:gd name="T78" fmla="*/ 2147483646 w 65"/>
              <a:gd name="T79" fmla="*/ 2147483646 h 88"/>
              <a:gd name="T80" fmla="*/ 2147483646 w 65"/>
              <a:gd name="T81" fmla="*/ 2147483646 h 88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w 65"/>
              <a:gd name="T124" fmla="*/ 0 h 88"/>
              <a:gd name="T125" fmla="*/ 65 w 65"/>
              <a:gd name="T126" fmla="*/ 88 h 88"/>
            </a:gdLst>
            <a:ahLst/>
            <a:cxnLst>
              <a:cxn ang="T82">
                <a:pos x="T0" y="T1"/>
              </a:cxn>
              <a:cxn ang="T83">
                <a:pos x="T2" y="T3"/>
              </a:cxn>
              <a:cxn ang="T84">
                <a:pos x="T4" y="T5"/>
              </a:cxn>
              <a:cxn ang="T85">
                <a:pos x="T6" y="T7"/>
              </a:cxn>
              <a:cxn ang="T86">
                <a:pos x="T8" y="T9"/>
              </a:cxn>
              <a:cxn ang="T87">
                <a:pos x="T10" y="T11"/>
              </a:cxn>
              <a:cxn ang="T88">
                <a:pos x="T12" y="T13"/>
              </a:cxn>
              <a:cxn ang="T89">
                <a:pos x="T14" y="T15"/>
              </a:cxn>
              <a:cxn ang="T90">
                <a:pos x="T16" y="T17"/>
              </a:cxn>
              <a:cxn ang="T91">
                <a:pos x="T18" y="T19"/>
              </a:cxn>
              <a:cxn ang="T92">
                <a:pos x="T20" y="T21"/>
              </a:cxn>
              <a:cxn ang="T93">
                <a:pos x="T22" y="T23"/>
              </a:cxn>
              <a:cxn ang="T94">
                <a:pos x="T24" y="T25"/>
              </a:cxn>
              <a:cxn ang="T95">
                <a:pos x="T26" y="T27"/>
              </a:cxn>
              <a:cxn ang="T96">
                <a:pos x="T28" y="T29"/>
              </a:cxn>
              <a:cxn ang="T97">
                <a:pos x="T30" y="T31"/>
              </a:cxn>
              <a:cxn ang="T98">
                <a:pos x="T32" y="T33"/>
              </a:cxn>
              <a:cxn ang="T99">
                <a:pos x="T34" y="T35"/>
              </a:cxn>
              <a:cxn ang="T100">
                <a:pos x="T36" y="T37"/>
              </a:cxn>
              <a:cxn ang="T101">
                <a:pos x="T38" y="T39"/>
              </a:cxn>
              <a:cxn ang="T102">
                <a:pos x="T40" y="T41"/>
              </a:cxn>
              <a:cxn ang="T103">
                <a:pos x="T42" y="T43"/>
              </a:cxn>
              <a:cxn ang="T104">
                <a:pos x="T44" y="T45"/>
              </a:cxn>
              <a:cxn ang="T105">
                <a:pos x="T46" y="T47"/>
              </a:cxn>
              <a:cxn ang="T106">
                <a:pos x="T48" y="T49"/>
              </a:cxn>
              <a:cxn ang="T107">
                <a:pos x="T50" y="T51"/>
              </a:cxn>
              <a:cxn ang="T108">
                <a:pos x="T52" y="T53"/>
              </a:cxn>
              <a:cxn ang="T109">
                <a:pos x="T54" y="T55"/>
              </a:cxn>
              <a:cxn ang="T110">
                <a:pos x="T56" y="T57"/>
              </a:cxn>
              <a:cxn ang="T111">
                <a:pos x="T58" y="T59"/>
              </a:cxn>
              <a:cxn ang="T112">
                <a:pos x="T60" y="T61"/>
              </a:cxn>
              <a:cxn ang="T113">
                <a:pos x="T62" y="T63"/>
              </a:cxn>
              <a:cxn ang="T114">
                <a:pos x="T64" y="T65"/>
              </a:cxn>
              <a:cxn ang="T115">
                <a:pos x="T66" y="T67"/>
              </a:cxn>
              <a:cxn ang="T116">
                <a:pos x="T68" y="T69"/>
              </a:cxn>
              <a:cxn ang="T117">
                <a:pos x="T70" y="T71"/>
              </a:cxn>
              <a:cxn ang="T118">
                <a:pos x="T72" y="T73"/>
              </a:cxn>
              <a:cxn ang="T119">
                <a:pos x="T74" y="T75"/>
              </a:cxn>
              <a:cxn ang="T120">
                <a:pos x="T76" y="T77"/>
              </a:cxn>
              <a:cxn ang="T121">
                <a:pos x="T78" y="T79"/>
              </a:cxn>
              <a:cxn ang="T122">
                <a:pos x="T80" y="T81"/>
              </a:cxn>
            </a:cxnLst>
            <a:rect l="T123" t="T124" r="T125" b="T126"/>
            <a:pathLst>
              <a:path w="65" h="88">
                <a:moveTo>
                  <a:pt x="5" y="87"/>
                </a:moveTo>
                <a:lnTo>
                  <a:pt x="5" y="73"/>
                </a:lnTo>
                <a:lnTo>
                  <a:pt x="6" y="65"/>
                </a:lnTo>
                <a:lnTo>
                  <a:pt x="8" y="55"/>
                </a:lnTo>
                <a:lnTo>
                  <a:pt x="8" y="49"/>
                </a:lnTo>
                <a:lnTo>
                  <a:pt x="5" y="38"/>
                </a:lnTo>
                <a:lnTo>
                  <a:pt x="4" y="32"/>
                </a:lnTo>
                <a:lnTo>
                  <a:pt x="0" y="29"/>
                </a:lnTo>
                <a:lnTo>
                  <a:pt x="0" y="27"/>
                </a:lnTo>
                <a:lnTo>
                  <a:pt x="4" y="25"/>
                </a:lnTo>
                <a:lnTo>
                  <a:pt x="8" y="16"/>
                </a:lnTo>
                <a:lnTo>
                  <a:pt x="10" y="15"/>
                </a:lnTo>
                <a:lnTo>
                  <a:pt x="20" y="1"/>
                </a:lnTo>
                <a:lnTo>
                  <a:pt x="23" y="2"/>
                </a:lnTo>
                <a:lnTo>
                  <a:pt x="41" y="1"/>
                </a:lnTo>
                <a:lnTo>
                  <a:pt x="59" y="0"/>
                </a:lnTo>
                <a:lnTo>
                  <a:pt x="59" y="11"/>
                </a:lnTo>
                <a:lnTo>
                  <a:pt x="62" y="14"/>
                </a:lnTo>
                <a:lnTo>
                  <a:pt x="64" y="19"/>
                </a:lnTo>
                <a:lnTo>
                  <a:pt x="63" y="24"/>
                </a:lnTo>
                <a:lnTo>
                  <a:pt x="60" y="27"/>
                </a:lnTo>
                <a:lnTo>
                  <a:pt x="57" y="33"/>
                </a:lnTo>
                <a:lnTo>
                  <a:pt x="56" y="34"/>
                </a:lnTo>
                <a:lnTo>
                  <a:pt x="57" y="42"/>
                </a:lnTo>
                <a:lnTo>
                  <a:pt x="58" y="48"/>
                </a:lnTo>
                <a:lnTo>
                  <a:pt x="55" y="56"/>
                </a:lnTo>
                <a:lnTo>
                  <a:pt x="50" y="59"/>
                </a:lnTo>
                <a:lnTo>
                  <a:pt x="61" y="68"/>
                </a:lnTo>
                <a:lnTo>
                  <a:pt x="65" y="73"/>
                </a:lnTo>
                <a:lnTo>
                  <a:pt x="61" y="84"/>
                </a:lnTo>
                <a:lnTo>
                  <a:pt x="53" y="84"/>
                </a:lnTo>
                <a:lnTo>
                  <a:pt x="54" y="88"/>
                </a:lnTo>
                <a:lnTo>
                  <a:pt x="49" y="85"/>
                </a:lnTo>
                <a:lnTo>
                  <a:pt x="48" y="79"/>
                </a:lnTo>
                <a:lnTo>
                  <a:pt x="45" y="76"/>
                </a:lnTo>
                <a:lnTo>
                  <a:pt x="35" y="70"/>
                </a:lnTo>
                <a:lnTo>
                  <a:pt x="27" y="70"/>
                </a:lnTo>
                <a:lnTo>
                  <a:pt x="27" y="74"/>
                </a:lnTo>
                <a:lnTo>
                  <a:pt x="14" y="71"/>
                </a:lnTo>
                <a:lnTo>
                  <a:pt x="10" y="80"/>
                </a:lnTo>
                <a:lnTo>
                  <a:pt x="5" y="87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49659" name="d14130_3"/>
          <xdr:cNvSpPr>
            <a:spLocks/>
          </xdr:cNvSpPr>
        </xdr:nvSpPr>
        <xdr:spPr bwMode="auto">
          <a:xfrm>
            <a:off x="6916511" y="1834243"/>
            <a:ext cx="200025" cy="159203"/>
          </a:xfrm>
          <a:custGeom>
            <a:avLst/>
            <a:gdLst>
              <a:gd name="T0" fmla="*/ 0 w 16384"/>
              <a:gd name="T1" fmla="*/ 2147483646 h 16384"/>
              <a:gd name="T2" fmla="*/ 2147483646 w 16384"/>
              <a:gd name="T3" fmla="*/ 2147483646 h 16384"/>
              <a:gd name="T4" fmla="*/ 2147483646 w 16384"/>
              <a:gd name="T5" fmla="*/ 2147483646 h 16384"/>
              <a:gd name="T6" fmla="*/ 2147483646 w 16384"/>
              <a:gd name="T7" fmla="*/ 2147483646 h 16384"/>
              <a:gd name="T8" fmla="*/ 2147483646 w 16384"/>
              <a:gd name="T9" fmla="*/ 0 h 16384"/>
              <a:gd name="T10" fmla="*/ 2147483646 w 16384"/>
              <a:gd name="T11" fmla="*/ 2147483646 h 16384"/>
              <a:gd name="T12" fmla="*/ 2147483646 w 16384"/>
              <a:gd name="T13" fmla="*/ 2147483646 h 16384"/>
              <a:gd name="T14" fmla="*/ 2147483646 w 16384"/>
              <a:gd name="T15" fmla="*/ 2147483646 h 16384"/>
              <a:gd name="T16" fmla="*/ 0 w 16384"/>
              <a:gd name="T17" fmla="*/ 2147483646 h 16384"/>
              <a:gd name="T18" fmla="*/ 0 60000 65536"/>
              <a:gd name="T19" fmla="*/ 0 60000 65536"/>
              <a:gd name="T20" fmla="*/ 0 60000 65536"/>
              <a:gd name="T21" fmla="*/ 0 60000 65536"/>
              <a:gd name="T22" fmla="*/ 0 60000 65536"/>
              <a:gd name="T23" fmla="*/ 0 60000 65536"/>
              <a:gd name="T24" fmla="*/ 0 60000 65536"/>
              <a:gd name="T25" fmla="*/ 0 60000 65536"/>
              <a:gd name="T26" fmla="*/ 0 60000 65536"/>
              <a:gd name="T27" fmla="*/ 0 w 16384"/>
              <a:gd name="T28" fmla="*/ 0 h 16384"/>
              <a:gd name="T29" fmla="*/ 16384 w 16384"/>
              <a:gd name="T30" fmla="*/ 16384 h 16384"/>
            </a:gdLst>
            <a:ahLst/>
            <a:cxnLst>
              <a:cxn ang="T18">
                <a:pos x="T0" y="T1"/>
              </a:cxn>
              <a:cxn ang="T19">
                <a:pos x="T2" y="T3"/>
              </a:cxn>
              <a:cxn ang="T20">
                <a:pos x="T4" y="T5"/>
              </a:cxn>
              <a:cxn ang="T21">
                <a:pos x="T6" y="T7"/>
              </a:cxn>
              <a:cxn ang="T22">
                <a:pos x="T8" y="T9"/>
              </a:cxn>
              <a:cxn ang="T23">
                <a:pos x="T10" y="T11"/>
              </a:cxn>
              <a:cxn ang="T24">
                <a:pos x="T12" y="T13"/>
              </a:cxn>
              <a:cxn ang="T25">
                <a:pos x="T14" y="T15"/>
              </a:cxn>
              <a:cxn ang="T26">
                <a:pos x="T16" y="T17"/>
              </a:cxn>
            </a:cxnLst>
            <a:rect l="T27" t="T28" r="T29" b="T30"/>
            <a:pathLst>
              <a:path w="16384" h="16384">
                <a:moveTo>
                  <a:pt x="0" y="16384"/>
                </a:moveTo>
                <a:lnTo>
                  <a:pt x="3121" y="6746"/>
                </a:lnTo>
                <a:lnTo>
                  <a:pt x="3121" y="3855"/>
                </a:lnTo>
                <a:lnTo>
                  <a:pt x="5461" y="3855"/>
                </a:lnTo>
                <a:lnTo>
                  <a:pt x="13263" y="0"/>
                </a:lnTo>
                <a:lnTo>
                  <a:pt x="16384" y="2891"/>
                </a:lnTo>
                <a:lnTo>
                  <a:pt x="12483" y="9638"/>
                </a:lnTo>
                <a:lnTo>
                  <a:pt x="5461" y="15420"/>
                </a:lnTo>
                <a:lnTo>
                  <a:pt x="0" y="16384"/>
                </a:lnTo>
                <a:close/>
              </a:path>
            </a:pathLst>
          </a:custGeom>
          <a:noFill/>
          <a:ln w="9525" cap="flat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226" name="Text Box 75"/>
          <xdr:cNvSpPr txBox="1">
            <a:spLocks noChangeArrowheads="1"/>
          </xdr:cNvSpPr>
        </xdr:nvSpPr>
        <xdr:spPr bwMode="auto">
          <a:xfrm>
            <a:off x="1594430" y="3677102"/>
            <a:ext cx="906782" cy="32745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山北町</a:t>
            </a:r>
            <a:endParaRPr lang="ja-JP" altLang="en-US"/>
          </a:p>
        </xdr:txBody>
      </xdr:sp>
      <xdr:sp macro="" textlink="">
        <xdr:nvSpPr>
          <xdr:cNvPr id="227" name="Text Box 76"/>
          <xdr:cNvSpPr txBox="1">
            <a:spLocks noChangeArrowheads="1"/>
          </xdr:cNvSpPr>
        </xdr:nvSpPr>
        <xdr:spPr bwMode="auto">
          <a:xfrm>
            <a:off x="3380516" y="4041977"/>
            <a:ext cx="751072" cy="449077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秦野市</a:t>
            </a:r>
            <a:endParaRPr lang="ja-JP" altLang="en-US"/>
          </a:p>
        </xdr:txBody>
      </xdr:sp>
      <xdr:sp macro="" textlink="">
        <xdr:nvSpPr>
          <xdr:cNvPr id="149662" name="Text Box 78"/>
          <xdr:cNvSpPr txBox="1">
            <a:spLocks noChangeArrowheads="1"/>
          </xdr:cNvSpPr>
        </xdr:nvSpPr>
        <xdr:spPr bwMode="auto">
          <a:xfrm>
            <a:off x="2819769" y="3958318"/>
            <a:ext cx="201017" cy="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sp>
      <xdr:sp macro="" textlink="">
        <xdr:nvSpPr>
          <xdr:cNvPr id="229" name="Text Box 79"/>
          <xdr:cNvSpPr txBox="1">
            <a:spLocks noChangeArrowheads="1"/>
          </xdr:cNvSpPr>
        </xdr:nvSpPr>
        <xdr:spPr bwMode="auto">
          <a:xfrm>
            <a:off x="2849270" y="3808083"/>
            <a:ext cx="311420" cy="870087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27432" tIns="0" rIns="27432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松田町</a:t>
            </a:r>
            <a:endParaRPr lang="ja-JP" altLang="en-US"/>
          </a:p>
        </xdr:txBody>
      </xdr:sp>
      <xdr:sp macro="" textlink="">
        <xdr:nvSpPr>
          <xdr:cNvPr id="230" name="Text Box 80"/>
          <xdr:cNvSpPr txBox="1">
            <a:spLocks noChangeArrowheads="1"/>
          </xdr:cNvSpPr>
        </xdr:nvSpPr>
        <xdr:spPr bwMode="auto">
          <a:xfrm>
            <a:off x="1731821" y="5342430"/>
            <a:ext cx="1025855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南足柄市</a:t>
            </a:r>
            <a:endParaRPr lang="ja-JP" altLang="en-US"/>
          </a:p>
        </xdr:txBody>
      </xdr:sp>
      <xdr:sp macro="" textlink="">
        <xdr:nvSpPr>
          <xdr:cNvPr id="231" name="Text Box 81"/>
          <xdr:cNvSpPr txBox="1">
            <a:spLocks noChangeArrowheads="1"/>
          </xdr:cNvSpPr>
        </xdr:nvSpPr>
        <xdr:spPr bwMode="auto">
          <a:xfrm>
            <a:off x="1383763" y="6324786"/>
            <a:ext cx="806029" cy="355519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箱根町</a:t>
            </a:r>
            <a:endParaRPr lang="ja-JP" altLang="en-US"/>
          </a:p>
        </xdr:txBody>
      </xdr:sp>
      <xdr:sp macro="" textlink="">
        <xdr:nvSpPr>
          <xdr:cNvPr id="232" name="Text Box 82"/>
          <xdr:cNvSpPr txBox="1">
            <a:spLocks noChangeArrowheads="1"/>
          </xdr:cNvSpPr>
        </xdr:nvSpPr>
        <xdr:spPr bwMode="auto">
          <a:xfrm>
            <a:off x="1731821" y="7307142"/>
            <a:ext cx="1245681" cy="355519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湯河原町</a:t>
            </a:r>
            <a:endParaRPr lang="ja-JP" altLang="en-US"/>
          </a:p>
        </xdr:txBody>
      </xdr:sp>
      <xdr:sp macro="" textlink="">
        <xdr:nvSpPr>
          <xdr:cNvPr id="149667" name="Line 83"/>
          <xdr:cNvSpPr>
            <a:spLocks noChangeShapeType="1"/>
          </xdr:cNvSpPr>
        </xdr:nvSpPr>
        <xdr:spPr bwMode="auto">
          <a:xfrm flipV="1">
            <a:off x="3011261" y="7400925"/>
            <a:ext cx="555171" cy="92529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4" name="Text Box 84"/>
          <xdr:cNvSpPr txBox="1">
            <a:spLocks noChangeArrowheads="1"/>
          </xdr:cNvSpPr>
        </xdr:nvSpPr>
        <xdr:spPr bwMode="auto">
          <a:xfrm>
            <a:off x="2455415" y="5950555"/>
            <a:ext cx="1035014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小田原市</a:t>
            </a:r>
            <a:endParaRPr lang="ja-JP" altLang="en-US"/>
          </a:p>
        </xdr:txBody>
      </xdr:sp>
      <xdr:sp macro="" textlink="">
        <xdr:nvSpPr>
          <xdr:cNvPr id="149669" name="Line 85"/>
          <xdr:cNvSpPr>
            <a:spLocks noChangeShapeType="1"/>
          </xdr:cNvSpPr>
        </xdr:nvSpPr>
        <xdr:spPr bwMode="auto">
          <a:xfrm>
            <a:off x="2906486" y="5222421"/>
            <a:ext cx="910318" cy="1318533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6" name="Text Box 87"/>
          <xdr:cNvSpPr txBox="1">
            <a:spLocks noChangeArrowheads="1"/>
          </xdr:cNvSpPr>
        </xdr:nvSpPr>
        <xdr:spPr bwMode="auto">
          <a:xfrm>
            <a:off x="3508748" y="4949487"/>
            <a:ext cx="897623" cy="32745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中井町</a:t>
            </a:r>
            <a:endParaRPr lang="ja-JP" altLang="en-US"/>
          </a:p>
        </xdr:txBody>
      </xdr:sp>
      <xdr:sp macro="" textlink="">
        <xdr:nvSpPr>
          <xdr:cNvPr id="237" name="Text Box 88"/>
          <xdr:cNvSpPr txBox="1">
            <a:spLocks noChangeArrowheads="1"/>
          </xdr:cNvSpPr>
        </xdr:nvSpPr>
        <xdr:spPr bwMode="auto">
          <a:xfrm>
            <a:off x="4159066" y="5323718"/>
            <a:ext cx="293101" cy="720395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27432" tIns="0" rIns="27432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二宮町</a:t>
            </a:r>
            <a:endParaRPr lang="ja-JP" altLang="en-US"/>
          </a:p>
        </xdr:txBody>
      </xdr:sp>
      <xdr:sp macro="" textlink="">
        <xdr:nvSpPr>
          <xdr:cNvPr id="238" name="Text Box 89"/>
          <xdr:cNvSpPr txBox="1">
            <a:spLocks noChangeArrowheads="1"/>
          </xdr:cNvSpPr>
        </xdr:nvSpPr>
        <xdr:spPr bwMode="auto">
          <a:xfrm>
            <a:off x="4360574" y="5379853"/>
            <a:ext cx="888463" cy="24325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磯町</a:t>
            </a:r>
            <a:endParaRPr lang="ja-JP" altLang="en-US"/>
          </a:p>
        </xdr:txBody>
      </xdr:sp>
      <xdr:sp macro="" textlink="">
        <xdr:nvSpPr>
          <xdr:cNvPr id="239" name="Text Box 90"/>
          <xdr:cNvSpPr txBox="1">
            <a:spLocks noChangeArrowheads="1"/>
          </xdr:cNvSpPr>
        </xdr:nvSpPr>
        <xdr:spPr bwMode="auto">
          <a:xfrm>
            <a:off x="4607878" y="4809151"/>
            <a:ext cx="1035014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平塚市</a:t>
            </a:r>
            <a:endParaRPr lang="ja-JP" altLang="en-US"/>
          </a:p>
        </xdr:txBody>
      </xdr:sp>
      <xdr:sp macro="" textlink="">
        <xdr:nvSpPr>
          <xdr:cNvPr id="240" name="Text Box 92"/>
          <xdr:cNvSpPr txBox="1">
            <a:spLocks noChangeArrowheads="1"/>
          </xdr:cNvSpPr>
        </xdr:nvSpPr>
        <xdr:spPr bwMode="auto">
          <a:xfrm>
            <a:off x="4360574" y="4023266"/>
            <a:ext cx="1016695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伊勢原市</a:t>
            </a:r>
            <a:endParaRPr lang="ja-JP" altLang="en-US"/>
          </a:p>
        </xdr:txBody>
      </xdr:sp>
      <xdr:sp macro="" textlink="">
        <xdr:nvSpPr>
          <xdr:cNvPr id="241" name="Text Box 93"/>
          <xdr:cNvSpPr txBox="1">
            <a:spLocks noChangeArrowheads="1"/>
          </xdr:cNvSpPr>
        </xdr:nvSpPr>
        <xdr:spPr bwMode="auto">
          <a:xfrm>
            <a:off x="4882660" y="3321583"/>
            <a:ext cx="760232" cy="449077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厚木市</a:t>
            </a:r>
            <a:endParaRPr lang="ja-JP" altLang="en-US"/>
          </a:p>
        </xdr:txBody>
      </xdr:sp>
      <xdr:sp macro="" textlink="">
        <xdr:nvSpPr>
          <xdr:cNvPr id="242" name="Text Box 95"/>
          <xdr:cNvSpPr txBox="1">
            <a:spLocks noChangeArrowheads="1"/>
          </xdr:cNvSpPr>
        </xdr:nvSpPr>
        <xdr:spPr bwMode="auto">
          <a:xfrm>
            <a:off x="5826080" y="3218669"/>
            <a:ext cx="311420" cy="126303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27432" tIns="0" rIns="27432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海老名市</a:t>
            </a:r>
            <a:endParaRPr lang="ja-JP" altLang="en-US"/>
          </a:p>
        </xdr:txBody>
      </xdr:sp>
      <xdr:sp macro="" textlink="">
        <xdr:nvSpPr>
          <xdr:cNvPr id="243" name="Text Box 96"/>
          <xdr:cNvSpPr txBox="1">
            <a:spLocks noChangeArrowheads="1"/>
          </xdr:cNvSpPr>
        </xdr:nvSpPr>
        <xdr:spPr bwMode="auto">
          <a:xfrm>
            <a:off x="5761964" y="4229093"/>
            <a:ext cx="302261" cy="870087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27432" tIns="0" rIns="27432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寒川町</a:t>
            </a:r>
            <a:endParaRPr lang="ja-JP" altLang="en-US"/>
          </a:p>
        </xdr:txBody>
      </xdr:sp>
      <xdr:sp macro="" textlink="">
        <xdr:nvSpPr>
          <xdr:cNvPr id="244" name="Text Box 97"/>
          <xdr:cNvSpPr txBox="1">
            <a:spLocks noChangeArrowheads="1"/>
          </xdr:cNvSpPr>
        </xdr:nvSpPr>
        <xdr:spPr bwMode="auto">
          <a:xfrm>
            <a:off x="5652051" y="5043045"/>
            <a:ext cx="1025855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茅ヶ崎市</a:t>
            </a:r>
            <a:endParaRPr lang="ja-JP" altLang="en-US"/>
          </a:p>
        </xdr:txBody>
      </xdr:sp>
      <xdr:sp macro="" textlink="">
        <xdr:nvSpPr>
          <xdr:cNvPr id="245" name="Text Box 98"/>
          <xdr:cNvSpPr txBox="1">
            <a:spLocks noChangeArrowheads="1"/>
          </xdr:cNvSpPr>
        </xdr:nvSpPr>
        <xdr:spPr bwMode="auto">
          <a:xfrm>
            <a:off x="6595471" y="4201025"/>
            <a:ext cx="302261" cy="1019779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27432" tIns="0" rIns="27432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藤沢市</a:t>
            </a:r>
            <a:endParaRPr lang="ja-JP" altLang="en-US"/>
          </a:p>
        </xdr:txBody>
      </xdr:sp>
      <xdr:sp macro="" textlink="">
        <xdr:nvSpPr>
          <xdr:cNvPr id="246" name="Text Box 99"/>
          <xdr:cNvSpPr txBox="1">
            <a:spLocks noChangeArrowheads="1"/>
          </xdr:cNvSpPr>
        </xdr:nvSpPr>
        <xdr:spPr bwMode="auto">
          <a:xfrm>
            <a:off x="7172514" y="5183382"/>
            <a:ext cx="1025855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鎌倉市</a:t>
            </a:r>
            <a:endParaRPr lang="ja-JP" altLang="en-US"/>
          </a:p>
        </xdr:txBody>
      </xdr:sp>
      <xdr:sp macro="" textlink="">
        <xdr:nvSpPr>
          <xdr:cNvPr id="247" name="Text Box 100"/>
          <xdr:cNvSpPr txBox="1">
            <a:spLocks noChangeArrowheads="1"/>
          </xdr:cNvSpPr>
        </xdr:nvSpPr>
        <xdr:spPr bwMode="auto">
          <a:xfrm>
            <a:off x="7694601" y="5510834"/>
            <a:ext cx="1035014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逗子市</a:t>
            </a:r>
            <a:endParaRPr lang="ja-JP" altLang="en-US"/>
          </a:p>
        </xdr:txBody>
      </xdr:sp>
      <xdr:sp macro="" textlink="">
        <xdr:nvSpPr>
          <xdr:cNvPr id="248" name="Text Box 101"/>
          <xdr:cNvSpPr txBox="1">
            <a:spLocks noChangeArrowheads="1"/>
          </xdr:cNvSpPr>
        </xdr:nvSpPr>
        <xdr:spPr bwMode="auto">
          <a:xfrm>
            <a:off x="7877789" y="5941199"/>
            <a:ext cx="1035014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葉山町</a:t>
            </a:r>
            <a:endParaRPr lang="ja-JP" altLang="en-US"/>
          </a:p>
        </xdr:txBody>
      </xdr:sp>
      <xdr:sp macro="" textlink="">
        <xdr:nvSpPr>
          <xdr:cNvPr id="249" name="Text Box 102"/>
          <xdr:cNvSpPr txBox="1">
            <a:spLocks noChangeArrowheads="1"/>
          </xdr:cNvSpPr>
        </xdr:nvSpPr>
        <xdr:spPr bwMode="auto">
          <a:xfrm>
            <a:off x="8583065" y="6334142"/>
            <a:ext cx="1035014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横須賀市</a:t>
            </a:r>
            <a:endParaRPr lang="ja-JP" altLang="en-US"/>
          </a:p>
        </xdr:txBody>
      </xdr:sp>
      <xdr:sp macro="" textlink="">
        <xdr:nvSpPr>
          <xdr:cNvPr id="250" name="Text Box 103"/>
          <xdr:cNvSpPr txBox="1">
            <a:spLocks noChangeArrowheads="1"/>
          </xdr:cNvSpPr>
        </xdr:nvSpPr>
        <xdr:spPr bwMode="auto">
          <a:xfrm>
            <a:off x="8674659" y="6895488"/>
            <a:ext cx="311420" cy="982356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27432" tIns="0" rIns="27432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三浦市</a:t>
            </a:r>
            <a:endParaRPr lang="ja-JP" altLang="en-US"/>
          </a:p>
        </xdr:txBody>
      </xdr:sp>
      <xdr:sp macro="" textlink="">
        <xdr:nvSpPr>
          <xdr:cNvPr id="251" name="Text Box 104"/>
          <xdr:cNvSpPr txBox="1">
            <a:spLocks noChangeArrowheads="1"/>
          </xdr:cNvSpPr>
        </xdr:nvSpPr>
        <xdr:spPr bwMode="auto">
          <a:xfrm>
            <a:off x="7676282" y="3330938"/>
            <a:ext cx="1035014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横浜市</a:t>
            </a:r>
            <a:endParaRPr lang="ja-JP" altLang="en-US"/>
          </a:p>
        </xdr:txBody>
      </xdr:sp>
      <xdr:sp macro="" textlink="">
        <xdr:nvSpPr>
          <xdr:cNvPr id="252" name="Text Box 105"/>
          <xdr:cNvSpPr txBox="1">
            <a:spLocks noChangeArrowheads="1"/>
          </xdr:cNvSpPr>
        </xdr:nvSpPr>
        <xdr:spPr bwMode="auto">
          <a:xfrm>
            <a:off x="7896108" y="1637543"/>
            <a:ext cx="1044173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川崎市</a:t>
            </a:r>
            <a:endParaRPr lang="ja-JP" altLang="en-US"/>
          </a:p>
        </xdr:txBody>
      </xdr:sp>
      <xdr:sp macro="" textlink="">
        <xdr:nvSpPr>
          <xdr:cNvPr id="253" name="Text Box 106"/>
          <xdr:cNvSpPr txBox="1">
            <a:spLocks noChangeArrowheads="1"/>
          </xdr:cNvSpPr>
        </xdr:nvSpPr>
        <xdr:spPr bwMode="auto">
          <a:xfrm>
            <a:off x="3417154" y="1824659"/>
            <a:ext cx="1044173" cy="336808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相模原市</a:t>
            </a:r>
            <a:endParaRPr lang="ja-JP" altLang="en-US"/>
          </a:p>
        </xdr:txBody>
      </xdr:sp>
      <xdr:sp macro="" textlink="">
        <xdr:nvSpPr>
          <xdr:cNvPr id="254" name="Text Box 107"/>
          <xdr:cNvSpPr txBox="1">
            <a:spLocks noChangeArrowheads="1"/>
          </xdr:cNvSpPr>
        </xdr:nvSpPr>
        <xdr:spPr bwMode="auto">
          <a:xfrm>
            <a:off x="3563704" y="3050265"/>
            <a:ext cx="906782" cy="32745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清川村</a:t>
            </a:r>
            <a:endParaRPr lang="ja-JP" altLang="en-US"/>
          </a:p>
        </xdr:txBody>
      </xdr:sp>
      <xdr:sp macro="" textlink="">
        <xdr:nvSpPr>
          <xdr:cNvPr id="255" name="Text Box 108"/>
          <xdr:cNvSpPr txBox="1">
            <a:spLocks noChangeArrowheads="1"/>
          </xdr:cNvSpPr>
        </xdr:nvSpPr>
        <xdr:spPr bwMode="auto">
          <a:xfrm>
            <a:off x="4369733" y="2357938"/>
            <a:ext cx="897623" cy="32745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愛川町</a:t>
            </a:r>
            <a:endParaRPr lang="ja-JP" altLang="en-US"/>
          </a:p>
        </xdr:txBody>
      </xdr:sp>
      <xdr:sp macro="" textlink="">
        <xdr:nvSpPr>
          <xdr:cNvPr id="256" name="Text Box 109"/>
          <xdr:cNvSpPr txBox="1">
            <a:spLocks noChangeArrowheads="1"/>
          </xdr:cNvSpPr>
        </xdr:nvSpPr>
        <xdr:spPr bwMode="auto">
          <a:xfrm>
            <a:off x="5697848" y="3050265"/>
            <a:ext cx="897623" cy="327452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座間市</a:t>
            </a:r>
            <a:endParaRPr lang="ja-JP" altLang="en-US"/>
          </a:p>
        </xdr:txBody>
      </xdr:sp>
      <xdr:sp macro="" textlink="">
        <xdr:nvSpPr>
          <xdr:cNvPr id="257" name="Text Box 110"/>
          <xdr:cNvSpPr txBox="1">
            <a:spLocks noChangeArrowheads="1"/>
          </xdr:cNvSpPr>
        </xdr:nvSpPr>
        <xdr:spPr bwMode="auto">
          <a:xfrm>
            <a:off x="6256573" y="3368362"/>
            <a:ext cx="302261" cy="729750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27432" tIns="0" rIns="27432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綾瀬市</a:t>
            </a:r>
            <a:endParaRPr lang="ja-JP" altLang="en-US"/>
          </a:p>
        </xdr:txBody>
      </xdr:sp>
      <xdr:sp macro="" textlink="">
        <xdr:nvSpPr>
          <xdr:cNvPr id="258" name="Text Box 111"/>
          <xdr:cNvSpPr txBox="1">
            <a:spLocks noChangeArrowheads="1"/>
          </xdr:cNvSpPr>
        </xdr:nvSpPr>
        <xdr:spPr bwMode="auto">
          <a:xfrm>
            <a:off x="6540515" y="2704102"/>
            <a:ext cx="329739" cy="767173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vert="wordArtVertRtl" wrap="square" lIns="27432" tIns="0" rIns="27432" bIns="0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和市</a:t>
            </a:r>
            <a:endParaRPr lang="ja-JP" altLang="en-US"/>
          </a:p>
        </xdr:txBody>
      </xdr:sp>
      <xdr:sp macro="" textlink="">
        <xdr:nvSpPr>
          <xdr:cNvPr id="259" name="Text Box 86"/>
          <xdr:cNvSpPr txBox="1">
            <a:spLocks noChangeArrowheads="1"/>
          </xdr:cNvSpPr>
        </xdr:nvSpPr>
        <xdr:spPr bwMode="auto">
          <a:xfrm>
            <a:off x="3023299" y="5052401"/>
            <a:ext cx="686956" cy="308741"/>
          </a:xfrm>
          <a:prstGeom prst="rect">
            <a:avLst/>
          </a:prstGeom>
          <a:noFill/>
          <a:ln>
            <a:noFill/>
          </a:ln>
          <a:effectLst/>
          <a:ex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井町</a:t>
            </a:r>
            <a:endParaRPr lang="ja-JP" altLang="en-US"/>
          </a:p>
        </xdr:txBody>
      </xdr:sp>
      <xdr:sp macro="" textlink="">
        <xdr:nvSpPr>
          <xdr:cNvPr id="149694" name="Rectangle 115"/>
          <xdr:cNvSpPr>
            <a:spLocks noChangeArrowheads="1"/>
          </xdr:cNvSpPr>
        </xdr:nvSpPr>
        <xdr:spPr bwMode="auto">
          <a:xfrm>
            <a:off x="919406" y="1290972"/>
            <a:ext cx="1224643" cy="299357"/>
          </a:xfrm>
          <a:prstGeom prst="rect">
            <a:avLst/>
          </a:prstGeom>
          <a:solidFill>
            <a:srgbClr val="DDDDDD"/>
          </a:solidFill>
          <a:ln w="9525" algn="ctr">
            <a:solidFill>
              <a:srgbClr val="000000"/>
            </a:solidFill>
            <a:miter lim="800000"/>
            <a:headEnd/>
            <a:tailEnd/>
          </a:ln>
        </xdr:spPr>
      </xdr:sp>
      <xdr:sp macro="" textlink="">
        <xdr:nvSpPr>
          <xdr:cNvPr id="149695" name="Freeform 116"/>
          <xdr:cNvSpPr>
            <a:spLocks/>
          </xdr:cNvSpPr>
        </xdr:nvSpPr>
        <xdr:spPr bwMode="auto">
          <a:xfrm>
            <a:off x="9241971" y="4155621"/>
            <a:ext cx="161925" cy="213633"/>
          </a:xfrm>
          <a:custGeom>
            <a:avLst/>
            <a:gdLst>
              <a:gd name="T0" fmla="*/ 2147483646 w 217"/>
              <a:gd name="T1" fmla="*/ 2147483646 h 216"/>
              <a:gd name="T2" fmla="*/ 0 w 217"/>
              <a:gd name="T3" fmla="*/ 2147483646 h 216"/>
              <a:gd name="T4" fmla="*/ 2147483646 w 217"/>
              <a:gd name="T5" fmla="*/ 2147483646 h 216"/>
              <a:gd name="T6" fmla="*/ 2147483646 w 217"/>
              <a:gd name="T7" fmla="*/ 2147483646 h 216"/>
              <a:gd name="T8" fmla="*/ 2147483646 w 217"/>
              <a:gd name="T9" fmla="*/ 2147483646 h 216"/>
              <a:gd name="T10" fmla="*/ 2147483646 w 217"/>
              <a:gd name="T11" fmla="*/ 2147483646 h 216"/>
              <a:gd name="T12" fmla="*/ 2147483646 w 217"/>
              <a:gd name="T13" fmla="*/ 2147483646 h 216"/>
              <a:gd name="T14" fmla="*/ 2147483646 w 217"/>
              <a:gd name="T15" fmla="*/ 2147483646 h 216"/>
              <a:gd name="T16" fmla="*/ 2147483646 w 217"/>
              <a:gd name="T17" fmla="*/ 2147483646 h 216"/>
              <a:gd name="T18" fmla="*/ 2147483646 w 217"/>
              <a:gd name="T19" fmla="*/ 2147483646 h 216"/>
              <a:gd name="T20" fmla="*/ 2147483646 w 217"/>
              <a:gd name="T21" fmla="*/ 2147483646 h 216"/>
              <a:gd name="T22" fmla="*/ 2147483646 w 217"/>
              <a:gd name="T23" fmla="*/ 2147483646 h 216"/>
              <a:gd name="T24" fmla="*/ 2147483646 w 217"/>
              <a:gd name="T25" fmla="*/ 0 h 216"/>
              <a:gd name="T26" fmla="*/ 2147483646 w 217"/>
              <a:gd name="T27" fmla="*/ 2147483646 h 216"/>
              <a:gd name="T28" fmla="*/ 2147483646 w 217"/>
              <a:gd name="T29" fmla="*/ 2147483646 h 21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w 217"/>
              <a:gd name="T46" fmla="*/ 0 h 216"/>
              <a:gd name="T47" fmla="*/ 217 w 217"/>
              <a:gd name="T48" fmla="*/ 216 h 216"/>
            </a:gdLst>
            <a:ahLst/>
            <a:cxnLst>
              <a:cxn ang="T30">
                <a:pos x="T0" y="T1"/>
              </a:cxn>
              <a:cxn ang="T31">
                <a:pos x="T2" y="T3"/>
              </a:cxn>
              <a:cxn ang="T32">
                <a:pos x="T4" y="T5"/>
              </a:cxn>
              <a:cxn ang="T33">
                <a:pos x="T6" y="T7"/>
              </a:cxn>
              <a:cxn ang="T34">
                <a:pos x="T8" y="T9"/>
              </a:cxn>
              <a:cxn ang="T35">
                <a:pos x="T10" y="T11"/>
              </a:cxn>
              <a:cxn ang="T36">
                <a:pos x="T12" y="T13"/>
              </a:cxn>
              <a:cxn ang="T37">
                <a:pos x="T14" y="T15"/>
              </a:cxn>
              <a:cxn ang="T38">
                <a:pos x="T16" y="T17"/>
              </a:cxn>
              <a:cxn ang="T39">
                <a:pos x="T18" y="T19"/>
              </a:cxn>
              <a:cxn ang="T40">
                <a:pos x="T20" y="T21"/>
              </a:cxn>
              <a:cxn ang="T41">
                <a:pos x="T22" y="T23"/>
              </a:cxn>
              <a:cxn ang="T42">
                <a:pos x="T24" y="T25"/>
              </a:cxn>
              <a:cxn ang="T43">
                <a:pos x="T26" y="T27"/>
              </a:cxn>
              <a:cxn ang="T44">
                <a:pos x="T28" y="T29"/>
              </a:cxn>
            </a:cxnLst>
            <a:rect l="T45" t="T46" r="T47" b="T48"/>
            <a:pathLst>
              <a:path w="217" h="216">
                <a:moveTo>
                  <a:pt x="61" y="35"/>
                </a:moveTo>
                <a:lnTo>
                  <a:pt x="0" y="108"/>
                </a:lnTo>
                <a:lnTo>
                  <a:pt x="57" y="164"/>
                </a:lnTo>
                <a:lnTo>
                  <a:pt x="121" y="95"/>
                </a:lnTo>
                <a:lnTo>
                  <a:pt x="161" y="141"/>
                </a:lnTo>
                <a:lnTo>
                  <a:pt x="132" y="178"/>
                </a:lnTo>
                <a:lnTo>
                  <a:pt x="174" y="216"/>
                </a:lnTo>
                <a:lnTo>
                  <a:pt x="217" y="166"/>
                </a:lnTo>
                <a:lnTo>
                  <a:pt x="158" y="103"/>
                </a:lnTo>
                <a:lnTo>
                  <a:pt x="201" y="53"/>
                </a:lnTo>
                <a:lnTo>
                  <a:pt x="158" y="13"/>
                </a:lnTo>
                <a:lnTo>
                  <a:pt x="133" y="25"/>
                </a:lnTo>
                <a:lnTo>
                  <a:pt x="95" y="0"/>
                </a:lnTo>
                <a:lnTo>
                  <a:pt x="61" y="31"/>
                </a:lnTo>
                <a:lnTo>
                  <a:pt x="61" y="35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grpSp>
        <xdr:nvGrpSpPr>
          <xdr:cNvPr id="149696" name="Group 117"/>
          <xdr:cNvGrpSpPr>
            <a:grpSpLocks/>
          </xdr:cNvGrpSpPr>
        </xdr:nvGrpSpPr>
        <xdr:grpSpPr bwMode="auto">
          <a:xfrm>
            <a:off x="9222921" y="3369129"/>
            <a:ext cx="200025" cy="178253"/>
            <a:chOff x="963" y="381"/>
            <a:chExt cx="21" cy="19"/>
          </a:xfrm>
        </xdr:grpSpPr>
        <xdr:sp macro="" textlink="">
          <xdr:nvSpPr>
            <xdr:cNvPr id="149697" name="d14100_1"/>
            <xdr:cNvSpPr>
              <a:spLocks/>
            </xdr:cNvSpPr>
          </xdr:nvSpPr>
          <xdr:spPr bwMode="auto">
            <a:xfrm>
              <a:off x="963" y="381"/>
              <a:ext cx="21" cy="15"/>
            </a:xfrm>
            <a:custGeom>
              <a:avLst/>
              <a:gdLst>
                <a:gd name="T0" fmla="*/ 0 w 16384"/>
                <a:gd name="T1" fmla="*/ 0 h 16384"/>
                <a:gd name="T2" fmla="*/ 0 w 16384"/>
                <a:gd name="T3" fmla="*/ 0 h 16384"/>
                <a:gd name="T4" fmla="*/ 0 w 16384"/>
                <a:gd name="T5" fmla="*/ 0 h 16384"/>
                <a:gd name="T6" fmla="*/ 0 w 16384"/>
                <a:gd name="T7" fmla="*/ 0 h 16384"/>
                <a:gd name="T8" fmla="*/ 0 w 16384"/>
                <a:gd name="T9" fmla="*/ 0 h 16384"/>
                <a:gd name="T10" fmla="*/ 0 w 16384"/>
                <a:gd name="T11" fmla="*/ 0 h 16384"/>
                <a:gd name="T12" fmla="*/ 0 w 16384"/>
                <a:gd name="T13" fmla="*/ 0 h 16384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16384"/>
                <a:gd name="T22" fmla="*/ 0 h 16384"/>
                <a:gd name="T23" fmla="*/ 16384 w 16384"/>
                <a:gd name="T24" fmla="*/ 16384 h 16384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16384" h="16384">
                  <a:moveTo>
                    <a:pt x="0" y="6554"/>
                  </a:moveTo>
                  <a:lnTo>
                    <a:pt x="13263" y="0"/>
                  </a:lnTo>
                  <a:lnTo>
                    <a:pt x="16384" y="6554"/>
                  </a:lnTo>
                  <a:lnTo>
                    <a:pt x="7802" y="10923"/>
                  </a:lnTo>
                  <a:lnTo>
                    <a:pt x="7802" y="14199"/>
                  </a:lnTo>
                  <a:lnTo>
                    <a:pt x="1560" y="16384"/>
                  </a:lnTo>
                  <a:lnTo>
                    <a:pt x="0" y="6554"/>
                  </a:lnTo>
                  <a:close/>
                </a:path>
              </a:pathLst>
            </a:custGeom>
            <a:noFill/>
            <a:ln w="9525" cap="flat" cmpd="sng">
              <a:solidFill>
                <a:srgbClr val="000000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  <xdr:sp macro="" textlink="">
          <xdr:nvSpPr>
            <xdr:cNvPr id="149698" name="Rectangle 119"/>
            <xdr:cNvSpPr>
              <a:spLocks noChangeArrowheads="1"/>
            </xdr:cNvSpPr>
          </xdr:nvSpPr>
          <xdr:spPr bwMode="auto">
            <a:xfrm rot="-1365251">
              <a:off x="967" y="393"/>
              <a:ext cx="16" cy="7"/>
            </a:xfrm>
            <a:prstGeom prst="rect">
              <a:avLst/>
            </a:prstGeom>
            <a:noFill/>
            <a:ln w="9525" algn="ctr">
              <a:solidFill>
                <a:srgbClr val="000000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</xdr:grpSp>
    </xdr:grpSp>
    <xdr:clientData/>
  </xdr:twoCellAnchor>
  <xdr:twoCellAnchor>
    <xdr:from>
      <xdr:col>2</xdr:col>
      <xdr:colOff>19050</xdr:colOff>
      <xdr:row>64</xdr:row>
      <xdr:rowOff>57150</xdr:rowOff>
    </xdr:from>
    <xdr:to>
      <xdr:col>3</xdr:col>
      <xdr:colOff>19050</xdr:colOff>
      <xdr:row>66</xdr:row>
      <xdr:rowOff>66675</xdr:rowOff>
    </xdr:to>
    <xdr:sp macro="" textlink="">
      <xdr:nvSpPr>
        <xdr:cNvPr id="149528" name="Rectangle 89" descr="右上がり対角線 (太)"/>
        <xdr:cNvSpPr>
          <a:spLocks noChangeArrowheads="1"/>
        </xdr:cNvSpPr>
      </xdr:nvSpPr>
      <xdr:spPr bwMode="auto">
        <a:xfrm>
          <a:off x="1238250" y="10648950"/>
          <a:ext cx="609600" cy="314325"/>
        </a:xfrm>
        <a:prstGeom prst="rect">
          <a:avLst/>
        </a:prstGeom>
        <a:pattFill prst="wdUpDiag">
          <a:fgClr>
            <a:srgbClr val="000000"/>
          </a:fgClr>
          <a:bgClr>
            <a:srgbClr val="FFFFFF"/>
          </a:bgClr>
        </a:pattFill>
        <a:ln w="6350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4</xdr:col>
      <xdr:colOff>257175</xdr:colOff>
      <xdr:row>101</xdr:row>
      <xdr:rowOff>19050</xdr:rowOff>
    </xdr:from>
    <xdr:to>
      <xdr:col>5</xdr:col>
      <xdr:colOff>276225</xdr:colOff>
      <xdr:row>105</xdr:row>
      <xdr:rowOff>66675</xdr:rowOff>
    </xdr:to>
    <xdr:sp macro="" textlink="">
      <xdr:nvSpPr>
        <xdr:cNvPr id="149529" name="d14383" descr="5%"/>
        <xdr:cNvSpPr>
          <a:spLocks/>
        </xdr:cNvSpPr>
      </xdr:nvSpPr>
      <xdr:spPr bwMode="auto">
        <a:xfrm>
          <a:off x="2695575" y="16249650"/>
          <a:ext cx="628650" cy="657225"/>
        </a:xfrm>
        <a:custGeom>
          <a:avLst/>
          <a:gdLst>
            <a:gd name="T0" fmla="*/ 0 w 16384"/>
            <a:gd name="T1" fmla="*/ 0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2147483646 w 16384"/>
            <a:gd name="T9" fmla="*/ 2147483646 h 16384"/>
            <a:gd name="T10" fmla="*/ 2147483646 w 16384"/>
            <a:gd name="T11" fmla="*/ 2147483646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2147483646 w 16384"/>
            <a:gd name="T19" fmla="*/ 2147483646 h 16384"/>
            <a:gd name="T20" fmla="*/ 2147483646 w 16384"/>
            <a:gd name="T21" fmla="*/ 2147483646 h 16384"/>
            <a:gd name="T22" fmla="*/ 2147483646 w 16384"/>
            <a:gd name="T23" fmla="*/ 2147483646 h 16384"/>
            <a:gd name="T24" fmla="*/ 2147483646 w 16384"/>
            <a:gd name="T25" fmla="*/ 2147483646 h 16384"/>
            <a:gd name="T26" fmla="*/ 2147483646 w 16384"/>
            <a:gd name="T27" fmla="*/ 2147483646 h 16384"/>
            <a:gd name="T28" fmla="*/ 2147483646 w 16384"/>
            <a:gd name="T29" fmla="*/ 2147483646 h 16384"/>
            <a:gd name="T30" fmla="*/ 2147483646 w 16384"/>
            <a:gd name="T31" fmla="*/ 2147483646 h 16384"/>
            <a:gd name="T32" fmla="*/ 2147483646 w 16384"/>
            <a:gd name="T33" fmla="*/ 2147483646 h 16384"/>
            <a:gd name="T34" fmla="*/ 2147483646 w 16384"/>
            <a:gd name="T35" fmla="*/ 2147483646 h 16384"/>
            <a:gd name="T36" fmla="*/ 2147483646 w 16384"/>
            <a:gd name="T37" fmla="*/ 2147483646 h 16384"/>
            <a:gd name="T38" fmla="*/ 2147483646 w 16384"/>
            <a:gd name="T39" fmla="*/ 2147483646 h 16384"/>
            <a:gd name="T40" fmla="*/ 2147483646 w 16384"/>
            <a:gd name="T41" fmla="*/ 2147483646 h 16384"/>
            <a:gd name="T42" fmla="*/ 2147483646 w 16384"/>
            <a:gd name="T43" fmla="*/ 2147483646 h 16384"/>
            <a:gd name="T44" fmla="*/ 2147483646 w 16384"/>
            <a:gd name="T45" fmla="*/ 2147483646 h 16384"/>
            <a:gd name="T46" fmla="*/ 2147483646 w 16384"/>
            <a:gd name="T47" fmla="*/ 2147483646 h 16384"/>
            <a:gd name="T48" fmla="*/ 2147483646 w 16384"/>
            <a:gd name="T49" fmla="*/ 2147483646 h 16384"/>
            <a:gd name="T50" fmla="*/ 2147483646 w 16384"/>
            <a:gd name="T51" fmla="*/ 2147483646 h 16384"/>
            <a:gd name="T52" fmla="*/ 2147483646 w 16384"/>
            <a:gd name="T53" fmla="*/ 2147483646 h 16384"/>
            <a:gd name="T54" fmla="*/ 2147483646 w 16384"/>
            <a:gd name="T55" fmla="*/ 2147483646 h 16384"/>
            <a:gd name="T56" fmla="*/ 2147483646 w 16384"/>
            <a:gd name="T57" fmla="*/ 2147483646 h 16384"/>
            <a:gd name="T58" fmla="*/ 2147483646 w 16384"/>
            <a:gd name="T59" fmla="*/ 2147483646 h 16384"/>
            <a:gd name="T60" fmla="*/ 2147483646 w 16384"/>
            <a:gd name="T61" fmla="*/ 2147483646 h 16384"/>
            <a:gd name="T62" fmla="*/ 2147483646 w 16384"/>
            <a:gd name="T63" fmla="*/ 2147483646 h 16384"/>
            <a:gd name="T64" fmla="*/ 2147483646 w 16384"/>
            <a:gd name="T65" fmla="*/ 2147483646 h 16384"/>
            <a:gd name="T66" fmla="*/ 2147483646 w 16384"/>
            <a:gd name="T67" fmla="*/ 2147483646 h 16384"/>
            <a:gd name="T68" fmla="*/ 2147483646 w 16384"/>
            <a:gd name="T69" fmla="*/ 2147483646 h 16384"/>
            <a:gd name="T70" fmla="*/ 2147483646 w 16384"/>
            <a:gd name="T71" fmla="*/ 2147483646 h 16384"/>
            <a:gd name="T72" fmla="*/ 2147483646 w 16384"/>
            <a:gd name="T73" fmla="*/ 2147483646 h 16384"/>
            <a:gd name="T74" fmla="*/ 2147483646 w 16384"/>
            <a:gd name="T75" fmla="*/ 2147483646 h 16384"/>
            <a:gd name="T76" fmla="*/ 2147483646 w 16384"/>
            <a:gd name="T77" fmla="*/ 2147483646 h 16384"/>
            <a:gd name="T78" fmla="*/ 2147483646 w 16384"/>
            <a:gd name="T79" fmla="*/ 2147483646 h 16384"/>
            <a:gd name="T80" fmla="*/ 2147483646 w 16384"/>
            <a:gd name="T81" fmla="*/ 2147483646 h 16384"/>
            <a:gd name="T82" fmla="*/ 2147483646 w 16384"/>
            <a:gd name="T83" fmla="*/ 2147483646 h 16384"/>
            <a:gd name="T84" fmla="*/ 2147483646 w 16384"/>
            <a:gd name="T85" fmla="*/ 2147483646 h 16384"/>
            <a:gd name="T86" fmla="*/ 2147483646 w 16384"/>
            <a:gd name="T87" fmla="*/ 2147483646 h 16384"/>
            <a:gd name="T88" fmla="*/ 2147483646 w 16384"/>
            <a:gd name="T89" fmla="*/ 2147483646 h 16384"/>
            <a:gd name="T90" fmla="*/ 2147483646 w 16384"/>
            <a:gd name="T91" fmla="*/ 2147483646 h 16384"/>
            <a:gd name="T92" fmla="*/ 2147483646 w 16384"/>
            <a:gd name="T93" fmla="*/ 2147483646 h 16384"/>
            <a:gd name="T94" fmla="*/ 2147483646 w 16384"/>
            <a:gd name="T95" fmla="*/ 2147483646 h 16384"/>
            <a:gd name="T96" fmla="*/ 2147483646 w 16384"/>
            <a:gd name="T97" fmla="*/ 2147483646 h 16384"/>
            <a:gd name="T98" fmla="*/ 2147483646 w 16384"/>
            <a:gd name="T99" fmla="*/ 2147483646 h 16384"/>
            <a:gd name="T100" fmla="*/ 2147483646 w 16384"/>
            <a:gd name="T101" fmla="*/ 2147483646 h 16384"/>
            <a:gd name="T102" fmla="*/ 0 w 16384"/>
            <a:gd name="T103" fmla="*/ 2147483646 h 16384"/>
            <a:gd name="T104" fmla="*/ 0 w 16384"/>
            <a:gd name="T105" fmla="*/ 0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0" y="0"/>
              </a:moveTo>
              <a:lnTo>
                <a:pt x="1241" y="237"/>
              </a:lnTo>
              <a:lnTo>
                <a:pt x="2482" y="475"/>
              </a:lnTo>
              <a:lnTo>
                <a:pt x="5213" y="1662"/>
              </a:lnTo>
              <a:lnTo>
                <a:pt x="9185" y="3799"/>
              </a:lnTo>
              <a:lnTo>
                <a:pt x="9930" y="3324"/>
              </a:lnTo>
              <a:lnTo>
                <a:pt x="10178" y="3799"/>
              </a:lnTo>
              <a:lnTo>
                <a:pt x="10674" y="4512"/>
              </a:lnTo>
              <a:lnTo>
                <a:pt x="11667" y="5224"/>
              </a:lnTo>
              <a:lnTo>
                <a:pt x="12164" y="5936"/>
              </a:lnTo>
              <a:lnTo>
                <a:pt x="11419" y="6886"/>
              </a:lnTo>
              <a:lnTo>
                <a:pt x="11171" y="8073"/>
              </a:lnTo>
              <a:lnTo>
                <a:pt x="10923" y="9261"/>
              </a:lnTo>
              <a:lnTo>
                <a:pt x="11171" y="9498"/>
              </a:lnTo>
              <a:lnTo>
                <a:pt x="11419" y="9973"/>
              </a:lnTo>
              <a:lnTo>
                <a:pt x="11916" y="10685"/>
              </a:lnTo>
              <a:lnTo>
                <a:pt x="11916" y="11872"/>
              </a:lnTo>
              <a:lnTo>
                <a:pt x="11171" y="11872"/>
              </a:lnTo>
              <a:lnTo>
                <a:pt x="11916" y="12347"/>
              </a:lnTo>
              <a:lnTo>
                <a:pt x="12909" y="13297"/>
              </a:lnTo>
              <a:lnTo>
                <a:pt x="13902" y="13772"/>
              </a:lnTo>
              <a:lnTo>
                <a:pt x="15143" y="14010"/>
              </a:lnTo>
              <a:lnTo>
                <a:pt x="15888" y="14247"/>
              </a:lnTo>
              <a:lnTo>
                <a:pt x="15888" y="15197"/>
              </a:lnTo>
              <a:lnTo>
                <a:pt x="16384" y="15909"/>
              </a:lnTo>
              <a:lnTo>
                <a:pt x="15888" y="16147"/>
              </a:lnTo>
              <a:lnTo>
                <a:pt x="15391" y="15909"/>
              </a:lnTo>
              <a:lnTo>
                <a:pt x="14895" y="16147"/>
              </a:lnTo>
              <a:lnTo>
                <a:pt x="14646" y="16384"/>
              </a:lnTo>
              <a:lnTo>
                <a:pt x="14150" y="16147"/>
              </a:lnTo>
              <a:lnTo>
                <a:pt x="13653" y="16147"/>
              </a:lnTo>
              <a:lnTo>
                <a:pt x="13405" y="15672"/>
              </a:lnTo>
              <a:lnTo>
                <a:pt x="12660" y="15434"/>
              </a:lnTo>
              <a:lnTo>
                <a:pt x="12660" y="14722"/>
              </a:lnTo>
              <a:lnTo>
                <a:pt x="11916" y="14722"/>
              </a:lnTo>
              <a:lnTo>
                <a:pt x="10923" y="14484"/>
              </a:lnTo>
              <a:lnTo>
                <a:pt x="10178" y="14010"/>
              </a:lnTo>
              <a:lnTo>
                <a:pt x="9930" y="13535"/>
              </a:lnTo>
              <a:lnTo>
                <a:pt x="9681" y="13535"/>
              </a:lnTo>
              <a:lnTo>
                <a:pt x="9930" y="13060"/>
              </a:lnTo>
              <a:lnTo>
                <a:pt x="8937" y="11872"/>
              </a:lnTo>
              <a:lnTo>
                <a:pt x="7696" y="10448"/>
              </a:lnTo>
              <a:lnTo>
                <a:pt x="6454" y="9973"/>
              </a:lnTo>
              <a:lnTo>
                <a:pt x="6206" y="9023"/>
              </a:lnTo>
              <a:lnTo>
                <a:pt x="6454" y="8548"/>
              </a:lnTo>
              <a:lnTo>
                <a:pt x="6703" y="7598"/>
              </a:lnTo>
              <a:lnTo>
                <a:pt x="5958" y="6411"/>
              </a:lnTo>
              <a:lnTo>
                <a:pt x="3475" y="4749"/>
              </a:lnTo>
              <a:lnTo>
                <a:pt x="2979" y="2612"/>
              </a:lnTo>
              <a:lnTo>
                <a:pt x="1738" y="2374"/>
              </a:lnTo>
              <a:lnTo>
                <a:pt x="1241" y="1900"/>
              </a:lnTo>
              <a:lnTo>
                <a:pt x="0" y="1187"/>
              </a:lnTo>
              <a:lnTo>
                <a:pt x="0" y="0"/>
              </a:lnTo>
              <a:close/>
            </a:path>
          </a:pathLst>
        </a:custGeom>
        <a:pattFill prst="wdUpDiag">
          <a:fgClr>
            <a:srgbClr val="000000"/>
          </a:fgClr>
          <a:bgClr>
            <a:srgbClr val="FFFFFF"/>
          </a:bgClr>
        </a:pattFill>
        <a:ln w="9525" cap="flat" cmpd="sng">
          <a:solidFill>
            <a:srgbClr val="000000"/>
          </a:solidFill>
          <a:prstDash val="solid"/>
          <a:round/>
          <a:headEnd/>
          <a:tailEnd/>
        </a:ln>
      </xdr:spPr>
    </xdr:sp>
    <xdr:clientData/>
  </xdr:twoCellAnchor>
  <xdr:twoCellAnchor>
    <xdr:from>
      <xdr:col>30</xdr:col>
      <xdr:colOff>171450</xdr:colOff>
      <xdr:row>90</xdr:row>
      <xdr:rowOff>19050</xdr:rowOff>
    </xdr:from>
    <xdr:to>
      <xdr:col>30</xdr:col>
      <xdr:colOff>314325</xdr:colOff>
      <xdr:row>90</xdr:row>
      <xdr:rowOff>114300</xdr:rowOff>
    </xdr:to>
    <xdr:sp macro="" textlink="">
      <xdr:nvSpPr>
        <xdr:cNvPr id="149530" name="d14205_1"/>
        <xdr:cNvSpPr>
          <a:spLocks/>
        </xdr:cNvSpPr>
      </xdr:nvSpPr>
      <xdr:spPr bwMode="auto">
        <a:xfrm>
          <a:off x="18754725" y="14573250"/>
          <a:ext cx="142875" cy="95250"/>
        </a:xfrm>
        <a:custGeom>
          <a:avLst/>
          <a:gdLst>
            <a:gd name="T0" fmla="*/ 2147483646 w 16384"/>
            <a:gd name="T1" fmla="*/ 2147483646 h 16384"/>
            <a:gd name="T2" fmla="*/ 2147483646 w 16384"/>
            <a:gd name="T3" fmla="*/ 2147483646 h 16384"/>
            <a:gd name="T4" fmla="*/ 2147483646 w 16384"/>
            <a:gd name="T5" fmla="*/ 2147483646 h 16384"/>
            <a:gd name="T6" fmla="*/ 2147483646 w 16384"/>
            <a:gd name="T7" fmla="*/ 2147483646 h 16384"/>
            <a:gd name="T8" fmla="*/ 0 w 16384"/>
            <a:gd name="T9" fmla="*/ 2147483646 h 16384"/>
            <a:gd name="T10" fmla="*/ 2147483646 w 16384"/>
            <a:gd name="T11" fmla="*/ 0 h 16384"/>
            <a:gd name="T12" fmla="*/ 2147483646 w 16384"/>
            <a:gd name="T13" fmla="*/ 2147483646 h 16384"/>
            <a:gd name="T14" fmla="*/ 2147483646 w 16384"/>
            <a:gd name="T15" fmla="*/ 2147483646 h 16384"/>
            <a:gd name="T16" fmla="*/ 2147483646 w 16384"/>
            <a:gd name="T17" fmla="*/ 2147483646 h 16384"/>
            <a:gd name="T18" fmla="*/ 0 60000 65536"/>
            <a:gd name="T19" fmla="*/ 0 60000 65536"/>
            <a:gd name="T20" fmla="*/ 0 60000 65536"/>
            <a:gd name="T21" fmla="*/ 0 60000 65536"/>
            <a:gd name="T22" fmla="*/ 0 60000 65536"/>
            <a:gd name="T23" fmla="*/ 0 60000 65536"/>
            <a:gd name="T24" fmla="*/ 0 60000 65536"/>
            <a:gd name="T25" fmla="*/ 0 60000 65536"/>
            <a:gd name="T26" fmla="*/ 0 60000 65536"/>
            <a:gd name="T27" fmla="*/ 0 w 16384"/>
            <a:gd name="T28" fmla="*/ 0 h 16384"/>
            <a:gd name="T29" fmla="*/ 16384 w 16384"/>
            <a:gd name="T30" fmla="*/ 16384 h 16384"/>
          </a:gdLst>
          <a:ahLst/>
          <a:cxnLst>
            <a:cxn ang="T18">
              <a:pos x="T0" y="T1"/>
            </a:cxn>
            <a:cxn ang="T19">
              <a:pos x="T2" y="T3"/>
            </a:cxn>
            <a:cxn ang="T20">
              <a:pos x="T4" y="T5"/>
            </a:cxn>
            <a:cxn ang="T21">
              <a:pos x="T6" y="T7"/>
            </a:cxn>
            <a:cxn ang="T22">
              <a:pos x="T8" y="T9"/>
            </a:cxn>
            <a:cxn ang="T23">
              <a:pos x="T10" y="T11"/>
            </a:cxn>
            <a:cxn ang="T24">
              <a:pos x="T12" y="T13"/>
            </a:cxn>
            <a:cxn ang="T25">
              <a:pos x="T14" y="T15"/>
            </a:cxn>
            <a:cxn ang="T26">
              <a:pos x="T16" y="T17"/>
            </a:cxn>
          </a:cxnLst>
          <a:rect l="T27" t="T28" r="T29" b="T30"/>
          <a:pathLst>
            <a:path w="16384" h="16384">
              <a:moveTo>
                <a:pt x="16384" y="10923"/>
              </a:moveTo>
              <a:lnTo>
                <a:pt x="7646" y="16384"/>
              </a:lnTo>
              <a:lnTo>
                <a:pt x="4369" y="12743"/>
              </a:lnTo>
              <a:lnTo>
                <a:pt x="1092" y="14564"/>
              </a:lnTo>
              <a:lnTo>
                <a:pt x="0" y="10923"/>
              </a:lnTo>
              <a:lnTo>
                <a:pt x="8738" y="0"/>
              </a:lnTo>
              <a:lnTo>
                <a:pt x="12015" y="3641"/>
              </a:lnTo>
              <a:lnTo>
                <a:pt x="13107" y="9102"/>
              </a:lnTo>
              <a:lnTo>
                <a:pt x="16384" y="10923"/>
              </a:lnTo>
              <a:close/>
            </a:path>
          </a:pathLst>
        </a:custGeom>
        <a:noFill/>
        <a:ln w="9525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9</xdr:col>
      <xdr:colOff>438150</xdr:colOff>
      <xdr:row>56</xdr:row>
      <xdr:rowOff>57150</xdr:rowOff>
    </xdr:from>
    <xdr:to>
      <xdr:col>36</xdr:col>
      <xdr:colOff>161925</xdr:colOff>
      <xdr:row>106</xdr:row>
      <xdr:rowOff>76200</xdr:rowOff>
    </xdr:to>
    <xdr:grpSp>
      <xdr:nvGrpSpPr>
        <xdr:cNvPr id="149531" name="グループ化 1"/>
        <xdr:cNvGrpSpPr>
          <a:grpSpLocks/>
        </xdr:cNvGrpSpPr>
      </xdr:nvGrpSpPr>
      <xdr:grpSpPr bwMode="auto">
        <a:xfrm>
          <a:off x="11230841" y="9436677"/>
          <a:ext cx="9144866" cy="7639050"/>
          <a:chOff x="12371614" y="9282793"/>
          <a:chExt cx="10133240" cy="7502978"/>
        </a:xfrm>
      </xdr:grpSpPr>
      <xdr:grpSp>
        <xdr:nvGrpSpPr>
          <xdr:cNvPr id="363" name="グループ化 381"/>
          <xdr:cNvGrpSpPr/>
        </xdr:nvGrpSpPr>
        <xdr:grpSpPr>
          <a:xfrm>
            <a:off x="13615543" y="12594581"/>
            <a:ext cx="8382170" cy="4125702"/>
            <a:chOff x="1583683" y="4668087"/>
            <a:chExt cx="8333398" cy="4009856"/>
          </a:xfrm>
          <a:blipFill dpi="0" rotWithShape="1">
            <a:blip xmlns:r="http://schemas.openxmlformats.org/officeDocument/2006/relationships" r:embed="rId1">
              <a:alphaModFix amt="65000"/>
            </a:blip>
            <a:srcRect/>
            <a:stretch>
              <a:fillRect/>
            </a:stretch>
          </a:blipFill>
        </xdr:grpSpPr>
        <xdr:sp macro="" textlink="">
          <xdr:nvSpPr>
            <xdr:cNvPr id="414" name="d14201"/>
            <xdr:cNvSpPr>
              <a:spLocks/>
            </xdr:cNvSpPr>
          </xdr:nvSpPr>
          <xdr:spPr bwMode="auto">
            <a:xfrm>
              <a:off x="7995453" y="6059262"/>
              <a:ext cx="1921628" cy="1909455"/>
            </a:xfrm>
            <a:custGeom>
              <a:avLst/>
              <a:gdLst>
                <a:gd name="T0" fmla="*/ 95719456 w 16384"/>
                <a:gd name="T1" fmla="*/ 11184478 h 16384"/>
                <a:gd name="T2" fmla="*/ 84590817 w 16384"/>
                <a:gd name="T3" fmla="*/ 35787398 h 16384"/>
                <a:gd name="T4" fmla="*/ 72342607 w 16384"/>
                <a:gd name="T5" fmla="*/ 51453883 h 16384"/>
                <a:gd name="T6" fmla="*/ 83471129 w 16384"/>
                <a:gd name="T7" fmla="*/ 50336845 h 16384"/>
                <a:gd name="T8" fmla="*/ 94613440 w 16384"/>
                <a:gd name="T9" fmla="*/ 36918294 h 16384"/>
                <a:gd name="T10" fmla="*/ 92387619 w 16384"/>
                <a:gd name="T11" fmla="*/ 55922154 h 16384"/>
                <a:gd name="T12" fmla="*/ 107967666 w 16384"/>
                <a:gd name="T13" fmla="*/ 76056806 h 16384"/>
                <a:gd name="T14" fmla="*/ 109073682 w 16384"/>
                <a:gd name="T15" fmla="*/ 61521202 h 16384"/>
                <a:gd name="T16" fmla="*/ 117976617 w 16384"/>
                <a:gd name="T17" fmla="*/ 46985613 h 16384"/>
                <a:gd name="T18" fmla="*/ 134676264 w 16384"/>
                <a:gd name="T19" fmla="*/ 67120383 h 16384"/>
                <a:gd name="T20" fmla="*/ 127999151 w 16384"/>
                <a:gd name="T21" fmla="*/ 76056806 h 16384"/>
                <a:gd name="T22" fmla="*/ 144698887 w 16384"/>
                <a:gd name="T23" fmla="*/ 104024805 h 16384"/>
                <a:gd name="T24" fmla="*/ 203687122 w 16384"/>
                <a:gd name="T25" fmla="*/ 102907649 h 16384"/>
                <a:gd name="T26" fmla="*/ 221492757 w 16384"/>
                <a:gd name="T27" fmla="*/ 117443356 h 16384"/>
                <a:gd name="T28" fmla="*/ 205912826 w 16384"/>
                <a:gd name="T29" fmla="*/ 144294228 h 16384"/>
                <a:gd name="T30" fmla="*/ 191438795 w 16384"/>
                <a:gd name="T31" fmla="*/ 145411266 h 16384"/>
                <a:gd name="T32" fmla="*/ 193664500 w 16384"/>
                <a:gd name="T33" fmla="*/ 153244509 h 16384"/>
                <a:gd name="T34" fmla="*/ 190332779 w 16384"/>
                <a:gd name="T35" fmla="*/ 167780098 h 16384"/>
                <a:gd name="T36" fmla="*/ 181429962 w 16384"/>
                <a:gd name="T37" fmla="*/ 181212507 h 16384"/>
                <a:gd name="T38" fmla="*/ 188107075 w 16384"/>
                <a:gd name="T39" fmla="*/ 187914854 h 16384"/>
                <a:gd name="T40" fmla="*/ 172513472 w 16384"/>
                <a:gd name="T41" fmla="*/ 193513902 h 16384"/>
                <a:gd name="T42" fmla="*/ 135795953 w 16384"/>
                <a:gd name="T43" fmla="*/ 201347145 h 16384"/>
                <a:gd name="T44" fmla="*/ 106847978 w 16384"/>
                <a:gd name="T45" fmla="*/ 206932454 h 16384"/>
                <a:gd name="T46" fmla="*/ 94613440 w 16384"/>
                <a:gd name="T47" fmla="*/ 197982173 h 16384"/>
                <a:gd name="T48" fmla="*/ 74568312 w 16384"/>
                <a:gd name="T49" fmla="*/ 199099211 h 16384"/>
                <a:gd name="T50" fmla="*/ 46753712 w 16384"/>
                <a:gd name="T51" fmla="*/ 225950171 h 16384"/>
                <a:gd name="T52" fmla="*/ 31159993 w 16384"/>
                <a:gd name="T53" fmla="*/ 219233967 h 16384"/>
                <a:gd name="T54" fmla="*/ 28934281 w 16384"/>
                <a:gd name="T55" fmla="*/ 206932454 h 16384"/>
                <a:gd name="T56" fmla="*/ 40062927 w 16384"/>
                <a:gd name="T57" fmla="*/ 194630941 h 16384"/>
                <a:gd name="T58" fmla="*/ 60107938 w 16384"/>
                <a:gd name="T59" fmla="*/ 195748096 h 16384"/>
                <a:gd name="T60" fmla="*/ 50085432 w 16384"/>
                <a:gd name="T61" fmla="*/ 175613341 h 16384"/>
                <a:gd name="T62" fmla="*/ 27828265 w 16384"/>
                <a:gd name="T63" fmla="*/ 174496302 h 16384"/>
                <a:gd name="T64" fmla="*/ 26708577 w 16384"/>
                <a:gd name="T65" fmla="*/ 153244509 h 16384"/>
                <a:gd name="T66" fmla="*/ 18925447 w 16384"/>
                <a:gd name="T67" fmla="*/ 139825957 h 16384"/>
                <a:gd name="T68" fmla="*/ 3345393 w 16384"/>
                <a:gd name="T69" fmla="*/ 124159472 h 16384"/>
                <a:gd name="T70" fmla="*/ 26708577 w 16384"/>
                <a:gd name="T71" fmla="*/ 119691290 h 16384"/>
                <a:gd name="T72" fmla="*/ 37837222 w 16384"/>
                <a:gd name="T73" fmla="*/ 115209162 h 16384"/>
                <a:gd name="T74" fmla="*/ 50085432 w 16384"/>
                <a:gd name="T75" fmla="*/ 109623853 h 16384"/>
                <a:gd name="T76" fmla="*/ 60107938 w 16384"/>
                <a:gd name="T77" fmla="*/ 119691290 h 16384"/>
                <a:gd name="T78" fmla="*/ 70116903 w 16384"/>
                <a:gd name="T79" fmla="*/ 112975085 h 16384"/>
                <a:gd name="T80" fmla="*/ 79019721 w 16384"/>
                <a:gd name="T81" fmla="*/ 101790611 h 16384"/>
                <a:gd name="T82" fmla="*/ 77913704 w 16384"/>
                <a:gd name="T83" fmla="*/ 91723292 h 16384"/>
                <a:gd name="T84" fmla="*/ 58988250 w 16384"/>
                <a:gd name="T85" fmla="*/ 82773011 h 16384"/>
                <a:gd name="T86" fmla="*/ 57882234 w 16384"/>
                <a:gd name="T87" fmla="*/ 64872449 h 16384"/>
                <a:gd name="T88" fmla="*/ 44514336 w 16384"/>
                <a:gd name="T89" fmla="*/ 41386447 h 16384"/>
                <a:gd name="T90" fmla="*/ 43408319 w 16384"/>
                <a:gd name="T91" fmla="*/ 24602916 h 16384"/>
                <a:gd name="T92" fmla="*/ 62333657 w 16384"/>
                <a:gd name="T93" fmla="*/ 16783531 h 16384"/>
                <a:gd name="T94" fmla="*/ 77913704 w 16384"/>
                <a:gd name="T95" fmla="*/ 3351233 h 16384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w 16384"/>
                <a:gd name="T145" fmla="*/ 0 h 16384"/>
                <a:gd name="T146" fmla="*/ 16384 w 16384"/>
                <a:gd name="T147" fmla="*/ 16384 h 16384"/>
              </a:gdLst>
              <a:ahLst/>
              <a:cxnLst>
                <a:cxn ang="T96">
                  <a:pos x="T0" y="T1"/>
                </a:cxn>
                <a:cxn ang="T97">
                  <a:pos x="T2" y="T3"/>
                </a:cxn>
                <a:cxn ang="T98">
                  <a:pos x="T4" y="T5"/>
                </a:cxn>
                <a:cxn ang="T99">
                  <a:pos x="T6" y="T7"/>
                </a:cxn>
                <a:cxn ang="T100">
                  <a:pos x="T8" y="T9"/>
                </a:cxn>
                <a:cxn ang="T101">
                  <a:pos x="T10" y="T11"/>
                </a:cxn>
                <a:cxn ang="T102">
                  <a:pos x="T12" y="T13"/>
                </a:cxn>
                <a:cxn ang="T103">
                  <a:pos x="T14" y="T15"/>
                </a:cxn>
                <a:cxn ang="T104">
                  <a:pos x="T16" y="T17"/>
                </a:cxn>
                <a:cxn ang="T105">
                  <a:pos x="T18" y="T19"/>
                </a:cxn>
                <a:cxn ang="T106">
                  <a:pos x="T20" y="T21"/>
                </a:cxn>
                <a:cxn ang="T107">
                  <a:pos x="T22" y="T23"/>
                </a:cxn>
                <a:cxn ang="T108">
                  <a:pos x="T24" y="T25"/>
                </a:cxn>
                <a:cxn ang="T109">
                  <a:pos x="T26" y="T27"/>
                </a:cxn>
                <a:cxn ang="T110">
                  <a:pos x="T28" y="T29"/>
                </a:cxn>
                <a:cxn ang="T111">
                  <a:pos x="T30" y="T31"/>
                </a:cxn>
                <a:cxn ang="T112">
                  <a:pos x="T32" y="T33"/>
                </a:cxn>
                <a:cxn ang="T113">
                  <a:pos x="T34" y="T35"/>
                </a:cxn>
                <a:cxn ang="T114">
                  <a:pos x="T36" y="T37"/>
                </a:cxn>
                <a:cxn ang="T115">
                  <a:pos x="T38" y="T39"/>
                </a:cxn>
                <a:cxn ang="T116">
                  <a:pos x="T40" y="T41"/>
                </a:cxn>
                <a:cxn ang="T117">
                  <a:pos x="T42" y="T43"/>
                </a:cxn>
                <a:cxn ang="T118">
                  <a:pos x="T44" y="T45"/>
                </a:cxn>
                <a:cxn ang="T119">
                  <a:pos x="T46" y="T47"/>
                </a:cxn>
                <a:cxn ang="T120">
                  <a:pos x="T48" y="T49"/>
                </a:cxn>
                <a:cxn ang="T121">
                  <a:pos x="T50" y="T51"/>
                </a:cxn>
                <a:cxn ang="T122">
                  <a:pos x="T52" y="T53"/>
                </a:cxn>
                <a:cxn ang="T123">
                  <a:pos x="T54" y="T55"/>
                </a:cxn>
                <a:cxn ang="T124">
                  <a:pos x="T56" y="T57"/>
                </a:cxn>
                <a:cxn ang="T125">
                  <a:pos x="T58" y="T59"/>
                </a:cxn>
                <a:cxn ang="T126">
                  <a:pos x="T60" y="T61"/>
                </a:cxn>
                <a:cxn ang="T127">
                  <a:pos x="T62" y="T63"/>
                </a:cxn>
                <a:cxn ang="T128">
                  <a:pos x="T64" y="T65"/>
                </a:cxn>
                <a:cxn ang="T129">
                  <a:pos x="T66" y="T67"/>
                </a:cxn>
                <a:cxn ang="T130">
                  <a:pos x="T68" y="T69"/>
                </a:cxn>
                <a:cxn ang="T131">
                  <a:pos x="T70" y="T71"/>
                </a:cxn>
                <a:cxn ang="T132">
                  <a:pos x="T72" y="T73"/>
                </a:cxn>
                <a:cxn ang="T133">
                  <a:pos x="T74" y="T75"/>
                </a:cxn>
                <a:cxn ang="T134">
                  <a:pos x="T76" y="T77"/>
                </a:cxn>
                <a:cxn ang="T135">
                  <a:pos x="T78" y="T79"/>
                </a:cxn>
                <a:cxn ang="T136">
                  <a:pos x="T80" y="T81"/>
                </a:cxn>
                <a:cxn ang="T137">
                  <a:pos x="T82" y="T83"/>
                </a:cxn>
                <a:cxn ang="T138">
                  <a:pos x="T84" y="T85"/>
                </a:cxn>
                <a:cxn ang="T139">
                  <a:pos x="T86" y="T87"/>
                </a:cxn>
                <a:cxn ang="T140">
                  <a:pos x="T88" y="T89"/>
                </a:cxn>
                <a:cxn ang="T141">
                  <a:pos x="T90" y="T91"/>
                </a:cxn>
                <a:cxn ang="T142">
                  <a:pos x="T92" y="T93"/>
                </a:cxn>
                <a:cxn ang="T143">
                  <a:pos x="T94" y="T95"/>
                </a:cxn>
              </a:cxnLst>
              <a:rect l="T144" t="T145" r="T146" b="T147"/>
              <a:pathLst>
                <a:path w="16384" h="16384">
                  <a:moveTo>
                    <a:pt x="5706" y="243"/>
                  </a:moveTo>
                  <a:lnTo>
                    <a:pt x="5950" y="0"/>
                  </a:lnTo>
                  <a:lnTo>
                    <a:pt x="6684" y="324"/>
                  </a:lnTo>
                  <a:lnTo>
                    <a:pt x="7010" y="811"/>
                  </a:lnTo>
                  <a:lnTo>
                    <a:pt x="6847" y="1217"/>
                  </a:lnTo>
                  <a:lnTo>
                    <a:pt x="6439" y="1217"/>
                  </a:lnTo>
                  <a:lnTo>
                    <a:pt x="6358" y="2514"/>
                  </a:lnTo>
                  <a:lnTo>
                    <a:pt x="6195" y="2595"/>
                  </a:lnTo>
                  <a:lnTo>
                    <a:pt x="5787" y="2352"/>
                  </a:lnTo>
                  <a:lnTo>
                    <a:pt x="6195" y="3001"/>
                  </a:lnTo>
                  <a:lnTo>
                    <a:pt x="5054" y="3407"/>
                  </a:lnTo>
                  <a:lnTo>
                    <a:pt x="5298" y="3731"/>
                  </a:lnTo>
                  <a:lnTo>
                    <a:pt x="5298" y="3974"/>
                  </a:lnTo>
                  <a:lnTo>
                    <a:pt x="5461" y="4137"/>
                  </a:lnTo>
                  <a:lnTo>
                    <a:pt x="5869" y="4055"/>
                  </a:lnTo>
                  <a:lnTo>
                    <a:pt x="6113" y="3650"/>
                  </a:lnTo>
                  <a:lnTo>
                    <a:pt x="6358" y="3812"/>
                  </a:lnTo>
                  <a:lnTo>
                    <a:pt x="6358" y="3488"/>
                  </a:lnTo>
                  <a:lnTo>
                    <a:pt x="6521" y="3163"/>
                  </a:lnTo>
                  <a:lnTo>
                    <a:pt x="6929" y="2677"/>
                  </a:lnTo>
                  <a:lnTo>
                    <a:pt x="7499" y="3244"/>
                  </a:lnTo>
                  <a:lnTo>
                    <a:pt x="7336" y="3407"/>
                  </a:lnTo>
                  <a:lnTo>
                    <a:pt x="7010" y="3731"/>
                  </a:lnTo>
                  <a:lnTo>
                    <a:pt x="6766" y="4055"/>
                  </a:lnTo>
                  <a:lnTo>
                    <a:pt x="6684" y="4542"/>
                  </a:lnTo>
                  <a:lnTo>
                    <a:pt x="6929" y="4867"/>
                  </a:lnTo>
                  <a:lnTo>
                    <a:pt x="7418" y="5272"/>
                  </a:lnTo>
                  <a:lnTo>
                    <a:pt x="7907" y="5515"/>
                  </a:lnTo>
                  <a:lnTo>
                    <a:pt x="8070" y="5353"/>
                  </a:lnTo>
                  <a:lnTo>
                    <a:pt x="7988" y="4948"/>
                  </a:lnTo>
                  <a:lnTo>
                    <a:pt x="7581" y="4623"/>
                  </a:lnTo>
                  <a:lnTo>
                    <a:pt x="7988" y="4461"/>
                  </a:lnTo>
                  <a:lnTo>
                    <a:pt x="8314" y="4704"/>
                  </a:lnTo>
                  <a:lnTo>
                    <a:pt x="8396" y="4055"/>
                  </a:lnTo>
                  <a:lnTo>
                    <a:pt x="7907" y="3488"/>
                  </a:lnTo>
                  <a:lnTo>
                    <a:pt x="8640" y="3407"/>
                  </a:lnTo>
                  <a:lnTo>
                    <a:pt x="9211" y="3488"/>
                  </a:lnTo>
                  <a:lnTo>
                    <a:pt x="9618" y="3812"/>
                  </a:lnTo>
                  <a:lnTo>
                    <a:pt x="9700" y="4218"/>
                  </a:lnTo>
                  <a:lnTo>
                    <a:pt x="9863" y="4867"/>
                  </a:lnTo>
                  <a:lnTo>
                    <a:pt x="9211" y="4867"/>
                  </a:lnTo>
                  <a:lnTo>
                    <a:pt x="9374" y="5272"/>
                  </a:lnTo>
                  <a:lnTo>
                    <a:pt x="9129" y="5434"/>
                  </a:lnTo>
                  <a:lnTo>
                    <a:pt x="9374" y="5515"/>
                  </a:lnTo>
                  <a:lnTo>
                    <a:pt x="9618" y="5921"/>
                  </a:lnTo>
                  <a:lnTo>
                    <a:pt x="9945" y="6408"/>
                  </a:lnTo>
                  <a:lnTo>
                    <a:pt x="9781" y="6813"/>
                  </a:lnTo>
                  <a:lnTo>
                    <a:pt x="10597" y="7543"/>
                  </a:lnTo>
                  <a:lnTo>
                    <a:pt x="12064" y="7949"/>
                  </a:lnTo>
                  <a:lnTo>
                    <a:pt x="13287" y="7949"/>
                  </a:lnTo>
                  <a:lnTo>
                    <a:pt x="13939" y="7868"/>
                  </a:lnTo>
                  <a:lnTo>
                    <a:pt x="14917" y="7462"/>
                  </a:lnTo>
                  <a:lnTo>
                    <a:pt x="14917" y="7786"/>
                  </a:lnTo>
                  <a:lnTo>
                    <a:pt x="15324" y="8030"/>
                  </a:lnTo>
                  <a:lnTo>
                    <a:pt x="15813" y="8354"/>
                  </a:lnTo>
                  <a:lnTo>
                    <a:pt x="16221" y="8516"/>
                  </a:lnTo>
                  <a:lnTo>
                    <a:pt x="16384" y="9084"/>
                  </a:lnTo>
                  <a:lnTo>
                    <a:pt x="15650" y="9490"/>
                  </a:lnTo>
                  <a:lnTo>
                    <a:pt x="15161" y="9814"/>
                  </a:lnTo>
                  <a:lnTo>
                    <a:pt x="15080" y="10463"/>
                  </a:lnTo>
                  <a:lnTo>
                    <a:pt x="14591" y="10625"/>
                  </a:lnTo>
                  <a:lnTo>
                    <a:pt x="14509" y="10382"/>
                  </a:lnTo>
                  <a:lnTo>
                    <a:pt x="14346" y="10544"/>
                  </a:lnTo>
                  <a:lnTo>
                    <a:pt x="14020" y="10544"/>
                  </a:lnTo>
                  <a:lnTo>
                    <a:pt x="13287" y="9652"/>
                  </a:lnTo>
                  <a:lnTo>
                    <a:pt x="13613" y="10301"/>
                  </a:lnTo>
                  <a:lnTo>
                    <a:pt x="13857" y="10706"/>
                  </a:lnTo>
                  <a:lnTo>
                    <a:pt x="14183" y="11112"/>
                  </a:lnTo>
                  <a:lnTo>
                    <a:pt x="14591" y="11355"/>
                  </a:lnTo>
                  <a:lnTo>
                    <a:pt x="14509" y="12410"/>
                  </a:lnTo>
                  <a:lnTo>
                    <a:pt x="14020" y="12329"/>
                  </a:lnTo>
                  <a:lnTo>
                    <a:pt x="13939" y="12166"/>
                  </a:lnTo>
                  <a:lnTo>
                    <a:pt x="13694" y="11923"/>
                  </a:lnTo>
                  <a:lnTo>
                    <a:pt x="13287" y="11923"/>
                  </a:lnTo>
                  <a:lnTo>
                    <a:pt x="13205" y="12572"/>
                  </a:lnTo>
                  <a:lnTo>
                    <a:pt x="13287" y="13140"/>
                  </a:lnTo>
                  <a:lnTo>
                    <a:pt x="13450" y="13140"/>
                  </a:lnTo>
                  <a:lnTo>
                    <a:pt x="13857" y="13059"/>
                  </a:lnTo>
                  <a:lnTo>
                    <a:pt x="14102" y="13221"/>
                  </a:lnTo>
                  <a:lnTo>
                    <a:pt x="13776" y="13626"/>
                  </a:lnTo>
                  <a:lnTo>
                    <a:pt x="13776" y="13789"/>
                  </a:lnTo>
                  <a:lnTo>
                    <a:pt x="13531" y="14113"/>
                  </a:lnTo>
                  <a:lnTo>
                    <a:pt x="13124" y="13951"/>
                  </a:lnTo>
                  <a:lnTo>
                    <a:pt x="12634" y="14032"/>
                  </a:lnTo>
                  <a:lnTo>
                    <a:pt x="11901" y="14113"/>
                  </a:lnTo>
                  <a:lnTo>
                    <a:pt x="11004" y="14194"/>
                  </a:lnTo>
                  <a:lnTo>
                    <a:pt x="10434" y="14356"/>
                  </a:lnTo>
                  <a:lnTo>
                    <a:pt x="9945" y="14600"/>
                  </a:lnTo>
                  <a:lnTo>
                    <a:pt x="8803" y="15411"/>
                  </a:lnTo>
                  <a:lnTo>
                    <a:pt x="8314" y="15897"/>
                  </a:lnTo>
                  <a:lnTo>
                    <a:pt x="7907" y="15573"/>
                  </a:lnTo>
                  <a:lnTo>
                    <a:pt x="7825" y="15005"/>
                  </a:lnTo>
                  <a:lnTo>
                    <a:pt x="7418" y="14681"/>
                  </a:lnTo>
                  <a:lnTo>
                    <a:pt x="7418" y="14113"/>
                  </a:lnTo>
                  <a:lnTo>
                    <a:pt x="7255" y="14032"/>
                  </a:lnTo>
                  <a:lnTo>
                    <a:pt x="6929" y="14356"/>
                  </a:lnTo>
                  <a:lnTo>
                    <a:pt x="6603" y="14437"/>
                  </a:lnTo>
                  <a:lnTo>
                    <a:pt x="6032" y="14356"/>
                  </a:lnTo>
                  <a:lnTo>
                    <a:pt x="5706" y="14600"/>
                  </a:lnTo>
                  <a:lnTo>
                    <a:pt x="5461" y="14437"/>
                  </a:lnTo>
                  <a:lnTo>
                    <a:pt x="5298" y="14437"/>
                  </a:lnTo>
                  <a:lnTo>
                    <a:pt x="4809" y="15248"/>
                  </a:lnTo>
                  <a:lnTo>
                    <a:pt x="4157" y="15330"/>
                  </a:lnTo>
                  <a:lnTo>
                    <a:pt x="3424" y="16384"/>
                  </a:lnTo>
                  <a:lnTo>
                    <a:pt x="3260" y="16303"/>
                  </a:lnTo>
                  <a:lnTo>
                    <a:pt x="2690" y="16141"/>
                  </a:lnTo>
                  <a:lnTo>
                    <a:pt x="2771" y="15816"/>
                  </a:lnTo>
                  <a:lnTo>
                    <a:pt x="2282" y="15897"/>
                  </a:lnTo>
                  <a:lnTo>
                    <a:pt x="1793" y="15816"/>
                  </a:lnTo>
                  <a:lnTo>
                    <a:pt x="2038" y="15411"/>
                  </a:lnTo>
                  <a:lnTo>
                    <a:pt x="2282" y="15248"/>
                  </a:lnTo>
                  <a:lnTo>
                    <a:pt x="2119" y="15005"/>
                  </a:lnTo>
                  <a:lnTo>
                    <a:pt x="2201" y="14762"/>
                  </a:lnTo>
                  <a:lnTo>
                    <a:pt x="2364" y="14518"/>
                  </a:lnTo>
                  <a:lnTo>
                    <a:pt x="2771" y="14356"/>
                  </a:lnTo>
                  <a:lnTo>
                    <a:pt x="2934" y="14113"/>
                  </a:lnTo>
                  <a:lnTo>
                    <a:pt x="3097" y="14032"/>
                  </a:lnTo>
                  <a:lnTo>
                    <a:pt x="3587" y="14275"/>
                  </a:lnTo>
                  <a:lnTo>
                    <a:pt x="3994" y="14275"/>
                  </a:lnTo>
                  <a:lnTo>
                    <a:pt x="4402" y="14194"/>
                  </a:lnTo>
                  <a:lnTo>
                    <a:pt x="4646" y="13545"/>
                  </a:lnTo>
                  <a:lnTo>
                    <a:pt x="4320" y="13140"/>
                  </a:lnTo>
                  <a:lnTo>
                    <a:pt x="3913" y="12815"/>
                  </a:lnTo>
                  <a:lnTo>
                    <a:pt x="3668" y="12734"/>
                  </a:lnTo>
                  <a:lnTo>
                    <a:pt x="3016" y="12572"/>
                  </a:lnTo>
                  <a:lnTo>
                    <a:pt x="2445" y="12410"/>
                  </a:lnTo>
                  <a:lnTo>
                    <a:pt x="2282" y="12734"/>
                  </a:lnTo>
                  <a:lnTo>
                    <a:pt x="2038" y="12653"/>
                  </a:lnTo>
                  <a:lnTo>
                    <a:pt x="2201" y="12410"/>
                  </a:lnTo>
                  <a:lnTo>
                    <a:pt x="2364" y="12085"/>
                  </a:lnTo>
                  <a:lnTo>
                    <a:pt x="2201" y="11599"/>
                  </a:lnTo>
                  <a:lnTo>
                    <a:pt x="1956" y="11112"/>
                  </a:lnTo>
                  <a:lnTo>
                    <a:pt x="2038" y="10950"/>
                  </a:lnTo>
                  <a:lnTo>
                    <a:pt x="1875" y="10706"/>
                  </a:lnTo>
                  <a:lnTo>
                    <a:pt x="1712" y="10463"/>
                  </a:lnTo>
                  <a:lnTo>
                    <a:pt x="1386" y="10139"/>
                  </a:lnTo>
                  <a:lnTo>
                    <a:pt x="1141" y="9976"/>
                  </a:lnTo>
                  <a:lnTo>
                    <a:pt x="897" y="9571"/>
                  </a:lnTo>
                  <a:lnTo>
                    <a:pt x="652" y="9328"/>
                  </a:lnTo>
                  <a:lnTo>
                    <a:pt x="245" y="9003"/>
                  </a:lnTo>
                  <a:lnTo>
                    <a:pt x="0" y="9003"/>
                  </a:lnTo>
                  <a:lnTo>
                    <a:pt x="163" y="8841"/>
                  </a:lnTo>
                  <a:lnTo>
                    <a:pt x="1467" y="8679"/>
                  </a:lnTo>
                  <a:lnTo>
                    <a:pt x="1956" y="8679"/>
                  </a:lnTo>
                  <a:lnTo>
                    <a:pt x="1956" y="8598"/>
                  </a:lnTo>
                  <a:lnTo>
                    <a:pt x="2201" y="8354"/>
                  </a:lnTo>
                  <a:lnTo>
                    <a:pt x="2445" y="8354"/>
                  </a:lnTo>
                  <a:lnTo>
                    <a:pt x="2771" y="8354"/>
                  </a:lnTo>
                  <a:lnTo>
                    <a:pt x="2934" y="8354"/>
                  </a:lnTo>
                  <a:lnTo>
                    <a:pt x="3260" y="8354"/>
                  </a:lnTo>
                  <a:lnTo>
                    <a:pt x="3505" y="8192"/>
                  </a:lnTo>
                  <a:lnTo>
                    <a:pt x="3668" y="7949"/>
                  </a:lnTo>
                  <a:lnTo>
                    <a:pt x="3831" y="8030"/>
                  </a:lnTo>
                  <a:lnTo>
                    <a:pt x="3994" y="8192"/>
                  </a:lnTo>
                  <a:lnTo>
                    <a:pt x="4076" y="8516"/>
                  </a:lnTo>
                  <a:lnTo>
                    <a:pt x="4402" y="8679"/>
                  </a:lnTo>
                  <a:lnTo>
                    <a:pt x="4646" y="8679"/>
                  </a:lnTo>
                  <a:lnTo>
                    <a:pt x="4728" y="8435"/>
                  </a:lnTo>
                  <a:lnTo>
                    <a:pt x="4891" y="8354"/>
                  </a:lnTo>
                  <a:lnTo>
                    <a:pt x="5135" y="8192"/>
                  </a:lnTo>
                  <a:lnTo>
                    <a:pt x="5543" y="8030"/>
                  </a:lnTo>
                  <a:lnTo>
                    <a:pt x="5869" y="8111"/>
                  </a:lnTo>
                  <a:lnTo>
                    <a:pt x="5950" y="7786"/>
                  </a:lnTo>
                  <a:lnTo>
                    <a:pt x="5787" y="7381"/>
                  </a:lnTo>
                  <a:lnTo>
                    <a:pt x="5787" y="6975"/>
                  </a:lnTo>
                  <a:lnTo>
                    <a:pt x="6032" y="6813"/>
                  </a:lnTo>
                  <a:lnTo>
                    <a:pt x="6032" y="6651"/>
                  </a:lnTo>
                  <a:lnTo>
                    <a:pt x="5706" y="6651"/>
                  </a:lnTo>
                  <a:lnTo>
                    <a:pt x="5380" y="6570"/>
                  </a:lnTo>
                  <a:lnTo>
                    <a:pt x="4891" y="6326"/>
                  </a:lnTo>
                  <a:lnTo>
                    <a:pt x="4565" y="5921"/>
                  </a:lnTo>
                  <a:lnTo>
                    <a:pt x="4320" y="6002"/>
                  </a:lnTo>
                  <a:lnTo>
                    <a:pt x="4076" y="5678"/>
                  </a:lnTo>
                  <a:lnTo>
                    <a:pt x="3994" y="5434"/>
                  </a:lnTo>
                  <a:lnTo>
                    <a:pt x="4320" y="5029"/>
                  </a:lnTo>
                  <a:lnTo>
                    <a:pt x="4239" y="4704"/>
                  </a:lnTo>
                  <a:lnTo>
                    <a:pt x="4076" y="4137"/>
                  </a:lnTo>
                  <a:lnTo>
                    <a:pt x="3750" y="3731"/>
                  </a:lnTo>
                  <a:lnTo>
                    <a:pt x="3750" y="3244"/>
                  </a:lnTo>
                  <a:lnTo>
                    <a:pt x="3260" y="3001"/>
                  </a:lnTo>
                  <a:lnTo>
                    <a:pt x="3260" y="2514"/>
                  </a:lnTo>
                  <a:lnTo>
                    <a:pt x="3097" y="2271"/>
                  </a:lnTo>
                  <a:lnTo>
                    <a:pt x="2853" y="2028"/>
                  </a:lnTo>
                  <a:lnTo>
                    <a:pt x="3179" y="1784"/>
                  </a:lnTo>
                  <a:lnTo>
                    <a:pt x="3260" y="1622"/>
                  </a:lnTo>
                  <a:lnTo>
                    <a:pt x="3913" y="1541"/>
                  </a:lnTo>
                  <a:lnTo>
                    <a:pt x="4402" y="1379"/>
                  </a:lnTo>
                  <a:lnTo>
                    <a:pt x="4565" y="1217"/>
                  </a:lnTo>
                  <a:lnTo>
                    <a:pt x="4809" y="730"/>
                  </a:lnTo>
                  <a:lnTo>
                    <a:pt x="5135" y="649"/>
                  </a:lnTo>
                  <a:lnTo>
                    <a:pt x="5298" y="973"/>
                  </a:lnTo>
                  <a:lnTo>
                    <a:pt x="5706" y="243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15" name="d14203"/>
            <xdr:cNvSpPr>
              <a:spLocks/>
            </xdr:cNvSpPr>
          </xdr:nvSpPr>
          <xdr:spPr bwMode="auto">
            <a:xfrm>
              <a:off x="4095118" y="5049978"/>
              <a:ext cx="1550621" cy="1245692"/>
            </a:xfrm>
            <a:custGeom>
              <a:avLst/>
              <a:gdLst>
                <a:gd name="T0" fmla="*/ 139044947 w 16384"/>
                <a:gd name="T1" fmla="*/ 62858620 h 16384"/>
                <a:gd name="T2" fmla="*/ 141732569 w 16384"/>
                <a:gd name="T3" fmla="*/ 66515716 h 16384"/>
                <a:gd name="T4" fmla="*/ 145324886 w 16384"/>
                <a:gd name="T5" fmla="*/ 67245892 h 16384"/>
                <a:gd name="T6" fmla="*/ 141732569 w 16384"/>
                <a:gd name="T7" fmla="*/ 72363417 h 16384"/>
                <a:gd name="T8" fmla="*/ 139044947 w 16384"/>
                <a:gd name="T9" fmla="*/ 79671623 h 16384"/>
                <a:gd name="T10" fmla="*/ 142637265 w 16384"/>
                <a:gd name="T11" fmla="*/ 86249595 h 16384"/>
                <a:gd name="T12" fmla="*/ 145324886 w 16384"/>
                <a:gd name="T13" fmla="*/ 93563634 h 16384"/>
                <a:gd name="T14" fmla="*/ 133660945 w 16384"/>
                <a:gd name="T15" fmla="*/ 93563634 h 16384"/>
                <a:gd name="T16" fmla="*/ 120205224 w 16384"/>
                <a:gd name="T17" fmla="*/ 92827472 h 16384"/>
                <a:gd name="T18" fmla="*/ 109446071 w 16384"/>
                <a:gd name="T19" fmla="*/ 94293887 h 16384"/>
                <a:gd name="T20" fmla="*/ 97782012 w 16384"/>
                <a:gd name="T21" fmla="*/ 96484568 h 16384"/>
                <a:gd name="T22" fmla="*/ 95085631 w 16384"/>
                <a:gd name="T23" fmla="*/ 87715933 h 16384"/>
                <a:gd name="T24" fmla="*/ 101365500 w 16384"/>
                <a:gd name="T25" fmla="*/ 84789090 h 16384"/>
                <a:gd name="T26" fmla="*/ 93293852 w 16384"/>
                <a:gd name="T27" fmla="*/ 81868156 h 16384"/>
                <a:gd name="T28" fmla="*/ 88805692 w 16384"/>
                <a:gd name="T29" fmla="*/ 81868156 h 16384"/>
                <a:gd name="T30" fmla="*/ 77150603 w 16384"/>
                <a:gd name="T31" fmla="*/ 87715933 h 16384"/>
                <a:gd name="T32" fmla="*/ 69070126 w 16384"/>
                <a:gd name="T33" fmla="*/ 86979771 h 16384"/>
                <a:gd name="T34" fmla="*/ 60998501 w 16384"/>
                <a:gd name="T35" fmla="*/ 81868156 h 16384"/>
                <a:gd name="T36" fmla="*/ 60102659 w 16384"/>
                <a:gd name="T37" fmla="*/ 78211117 h 16384"/>
                <a:gd name="T38" fmla="*/ 46646926 w 16384"/>
                <a:gd name="T39" fmla="*/ 76020436 h 16384"/>
                <a:gd name="T40" fmla="*/ 39471144 w 16384"/>
                <a:gd name="T41" fmla="*/ 74554098 h 16384"/>
                <a:gd name="T42" fmla="*/ 28703045 w 16384"/>
                <a:gd name="T43" fmla="*/ 73823845 h 16384"/>
                <a:gd name="T44" fmla="*/ 17943887 w 16384"/>
                <a:gd name="T45" fmla="*/ 77480865 h 16384"/>
                <a:gd name="T46" fmla="*/ 9863312 w 16384"/>
                <a:gd name="T47" fmla="*/ 78211117 h 16384"/>
                <a:gd name="T48" fmla="*/ 6279942 w 16384"/>
                <a:gd name="T49" fmla="*/ 72363417 h 16384"/>
                <a:gd name="T50" fmla="*/ 0 w 16384"/>
                <a:gd name="T51" fmla="*/ 56280666 h 16384"/>
                <a:gd name="T52" fmla="*/ 13455633 w 16384"/>
                <a:gd name="T53" fmla="*/ 51163218 h 16384"/>
                <a:gd name="T54" fmla="*/ 22423194 w 16384"/>
                <a:gd name="T55" fmla="*/ 48972537 h 16384"/>
                <a:gd name="T56" fmla="*/ 30503677 w 16384"/>
                <a:gd name="T57" fmla="*/ 48242284 h 16384"/>
                <a:gd name="T58" fmla="*/ 34982984 w 16384"/>
                <a:gd name="T59" fmla="*/ 38737478 h 16384"/>
                <a:gd name="T60" fmla="*/ 36783616 w 16384"/>
                <a:gd name="T61" fmla="*/ 35086368 h 16384"/>
                <a:gd name="T62" fmla="*/ 40367081 w 16384"/>
                <a:gd name="T63" fmla="*/ 32159524 h 16384"/>
                <a:gd name="T64" fmla="*/ 49334548 w 16384"/>
                <a:gd name="T65" fmla="*/ 30699096 h 16384"/>
                <a:gd name="T66" fmla="*/ 56519194 w 16384"/>
                <a:gd name="T67" fmla="*/ 30699096 h 16384"/>
                <a:gd name="T68" fmla="*/ 59206722 w 16384"/>
                <a:gd name="T69" fmla="*/ 22660713 h 16384"/>
                <a:gd name="T70" fmla="*/ 66382504 w 16384"/>
                <a:gd name="T71" fmla="*/ 21200208 h 16384"/>
                <a:gd name="T72" fmla="*/ 68174283 w 16384"/>
                <a:gd name="T73" fmla="*/ 15352502 h 16384"/>
                <a:gd name="T74" fmla="*/ 76254761 w 16384"/>
                <a:gd name="T75" fmla="*/ 22660713 h 16384"/>
                <a:gd name="T76" fmla="*/ 81629910 w 16384"/>
                <a:gd name="T77" fmla="*/ 27042076 h 16384"/>
                <a:gd name="T78" fmla="*/ 87014007 w 16384"/>
                <a:gd name="T79" fmla="*/ 34356115 h 16384"/>
                <a:gd name="T80" fmla="*/ 86118070 w 16384"/>
                <a:gd name="T81" fmla="*/ 24851395 h 16384"/>
                <a:gd name="T82" fmla="*/ 88805692 w 16384"/>
                <a:gd name="T83" fmla="*/ 23390889 h 16384"/>
                <a:gd name="T84" fmla="*/ 92398009 w 16384"/>
                <a:gd name="T85" fmla="*/ 24121142 h 16384"/>
                <a:gd name="T86" fmla="*/ 100469657 w 16384"/>
                <a:gd name="T87" fmla="*/ 23390889 h 16384"/>
                <a:gd name="T88" fmla="*/ 108541282 w 16384"/>
                <a:gd name="T89" fmla="*/ 24121142 h 16384"/>
                <a:gd name="T90" fmla="*/ 114821221 w 16384"/>
                <a:gd name="T91" fmla="*/ 16082755 h 16384"/>
                <a:gd name="T92" fmla="*/ 117517696 w 16384"/>
                <a:gd name="T93" fmla="*/ 21200208 h 16384"/>
                <a:gd name="T94" fmla="*/ 125589320 w 16384"/>
                <a:gd name="T95" fmla="*/ 20464123 h 16384"/>
                <a:gd name="T96" fmla="*/ 124693383 w 16384"/>
                <a:gd name="T97" fmla="*/ 10965230 h 16384"/>
                <a:gd name="T98" fmla="*/ 123797541 w 16384"/>
                <a:gd name="T99" fmla="*/ 8768637 h 16384"/>
                <a:gd name="T100" fmla="*/ 126485163 w 16384"/>
                <a:gd name="T101" fmla="*/ 0 h 16384"/>
                <a:gd name="T102" fmla="*/ 127381005 w 16384"/>
                <a:gd name="T103" fmla="*/ 4387273 h 16384"/>
                <a:gd name="T104" fmla="*/ 128276848 w 16384"/>
                <a:gd name="T105" fmla="*/ 8038385 h 16384"/>
                <a:gd name="T106" fmla="*/ 135461483 w 16384"/>
                <a:gd name="T107" fmla="*/ 8768637 h 16384"/>
                <a:gd name="T108" fmla="*/ 145324886 w 16384"/>
                <a:gd name="T109" fmla="*/ 13155912 h 16384"/>
                <a:gd name="T110" fmla="*/ 145324886 w 16384"/>
                <a:gd name="T111" fmla="*/ 22660713 h 16384"/>
                <a:gd name="T112" fmla="*/ 142637265 w 16384"/>
                <a:gd name="T113" fmla="*/ 33625862 h 16384"/>
                <a:gd name="T114" fmla="*/ 139044947 w 16384"/>
                <a:gd name="T115" fmla="*/ 41664331 h 16384"/>
                <a:gd name="T116" fmla="*/ 142637265 w 16384"/>
                <a:gd name="T117" fmla="*/ 49702713 h 16384"/>
                <a:gd name="T118" fmla="*/ 139940790 w 16384"/>
                <a:gd name="T119" fmla="*/ 57010919 h 16384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w 16384"/>
                <a:gd name="T181" fmla="*/ 0 h 16384"/>
                <a:gd name="T182" fmla="*/ 16384 w 16384"/>
                <a:gd name="T183" fmla="*/ 16384 h 16384"/>
              </a:gdLst>
              <a:ahLst/>
              <a:cxnLst>
                <a:cxn ang="T120">
                  <a:pos x="T0" y="T1"/>
                </a:cxn>
                <a:cxn ang="T121">
                  <a:pos x="T2" y="T3"/>
                </a:cxn>
                <a:cxn ang="T122">
                  <a:pos x="T4" y="T5"/>
                </a:cxn>
                <a:cxn ang="T123">
                  <a:pos x="T6" y="T7"/>
                </a:cxn>
                <a:cxn ang="T124">
                  <a:pos x="T8" y="T9"/>
                </a:cxn>
                <a:cxn ang="T125">
                  <a:pos x="T10" y="T11"/>
                </a:cxn>
                <a:cxn ang="T126">
                  <a:pos x="T12" y="T13"/>
                </a:cxn>
                <a:cxn ang="T127">
                  <a:pos x="T14" y="T15"/>
                </a:cxn>
                <a:cxn ang="T128">
                  <a:pos x="T16" y="T17"/>
                </a:cxn>
                <a:cxn ang="T129">
                  <a:pos x="T18" y="T19"/>
                </a:cxn>
                <a:cxn ang="T130">
                  <a:pos x="T20" y="T21"/>
                </a:cxn>
                <a:cxn ang="T131">
                  <a:pos x="T22" y="T23"/>
                </a:cxn>
                <a:cxn ang="T132">
                  <a:pos x="T24" y="T25"/>
                </a:cxn>
                <a:cxn ang="T133">
                  <a:pos x="T26" y="T27"/>
                </a:cxn>
                <a:cxn ang="T134">
                  <a:pos x="T28" y="T29"/>
                </a:cxn>
                <a:cxn ang="T135">
                  <a:pos x="T30" y="T31"/>
                </a:cxn>
                <a:cxn ang="T136">
                  <a:pos x="T32" y="T33"/>
                </a:cxn>
                <a:cxn ang="T137">
                  <a:pos x="T34" y="T35"/>
                </a:cxn>
                <a:cxn ang="T138">
                  <a:pos x="T36" y="T37"/>
                </a:cxn>
                <a:cxn ang="T139">
                  <a:pos x="T38" y="T39"/>
                </a:cxn>
                <a:cxn ang="T140">
                  <a:pos x="T40" y="T41"/>
                </a:cxn>
                <a:cxn ang="T141">
                  <a:pos x="T42" y="T43"/>
                </a:cxn>
                <a:cxn ang="T142">
                  <a:pos x="T44" y="T45"/>
                </a:cxn>
                <a:cxn ang="T143">
                  <a:pos x="T46" y="T47"/>
                </a:cxn>
                <a:cxn ang="T144">
                  <a:pos x="T48" y="T49"/>
                </a:cxn>
                <a:cxn ang="T145">
                  <a:pos x="T50" y="T51"/>
                </a:cxn>
                <a:cxn ang="T146">
                  <a:pos x="T52" y="T53"/>
                </a:cxn>
                <a:cxn ang="T147">
                  <a:pos x="T54" y="T55"/>
                </a:cxn>
                <a:cxn ang="T148">
                  <a:pos x="T56" y="T57"/>
                </a:cxn>
                <a:cxn ang="T149">
                  <a:pos x="T58" y="T59"/>
                </a:cxn>
                <a:cxn ang="T150">
                  <a:pos x="T60" y="T61"/>
                </a:cxn>
                <a:cxn ang="T151">
                  <a:pos x="T62" y="T63"/>
                </a:cxn>
                <a:cxn ang="T152">
                  <a:pos x="T64" y="T65"/>
                </a:cxn>
                <a:cxn ang="T153">
                  <a:pos x="T66" y="T67"/>
                </a:cxn>
                <a:cxn ang="T154">
                  <a:pos x="T68" y="T69"/>
                </a:cxn>
                <a:cxn ang="T155">
                  <a:pos x="T70" y="T71"/>
                </a:cxn>
                <a:cxn ang="T156">
                  <a:pos x="T72" y="T73"/>
                </a:cxn>
                <a:cxn ang="T157">
                  <a:pos x="T74" y="T75"/>
                </a:cxn>
                <a:cxn ang="T158">
                  <a:pos x="T76" y="T77"/>
                </a:cxn>
                <a:cxn ang="T159">
                  <a:pos x="T78" y="T79"/>
                </a:cxn>
                <a:cxn ang="T160">
                  <a:pos x="T80" y="T81"/>
                </a:cxn>
                <a:cxn ang="T161">
                  <a:pos x="T82" y="T83"/>
                </a:cxn>
                <a:cxn ang="T162">
                  <a:pos x="T84" y="T85"/>
                </a:cxn>
                <a:cxn ang="T163">
                  <a:pos x="T86" y="T87"/>
                </a:cxn>
                <a:cxn ang="T164">
                  <a:pos x="T88" y="T89"/>
                </a:cxn>
                <a:cxn ang="T165">
                  <a:pos x="T90" y="T91"/>
                </a:cxn>
                <a:cxn ang="T166">
                  <a:pos x="T92" y="T93"/>
                </a:cxn>
                <a:cxn ang="T167">
                  <a:pos x="T94" y="T95"/>
                </a:cxn>
                <a:cxn ang="T168">
                  <a:pos x="T96" y="T97"/>
                </a:cxn>
                <a:cxn ang="T169">
                  <a:pos x="T98" y="T99"/>
                </a:cxn>
                <a:cxn ang="T170">
                  <a:pos x="T100" y="T101"/>
                </a:cxn>
                <a:cxn ang="T171">
                  <a:pos x="T102" y="T103"/>
                </a:cxn>
                <a:cxn ang="T172">
                  <a:pos x="T104" y="T105"/>
                </a:cxn>
                <a:cxn ang="T173">
                  <a:pos x="T106" y="T107"/>
                </a:cxn>
                <a:cxn ang="T174">
                  <a:pos x="T108" y="T109"/>
                </a:cxn>
                <a:cxn ang="T175">
                  <a:pos x="T110" y="T111"/>
                </a:cxn>
                <a:cxn ang="T176">
                  <a:pos x="T112" y="T113"/>
                </a:cxn>
                <a:cxn ang="T177">
                  <a:pos x="T114" y="T115"/>
                </a:cxn>
                <a:cxn ang="T178">
                  <a:pos x="T116" y="T117"/>
                </a:cxn>
                <a:cxn ang="T179">
                  <a:pos x="T118" y="T119"/>
                </a:cxn>
              </a:cxnLst>
              <a:rect l="T180" t="T181" r="T182" b="T183"/>
              <a:pathLst>
                <a:path w="16384" h="16384">
                  <a:moveTo>
                    <a:pt x="15777" y="9681"/>
                  </a:moveTo>
                  <a:lnTo>
                    <a:pt x="15676" y="10674"/>
                  </a:lnTo>
                  <a:lnTo>
                    <a:pt x="15777" y="11171"/>
                  </a:lnTo>
                  <a:lnTo>
                    <a:pt x="15979" y="11295"/>
                  </a:lnTo>
                  <a:lnTo>
                    <a:pt x="16081" y="11171"/>
                  </a:lnTo>
                  <a:lnTo>
                    <a:pt x="16384" y="11419"/>
                  </a:lnTo>
                  <a:lnTo>
                    <a:pt x="16384" y="11916"/>
                  </a:lnTo>
                  <a:lnTo>
                    <a:pt x="15979" y="12288"/>
                  </a:lnTo>
                  <a:lnTo>
                    <a:pt x="15878" y="12909"/>
                  </a:lnTo>
                  <a:lnTo>
                    <a:pt x="15676" y="13529"/>
                  </a:lnTo>
                  <a:lnTo>
                    <a:pt x="15676" y="14274"/>
                  </a:lnTo>
                  <a:lnTo>
                    <a:pt x="16081" y="14646"/>
                  </a:lnTo>
                  <a:lnTo>
                    <a:pt x="16384" y="15143"/>
                  </a:lnTo>
                  <a:lnTo>
                    <a:pt x="16384" y="15888"/>
                  </a:lnTo>
                  <a:lnTo>
                    <a:pt x="15777" y="16012"/>
                  </a:lnTo>
                  <a:lnTo>
                    <a:pt x="15069" y="15888"/>
                  </a:lnTo>
                  <a:lnTo>
                    <a:pt x="14361" y="15763"/>
                  </a:lnTo>
                  <a:lnTo>
                    <a:pt x="13552" y="15763"/>
                  </a:lnTo>
                  <a:lnTo>
                    <a:pt x="12945" y="15888"/>
                  </a:lnTo>
                  <a:lnTo>
                    <a:pt x="12339" y="16012"/>
                  </a:lnTo>
                  <a:lnTo>
                    <a:pt x="11631" y="16260"/>
                  </a:lnTo>
                  <a:lnTo>
                    <a:pt x="11024" y="16384"/>
                  </a:lnTo>
                  <a:lnTo>
                    <a:pt x="10518" y="15888"/>
                  </a:lnTo>
                  <a:lnTo>
                    <a:pt x="10720" y="14895"/>
                  </a:lnTo>
                  <a:lnTo>
                    <a:pt x="11024" y="14770"/>
                  </a:lnTo>
                  <a:lnTo>
                    <a:pt x="11428" y="14398"/>
                  </a:lnTo>
                  <a:lnTo>
                    <a:pt x="11226" y="13902"/>
                  </a:lnTo>
                  <a:lnTo>
                    <a:pt x="10518" y="13902"/>
                  </a:lnTo>
                  <a:lnTo>
                    <a:pt x="10215" y="13405"/>
                  </a:lnTo>
                  <a:lnTo>
                    <a:pt x="10012" y="13902"/>
                  </a:lnTo>
                  <a:lnTo>
                    <a:pt x="9304" y="14274"/>
                  </a:lnTo>
                  <a:lnTo>
                    <a:pt x="8698" y="14895"/>
                  </a:lnTo>
                  <a:lnTo>
                    <a:pt x="7787" y="15019"/>
                  </a:lnTo>
                  <a:lnTo>
                    <a:pt x="7787" y="14770"/>
                  </a:lnTo>
                  <a:lnTo>
                    <a:pt x="7181" y="14522"/>
                  </a:lnTo>
                  <a:lnTo>
                    <a:pt x="6877" y="13902"/>
                  </a:lnTo>
                  <a:lnTo>
                    <a:pt x="6574" y="13902"/>
                  </a:lnTo>
                  <a:lnTo>
                    <a:pt x="6776" y="13281"/>
                  </a:lnTo>
                  <a:lnTo>
                    <a:pt x="6574" y="12909"/>
                  </a:lnTo>
                  <a:lnTo>
                    <a:pt x="5259" y="12909"/>
                  </a:lnTo>
                  <a:lnTo>
                    <a:pt x="5057" y="12536"/>
                  </a:lnTo>
                  <a:lnTo>
                    <a:pt x="4450" y="12660"/>
                  </a:lnTo>
                  <a:lnTo>
                    <a:pt x="4045" y="12288"/>
                  </a:lnTo>
                  <a:lnTo>
                    <a:pt x="3236" y="12536"/>
                  </a:lnTo>
                  <a:lnTo>
                    <a:pt x="2630" y="12288"/>
                  </a:lnTo>
                  <a:lnTo>
                    <a:pt x="2023" y="13157"/>
                  </a:lnTo>
                  <a:lnTo>
                    <a:pt x="1315" y="13281"/>
                  </a:lnTo>
                  <a:lnTo>
                    <a:pt x="1112" y="13281"/>
                  </a:lnTo>
                  <a:lnTo>
                    <a:pt x="1011" y="13157"/>
                  </a:lnTo>
                  <a:lnTo>
                    <a:pt x="708" y="12288"/>
                  </a:lnTo>
                  <a:lnTo>
                    <a:pt x="0" y="11667"/>
                  </a:lnTo>
                  <a:lnTo>
                    <a:pt x="0" y="9557"/>
                  </a:lnTo>
                  <a:lnTo>
                    <a:pt x="607" y="8937"/>
                  </a:lnTo>
                  <a:lnTo>
                    <a:pt x="1517" y="8688"/>
                  </a:lnTo>
                  <a:lnTo>
                    <a:pt x="2023" y="8440"/>
                  </a:lnTo>
                  <a:lnTo>
                    <a:pt x="2528" y="8316"/>
                  </a:lnTo>
                  <a:lnTo>
                    <a:pt x="3135" y="8316"/>
                  </a:lnTo>
                  <a:lnTo>
                    <a:pt x="3439" y="8192"/>
                  </a:lnTo>
                  <a:lnTo>
                    <a:pt x="3641" y="7447"/>
                  </a:lnTo>
                  <a:lnTo>
                    <a:pt x="3944" y="6578"/>
                  </a:lnTo>
                  <a:lnTo>
                    <a:pt x="4147" y="6578"/>
                  </a:lnTo>
                  <a:lnTo>
                    <a:pt x="4147" y="5958"/>
                  </a:lnTo>
                  <a:lnTo>
                    <a:pt x="4147" y="5585"/>
                  </a:lnTo>
                  <a:lnTo>
                    <a:pt x="4551" y="5461"/>
                  </a:lnTo>
                  <a:lnTo>
                    <a:pt x="5158" y="5461"/>
                  </a:lnTo>
                  <a:lnTo>
                    <a:pt x="5562" y="5213"/>
                  </a:lnTo>
                  <a:lnTo>
                    <a:pt x="6068" y="5337"/>
                  </a:lnTo>
                  <a:lnTo>
                    <a:pt x="6372" y="5213"/>
                  </a:lnTo>
                  <a:lnTo>
                    <a:pt x="6270" y="3972"/>
                  </a:lnTo>
                  <a:lnTo>
                    <a:pt x="6675" y="3848"/>
                  </a:lnTo>
                  <a:lnTo>
                    <a:pt x="7484" y="3972"/>
                  </a:lnTo>
                  <a:lnTo>
                    <a:pt x="7484" y="3600"/>
                  </a:lnTo>
                  <a:lnTo>
                    <a:pt x="7484" y="3103"/>
                  </a:lnTo>
                  <a:lnTo>
                    <a:pt x="7686" y="2607"/>
                  </a:lnTo>
                  <a:lnTo>
                    <a:pt x="7990" y="3848"/>
                  </a:lnTo>
                  <a:lnTo>
                    <a:pt x="8597" y="3848"/>
                  </a:lnTo>
                  <a:lnTo>
                    <a:pt x="8900" y="4096"/>
                  </a:lnTo>
                  <a:lnTo>
                    <a:pt x="9203" y="4592"/>
                  </a:lnTo>
                  <a:lnTo>
                    <a:pt x="9203" y="5461"/>
                  </a:lnTo>
                  <a:lnTo>
                    <a:pt x="9810" y="5834"/>
                  </a:lnTo>
                  <a:lnTo>
                    <a:pt x="9810" y="4965"/>
                  </a:lnTo>
                  <a:lnTo>
                    <a:pt x="9709" y="4220"/>
                  </a:lnTo>
                  <a:lnTo>
                    <a:pt x="9810" y="3475"/>
                  </a:lnTo>
                  <a:lnTo>
                    <a:pt x="10012" y="3972"/>
                  </a:lnTo>
                  <a:lnTo>
                    <a:pt x="10417" y="4344"/>
                  </a:lnTo>
                  <a:lnTo>
                    <a:pt x="10417" y="4096"/>
                  </a:lnTo>
                  <a:lnTo>
                    <a:pt x="10822" y="3972"/>
                  </a:lnTo>
                  <a:lnTo>
                    <a:pt x="11327" y="3972"/>
                  </a:lnTo>
                  <a:lnTo>
                    <a:pt x="11732" y="3475"/>
                  </a:lnTo>
                  <a:lnTo>
                    <a:pt x="12237" y="4096"/>
                  </a:lnTo>
                  <a:lnTo>
                    <a:pt x="12642" y="4220"/>
                  </a:lnTo>
                  <a:lnTo>
                    <a:pt x="12945" y="2731"/>
                  </a:lnTo>
                  <a:lnTo>
                    <a:pt x="13249" y="2855"/>
                  </a:lnTo>
                  <a:lnTo>
                    <a:pt x="13249" y="3600"/>
                  </a:lnTo>
                  <a:lnTo>
                    <a:pt x="13047" y="4468"/>
                  </a:lnTo>
                  <a:lnTo>
                    <a:pt x="14159" y="3475"/>
                  </a:lnTo>
                  <a:lnTo>
                    <a:pt x="14361" y="2358"/>
                  </a:lnTo>
                  <a:lnTo>
                    <a:pt x="14058" y="1862"/>
                  </a:lnTo>
                  <a:lnTo>
                    <a:pt x="13856" y="1489"/>
                  </a:lnTo>
                  <a:lnTo>
                    <a:pt x="13957" y="1489"/>
                  </a:lnTo>
                  <a:lnTo>
                    <a:pt x="14058" y="0"/>
                  </a:lnTo>
                  <a:lnTo>
                    <a:pt x="14260" y="0"/>
                  </a:lnTo>
                  <a:lnTo>
                    <a:pt x="14159" y="496"/>
                  </a:lnTo>
                  <a:lnTo>
                    <a:pt x="14361" y="745"/>
                  </a:lnTo>
                  <a:lnTo>
                    <a:pt x="14361" y="1241"/>
                  </a:lnTo>
                  <a:lnTo>
                    <a:pt x="14462" y="1365"/>
                  </a:lnTo>
                  <a:lnTo>
                    <a:pt x="14564" y="1614"/>
                  </a:lnTo>
                  <a:lnTo>
                    <a:pt x="15272" y="1489"/>
                  </a:lnTo>
                  <a:lnTo>
                    <a:pt x="16283" y="1614"/>
                  </a:lnTo>
                  <a:lnTo>
                    <a:pt x="16384" y="2234"/>
                  </a:lnTo>
                  <a:lnTo>
                    <a:pt x="16384" y="2979"/>
                  </a:lnTo>
                  <a:lnTo>
                    <a:pt x="16384" y="3848"/>
                  </a:lnTo>
                  <a:lnTo>
                    <a:pt x="16081" y="4717"/>
                  </a:lnTo>
                  <a:lnTo>
                    <a:pt x="16081" y="5710"/>
                  </a:lnTo>
                  <a:lnTo>
                    <a:pt x="15777" y="6703"/>
                  </a:lnTo>
                  <a:lnTo>
                    <a:pt x="15676" y="7075"/>
                  </a:lnTo>
                  <a:lnTo>
                    <a:pt x="15979" y="7944"/>
                  </a:lnTo>
                  <a:lnTo>
                    <a:pt x="16081" y="8440"/>
                  </a:lnTo>
                  <a:lnTo>
                    <a:pt x="15878" y="8688"/>
                  </a:lnTo>
                  <a:lnTo>
                    <a:pt x="15777" y="9681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16" name="d14204"/>
            <xdr:cNvSpPr>
              <a:spLocks/>
            </xdr:cNvSpPr>
          </xdr:nvSpPr>
          <xdr:spPr bwMode="auto">
            <a:xfrm>
              <a:off x="6920482" y="5513703"/>
              <a:ext cx="1236691" cy="909264"/>
            </a:xfrm>
            <a:custGeom>
              <a:avLst/>
              <a:gdLst>
                <a:gd name="T0" fmla="*/ 87181651 w 16384"/>
                <a:gd name="T1" fmla="*/ 27111362 h 16384"/>
                <a:gd name="T2" fmla="*/ 86472857 w 16384"/>
                <a:gd name="T3" fmla="*/ 31895726 h 16384"/>
                <a:gd name="T4" fmla="*/ 90725619 w 16384"/>
                <a:gd name="T5" fmla="*/ 35085298 h 16384"/>
                <a:gd name="T6" fmla="*/ 86472857 w 16384"/>
                <a:gd name="T7" fmla="*/ 36680083 h 16384"/>
                <a:gd name="T8" fmla="*/ 81511302 w 16384"/>
                <a:gd name="T9" fmla="*/ 39869654 h 16384"/>
                <a:gd name="T10" fmla="*/ 71588173 w 16384"/>
                <a:gd name="T11" fmla="*/ 42526570 h 16384"/>
                <a:gd name="T12" fmla="*/ 63791443 w 16384"/>
                <a:gd name="T13" fmla="*/ 46248797 h 16384"/>
                <a:gd name="T14" fmla="*/ 53868333 w 16384"/>
                <a:gd name="T15" fmla="*/ 50500498 h 16384"/>
                <a:gd name="T16" fmla="*/ 48906778 w 16384"/>
                <a:gd name="T17" fmla="*/ 46248797 h 16384"/>
                <a:gd name="T18" fmla="*/ 39692461 w 16384"/>
                <a:gd name="T19" fmla="*/ 46248797 h 16384"/>
                <a:gd name="T20" fmla="*/ 36857277 w 16384"/>
                <a:gd name="T21" fmla="*/ 49970968 h 16384"/>
                <a:gd name="T22" fmla="*/ 30478134 w 16384"/>
                <a:gd name="T23" fmla="*/ 51033154 h 16384"/>
                <a:gd name="T24" fmla="*/ 22681405 w 16384"/>
                <a:gd name="T25" fmla="*/ 49438368 h 16384"/>
                <a:gd name="T26" fmla="*/ 15593464 w 16384"/>
                <a:gd name="T27" fmla="*/ 48376182 h 16384"/>
                <a:gd name="T28" fmla="*/ 6379145 w 16384"/>
                <a:gd name="T29" fmla="*/ 47843582 h 16384"/>
                <a:gd name="T30" fmla="*/ 2126381 w 16384"/>
                <a:gd name="T31" fmla="*/ 46781397 h 16384"/>
                <a:gd name="T32" fmla="*/ 2835176 w 16384"/>
                <a:gd name="T33" fmla="*/ 43059226 h 16384"/>
                <a:gd name="T34" fmla="*/ 7796732 w 16384"/>
                <a:gd name="T35" fmla="*/ 39336999 h 16384"/>
                <a:gd name="T36" fmla="*/ 8505526 w 16384"/>
                <a:gd name="T37" fmla="*/ 32957856 h 16384"/>
                <a:gd name="T38" fmla="*/ 12049496 w 16384"/>
                <a:gd name="T39" fmla="*/ 28706148 h 16384"/>
                <a:gd name="T40" fmla="*/ 17011051 w 16384"/>
                <a:gd name="T41" fmla="*/ 27111362 h 16384"/>
                <a:gd name="T42" fmla="*/ 24098992 w 16384"/>
                <a:gd name="T43" fmla="*/ 20199564 h 16384"/>
                <a:gd name="T44" fmla="*/ 19137432 w 16384"/>
                <a:gd name="T45" fmla="*/ 19137434 h 16384"/>
                <a:gd name="T46" fmla="*/ 16302258 w 16384"/>
                <a:gd name="T47" fmla="*/ 14353074 h 16384"/>
                <a:gd name="T48" fmla="*/ 8505526 w 16384"/>
                <a:gd name="T49" fmla="*/ 9568717 h 16384"/>
                <a:gd name="T50" fmla="*/ 7796732 w 16384"/>
                <a:gd name="T51" fmla="*/ 5846489 h 16384"/>
                <a:gd name="T52" fmla="*/ 13467083 w 16384"/>
                <a:gd name="T53" fmla="*/ 0 h 16384"/>
                <a:gd name="T54" fmla="*/ 23390198 w 16384"/>
                <a:gd name="T55" fmla="*/ 5317014 h 16384"/>
                <a:gd name="T56" fmla="*/ 30478134 w 16384"/>
                <a:gd name="T57" fmla="*/ 6379144 h 16384"/>
                <a:gd name="T58" fmla="*/ 41110048 w 16384"/>
                <a:gd name="T59" fmla="*/ 10630847 h 16384"/>
                <a:gd name="T60" fmla="*/ 48906778 w 16384"/>
                <a:gd name="T61" fmla="*/ 4784359 h 16384"/>
                <a:gd name="T62" fmla="*/ 52450746 w 16384"/>
                <a:gd name="T63" fmla="*/ 9036062 h 16384"/>
                <a:gd name="T64" fmla="*/ 57412301 w 16384"/>
                <a:gd name="T65" fmla="*/ 14353074 h 16384"/>
                <a:gd name="T66" fmla="*/ 64500237 w 16384"/>
                <a:gd name="T67" fmla="*/ 17542649 h 16384"/>
                <a:gd name="T68" fmla="*/ 70170586 w 16384"/>
                <a:gd name="T69" fmla="*/ 17009993 h 16384"/>
                <a:gd name="T70" fmla="*/ 72296967 w 16384"/>
                <a:gd name="T71" fmla="*/ 24454447 h 16384"/>
                <a:gd name="T72" fmla="*/ 78676128 w 16384"/>
                <a:gd name="T73" fmla="*/ 25516577 h 16384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w 16384"/>
                <a:gd name="T112" fmla="*/ 0 h 16384"/>
                <a:gd name="T113" fmla="*/ 16384 w 16384"/>
                <a:gd name="T114" fmla="*/ 16384 h 16384"/>
              </a:gdLst>
              <a:ahLst/>
              <a:cxnLst>
                <a:cxn ang="T74">
                  <a:pos x="T0" y="T1"/>
                </a:cxn>
                <a:cxn ang="T75">
                  <a:pos x="T2" y="T3"/>
                </a:cxn>
                <a:cxn ang="T76">
                  <a:pos x="T4" y="T5"/>
                </a:cxn>
                <a:cxn ang="T77">
                  <a:pos x="T6" y="T7"/>
                </a:cxn>
                <a:cxn ang="T78">
                  <a:pos x="T8" y="T9"/>
                </a:cxn>
                <a:cxn ang="T79">
                  <a:pos x="T10" y="T11"/>
                </a:cxn>
                <a:cxn ang="T80">
                  <a:pos x="T12" y="T13"/>
                </a:cxn>
                <a:cxn ang="T81">
                  <a:pos x="T14" y="T15"/>
                </a:cxn>
                <a:cxn ang="T82">
                  <a:pos x="T16" y="T17"/>
                </a:cxn>
                <a:cxn ang="T83">
                  <a:pos x="T18" y="T19"/>
                </a:cxn>
                <a:cxn ang="T84">
                  <a:pos x="T20" y="T21"/>
                </a:cxn>
                <a:cxn ang="T85">
                  <a:pos x="T22" y="T23"/>
                </a:cxn>
                <a:cxn ang="T86">
                  <a:pos x="T24" y="T25"/>
                </a:cxn>
                <a:cxn ang="T87">
                  <a:pos x="T26" y="T27"/>
                </a:cxn>
                <a:cxn ang="T88">
                  <a:pos x="T28" y="T29"/>
                </a:cxn>
                <a:cxn ang="T89">
                  <a:pos x="T30" y="T31"/>
                </a:cxn>
                <a:cxn ang="T90">
                  <a:pos x="T32" y="T33"/>
                </a:cxn>
                <a:cxn ang="T91">
                  <a:pos x="T34" y="T35"/>
                </a:cxn>
                <a:cxn ang="T92">
                  <a:pos x="T36" y="T37"/>
                </a:cxn>
                <a:cxn ang="T93">
                  <a:pos x="T38" y="T39"/>
                </a:cxn>
                <a:cxn ang="T94">
                  <a:pos x="T40" y="T41"/>
                </a:cxn>
                <a:cxn ang="T95">
                  <a:pos x="T42" y="T43"/>
                </a:cxn>
                <a:cxn ang="T96">
                  <a:pos x="T44" y="T45"/>
                </a:cxn>
                <a:cxn ang="T97">
                  <a:pos x="T46" y="T47"/>
                </a:cxn>
                <a:cxn ang="T98">
                  <a:pos x="T48" y="T49"/>
                </a:cxn>
                <a:cxn ang="T99">
                  <a:pos x="T50" y="T51"/>
                </a:cxn>
                <a:cxn ang="T100">
                  <a:pos x="T52" y="T53"/>
                </a:cxn>
                <a:cxn ang="T101">
                  <a:pos x="T54" y="T55"/>
                </a:cxn>
                <a:cxn ang="T102">
                  <a:pos x="T56" y="T57"/>
                </a:cxn>
                <a:cxn ang="T103">
                  <a:pos x="T58" y="T59"/>
                </a:cxn>
                <a:cxn ang="T104">
                  <a:pos x="T60" y="T61"/>
                </a:cxn>
                <a:cxn ang="T105">
                  <a:pos x="T62" y="T63"/>
                </a:cxn>
                <a:cxn ang="T106">
                  <a:pos x="T64" y="T65"/>
                </a:cxn>
                <a:cxn ang="T107">
                  <a:pos x="T66" y="T67"/>
                </a:cxn>
                <a:cxn ang="T108">
                  <a:pos x="T68" y="T69"/>
                </a:cxn>
                <a:cxn ang="T109">
                  <a:pos x="T70" y="T71"/>
                </a:cxn>
                <a:cxn ang="T110">
                  <a:pos x="T72" y="T73"/>
                </a:cxn>
              </a:cxnLst>
              <a:rect l="T111" t="T112" r="T113" b="T114"/>
              <a:pathLst>
                <a:path w="16384" h="16384">
                  <a:moveTo>
                    <a:pt x="15360" y="8021"/>
                  </a:moveTo>
                  <a:lnTo>
                    <a:pt x="15744" y="8704"/>
                  </a:lnTo>
                  <a:lnTo>
                    <a:pt x="15616" y="9557"/>
                  </a:lnTo>
                  <a:lnTo>
                    <a:pt x="15616" y="10240"/>
                  </a:lnTo>
                  <a:lnTo>
                    <a:pt x="16000" y="10752"/>
                  </a:lnTo>
                  <a:lnTo>
                    <a:pt x="16384" y="11264"/>
                  </a:lnTo>
                  <a:lnTo>
                    <a:pt x="16256" y="11947"/>
                  </a:lnTo>
                  <a:lnTo>
                    <a:pt x="15616" y="11776"/>
                  </a:lnTo>
                  <a:lnTo>
                    <a:pt x="14976" y="12629"/>
                  </a:lnTo>
                  <a:lnTo>
                    <a:pt x="14720" y="12800"/>
                  </a:lnTo>
                  <a:lnTo>
                    <a:pt x="13440" y="13653"/>
                  </a:lnTo>
                  <a:lnTo>
                    <a:pt x="12928" y="13653"/>
                  </a:lnTo>
                  <a:lnTo>
                    <a:pt x="12032" y="14848"/>
                  </a:lnTo>
                  <a:lnTo>
                    <a:pt x="11520" y="14848"/>
                  </a:lnTo>
                  <a:lnTo>
                    <a:pt x="10496" y="15701"/>
                  </a:lnTo>
                  <a:lnTo>
                    <a:pt x="9728" y="16213"/>
                  </a:lnTo>
                  <a:lnTo>
                    <a:pt x="9344" y="15531"/>
                  </a:lnTo>
                  <a:lnTo>
                    <a:pt x="8832" y="14848"/>
                  </a:lnTo>
                  <a:lnTo>
                    <a:pt x="8064" y="14848"/>
                  </a:lnTo>
                  <a:lnTo>
                    <a:pt x="7168" y="14848"/>
                  </a:lnTo>
                  <a:lnTo>
                    <a:pt x="7040" y="15189"/>
                  </a:lnTo>
                  <a:lnTo>
                    <a:pt x="6656" y="16043"/>
                  </a:lnTo>
                  <a:lnTo>
                    <a:pt x="6016" y="16384"/>
                  </a:lnTo>
                  <a:lnTo>
                    <a:pt x="5504" y="16384"/>
                  </a:lnTo>
                  <a:lnTo>
                    <a:pt x="4736" y="16213"/>
                  </a:lnTo>
                  <a:lnTo>
                    <a:pt x="4096" y="15872"/>
                  </a:lnTo>
                  <a:lnTo>
                    <a:pt x="3456" y="15701"/>
                  </a:lnTo>
                  <a:lnTo>
                    <a:pt x="2816" y="15531"/>
                  </a:lnTo>
                  <a:lnTo>
                    <a:pt x="1920" y="15360"/>
                  </a:lnTo>
                  <a:lnTo>
                    <a:pt x="1152" y="15360"/>
                  </a:lnTo>
                  <a:lnTo>
                    <a:pt x="512" y="15189"/>
                  </a:lnTo>
                  <a:lnTo>
                    <a:pt x="384" y="15019"/>
                  </a:lnTo>
                  <a:lnTo>
                    <a:pt x="0" y="15189"/>
                  </a:lnTo>
                  <a:lnTo>
                    <a:pt x="512" y="13824"/>
                  </a:lnTo>
                  <a:lnTo>
                    <a:pt x="1024" y="13312"/>
                  </a:lnTo>
                  <a:lnTo>
                    <a:pt x="1408" y="12629"/>
                  </a:lnTo>
                  <a:lnTo>
                    <a:pt x="1408" y="11947"/>
                  </a:lnTo>
                  <a:lnTo>
                    <a:pt x="1536" y="10581"/>
                  </a:lnTo>
                  <a:lnTo>
                    <a:pt x="1920" y="10411"/>
                  </a:lnTo>
                  <a:lnTo>
                    <a:pt x="2176" y="9216"/>
                  </a:lnTo>
                  <a:lnTo>
                    <a:pt x="2560" y="8875"/>
                  </a:lnTo>
                  <a:lnTo>
                    <a:pt x="3072" y="8704"/>
                  </a:lnTo>
                  <a:lnTo>
                    <a:pt x="4096" y="7339"/>
                  </a:lnTo>
                  <a:lnTo>
                    <a:pt x="4352" y="6485"/>
                  </a:lnTo>
                  <a:lnTo>
                    <a:pt x="4096" y="5973"/>
                  </a:lnTo>
                  <a:lnTo>
                    <a:pt x="3456" y="6144"/>
                  </a:lnTo>
                  <a:lnTo>
                    <a:pt x="3584" y="4949"/>
                  </a:lnTo>
                  <a:lnTo>
                    <a:pt x="2944" y="4608"/>
                  </a:lnTo>
                  <a:lnTo>
                    <a:pt x="2560" y="3072"/>
                  </a:lnTo>
                  <a:lnTo>
                    <a:pt x="1536" y="3072"/>
                  </a:lnTo>
                  <a:lnTo>
                    <a:pt x="1280" y="2389"/>
                  </a:lnTo>
                  <a:lnTo>
                    <a:pt x="1408" y="1877"/>
                  </a:lnTo>
                  <a:lnTo>
                    <a:pt x="2048" y="1365"/>
                  </a:lnTo>
                  <a:lnTo>
                    <a:pt x="2432" y="0"/>
                  </a:lnTo>
                  <a:lnTo>
                    <a:pt x="3328" y="1024"/>
                  </a:lnTo>
                  <a:lnTo>
                    <a:pt x="4224" y="1707"/>
                  </a:lnTo>
                  <a:lnTo>
                    <a:pt x="5120" y="2048"/>
                  </a:lnTo>
                  <a:lnTo>
                    <a:pt x="5504" y="2048"/>
                  </a:lnTo>
                  <a:lnTo>
                    <a:pt x="6144" y="2731"/>
                  </a:lnTo>
                  <a:lnTo>
                    <a:pt x="7424" y="3413"/>
                  </a:lnTo>
                  <a:lnTo>
                    <a:pt x="8448" y="2560"/>
                  </a:lnTo>
                  <a:lnTo>
                    <a:pt x="8832" y="1536"/>
                  </a:lnTo>
                  <a:lnTo>
                    <a:pt x="9216" y="1877"/>
                  </a:lnTo>
                  <a:lnTo>
                    <a:pt x="9472" y="2901"/>
                  </a:lnTo>
                  <a:lnTo>
                    <a:pt x="9728" y="3584"/>
                  </a:lnTo>
                  <a:lnTo>
                    <a:pt x="10368" y="4608"/>
                  </a:lnTo>
                  <a:lnTo>
                    <a:pt x="11136" y="5291"/>
                  </a:lnTo>
                  <a:lnTo>
                    <a:pt x="11648" y="5632"/>
                  </a:lnTo>
                  <a:lnTo>
                    <a:pt x="12544" y="5461"/>
                  </a:lnTo>
                  <a:lnTo>
                    <a:pt x="12672" y="5461"/>
                  </a:lnTo>
                  <a:lnTo>
                    <a:pt x="13056" y="6827"/>
                  </a:lnTo>
                  <a:lnTo>
                    <a:pt x="13056" y="7851"/>
                  </a:lnTo>
                  <a:lnTo>
                    <a:pt x="13568" y="8192"/>
                  </a:lnTo>
                  <a:lnTo>
                    <a:pt x="14208" y="8192"/>
                  </a:lnTo>
                  <a:lnTo>
                    <a:pt x="15360" y="8021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17" name="d14205"/>
            <xdr:cNvSpPr>
              <a:spLocks/>
            </xdr:cNvSpPr>
          </xdr:nvSpPr>
          <xdr:spPr bwMode="auto">
            <a:xfrm>
              <a:off x="5864538" y="4668087"/>
              <a:ext cx="1388900" cy="1700324"/>
            </a:xfrm>
            <a:custGeom>
              <a:avLst/>
              <a:gdLst>
                <a:gd name="T0" fmla="*/ 2147483647 w 146"/>
                <a:gd name="T1" fmla="*/ 1451610106 h 181"/>
                <a:gd name="T2" fmla="*/ 2147483647 w 146"/>
                <a:gd name="T3" fmla="*/ 2086689267 h 181"/>
                <a:gd name="T4" fmla="*/ 2147483647 w 146"/>
                <a:gd name="T5" fmla="*/ 2147483647 h 181"/>
                <a:gd name="T6" fmla="*/ 2147483647 w 146"/>
                <a:gd name="T7" fmla="*/ 2147483647 h 181"/>
                <a:gd name="T8" fmla="*/ 2147483647 w 146"/>
                <a:gd name="T9" fmla="*/ 2147483647 h 181"/>
                <a:gd name="T10" fmla="*/ 2147483647 w 146"/>
                <a:gd name="T11" fmla="*/ 2147483647 h 181"/>
                <a:gd name="T12" fmla="*/ 2147483647 w 146"/>
                <a:gd name="T13" fmla="*/ 2147483647 h 181"/>
                <a:gd name="T14" fmla="*/ 2147483647 w 146"/>
                <a:gd name="T15" fmla="*/ 2147483647 h 181"/>
                <a:gd name="T16" fmla="*/ 2147483647 w 146"/>
                <a:gd name="T17" fmla="*/ 2147483647 h 181"/>
                <a:gd name="T18" fmla="*/ 2147483647 w 146"/>
                <a:gd name="T19" fmla="*/ 2147483647 h 181"/>
                <a:gd name="T20" fmla="*/ 2147483647 w 146"/>
                <a:gd name="T21" fmla="*/ 2147483647 h 181"/>
                <a:gd name="T22" fmla="*/ 2147483647 w 146"/>
                <a:gd name="T23" fmla="*/ 2147483647 h 181"/>
                <a:gd name="T24" fmla="*/ 2147483647 w 146"/>
                <a:gd name="T25" fmla="*/ 2147483647 h 181"/>
                <a:gd name="T26" fmla="*/ 2147483647 w 146"/>
                <a:gd name="T27" fmla="*/ 2147483647 h 181"/>
                <a:gd name="T28" fmla="*/ 2147483647 w 146"/>
                <a:gd name="T29" fmla="*/ 2147483647 h 181"/>
                <a:gd name="T30" fmla="*/ 2147483647 w 146"/>
                <a:gd name="T31" fmla="*/ 2147483647 h 181"/>
                <a:gd name="T32" fmla="*/ 2147483647 w 146"/>
                <a:gd name="T33" fmla="*/ 2147483647 h 181"/>
                <a:gd name="T34" fmla="*/ 2147483647 w 146"/>
                <a:gd name="T35" fmla="*/ 2147483647 h 181"/>
                <a:gd name="T36" fmla="*/ 2147483647 w 146"/>
                <a:gd name="T37" fmla="*/ 2147483647 h 181"/>
                <a:gd name="T38" fmla="*/ 2147483647 w 146"/>
                <a:gd name="T39" fmla="*/ 2147483647 h 181"/>
                <a:gd name="T40" fmla="*/ 2147483647 w 146"/>
                <a:gd name="T41" fmla="*/ 2147483647 h 181"/>
                <a:gd name="T42" fmla="*/ 2147483647 w 146"/>
                <a:gd name="T43" fmla="*/ 2147483647 h 181"/>
                <a:gd name="T44" fmla="*/ 2147483647 w 146"/>
                <a:gd name="T45" fmla="*/ 2147483647 h 181"/>
                <a:gd name="T46" fmla="*/ 2147483647 w 146"/>
                <a:gd name="T47" fmla="*/ 2147483647 h 181"/>
                <a:gd name="T48" fmla="*/ 2147483647 w 146"/>
                <a:gd name="T49" fmla="*/ 2147483647 h 181"/>
                <a:gd name="T50" fmla="*/ 2147483647 w 146"/>
                <a:gd name="T51" fmla="*/ 2147483647 h 181"/>
                <a:gd name="T52" fmla="*/ 2147483647 w 146"/>
                <a:gd name="T53" fmla="*/ 2147483647 h 181"/>
                <a:gd name="T54" fmla="*/ 2147483647 w 146"/>
                <a:gd name="T55" fmla="*/ 2147483647 h 181"/>
                <a:gd name="T56" fmla="*/ 2147483647 w 146"/>
                <a:gd name="T57" fmla="*/ 2147483647 h 181"/>
                <a:gd name="T58" fmla="*/ 2147483647 w 146"/>
                <a:gd name="T59" fmla="*/ 2147483647 h 181"/>
                <a:gd name="T60" fmla="*/ 2147483647 w 146"/>
                <a:gd name="T61" fmla="*/ 2147483647 h 181"/>
                <a:gd name="T62" fmla="*/ 2147483647 w 146"/>
                <a:gd name="T63" fmla="*/ 2147483647 h 181"/>
                <a:gd name="T64" fmla="*/ 2147483647 w 146"/>
                <a:gd name="T65" fmla="*/ 2147483647 h 181"/>
                <a:gd name="T66" fmla="*/ 2147483647 w 146"/>
                <a:gd name="T67" fmla="*/ 2147483647 h 181"/>
                <a:gd name="T68" fmla="*/ 2147483647 w 146"/>
                <a:gd name="T69" fmla="*/ 2147483647 h 181"/>
                <a:gd name="T70" fmla="*/ 2147483647 w 146"/>
                <a:gd name="T71" fmla="*/ 2147483647 h 181"/>
                <a:gd name="T72" fmla="*/ 2147483647 w 146"/>
                <a:gd name="T73" fmla="*/ 2147483647 h 181"/>
                <a:gd name="T74" fmla="*/ 2147483647 w 146"/>
                <a:gd name="T75" fmla="*/ 2147483647 h 181"/>
                <a:gd name="T76" fmla="*/ 1179432930 w 146"/>
                <a:gd name="T77" fmla="*/ 2147483647 h 181"/>
                <a:gd name="T78" fmla="*/ 635079407 w 146"/>
                <a:gd name="T79" fmla="*/ 2147483647 h 181"/>
                <a:gd name="T80" fmla="*/ 181451249 w 146"/>
                <a:gd name="T81" fmla="*/ 2147483647 h 181"/>
                <a:gd name="T82" fmla="*/ 0 w 146"/>
                <a:gd name="T83" fmla="*/ 2147483647 h 181"/>
                <a:gd name="T84" fmla="*/ 453628084 w 146"/>
                <a:gd name="T85" fmla="*/ 2147483647 h 181"/>
                <a:gd name="T86" fmla="*/ 997981755 w 146"/>
                <a:gd name="T87" fmla="*/ 2147483647 h 181"/>
                <a:gd name="T88" fmla="*/ 1451609988 w 146"/>
                <a:gd name="T89" fmla="*/ 2147483647 h 181"/>
                <a:gd name="T90" fmla="*/ 2147483647 w 146"/>
                <a:gd name="T91" fmla="*/ 1723786889 h 181"/>
                <a:gd name="T92" fmla="*/ 2147483647 w 146"/>
                <a:gd name="T93" fmla="*/ 1633061295 h 181"/>
                <a:gd name="T94" fmla="*/ 2147483647 w 146"/>
                <a:gd name="T95" fmla="*/ 2086689267 h 181"/>
                <a:gd name="T96" fmla="*/ 2147483647 w 146"/>
                <a:gd name="T97" fmla="*/ 2147483647 h 181"/>
                <a:gd name="T98" fmla="*/ 2147483647 w 146"/>
                <a:gd name="T99" fmla="*/ 2147483647 h 181"/>
                <a:gd name="T100" fmla="*/ 2147483647 w 146"/>
                <a:gd name="T101" fmla="*/ 1995963672 h 181"/>
                <a:gd name="T102" fmla="*/ 2147483647 w 146"/>
                <a:gd name="T103" fmla="*/ 635079459 h 181"/>
                <a:gd name="T104" fmla="*/ 2147483647 w 146"/>
                <a:gd name="T105" fmla="*/ 725805053 h 181"/>
                <a:gd name="T106" fmla="*/ 2147483647 w 146"/>
                <a:gd name="T107" fmla="*/ 907256242 h 181"/>
                <a:gd name="T108" fmla="*/ 2147483647 w 146"/>
                <a:gd name="T109" fmla="*/ 0 h 181"/>
                <a:gd name="T110" fmla="*/ 2147483647 w 146"/>
                <a:gd name="T111" fmla="*/ 997981836 h 181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w 146"/>
                <a:gd name="T169" fmla="*/ 0 h 181"/>
                <a:gd name="T170" fmla="*/ 146 w 146"/>
                <a:gd name="T171" fmla="*/ 181 h 181"/>
              </a:gdLst>
              <a:ahLst/>
              <a:cxnLst>
                <a:cxn ang="T112">
                  <a:pos x="T0" y="T1"/>
                </a:cxn>
                <a:cxn ang="T113">
                  <a:pos x="T2" y="T3"/>
                </a:cxn>
                <a:cxn ang="T114">
                  <a:pos x="T4" y="T5"/>
                </a:cxn>
                <a:cxn ang="T115">
                  <a:pos x="T6" y="T7"/>
                </a:cxn>
                <a:cxn ang="T116">
                  <a:pos x="T8" y="T9"/>
                </a:cxn>
                <a:cxn ang="T117">
                  <a:pos x="T10" y="T11"/>
                </a:cxn>
                <a:cxn ang="T118">
                  <a:pos x="T12" y="T13"/>
                </a:cxn>
                <a:cxn ang="T119">
                  <a:pos x="T14" y="T15"/>
                </a:cxn>
                <a:cxn ang="T120">
                  <a:pos x="T16" y="T17"/>
                </a:cxn>
                <a:cxn ang="T121">
                  <a:pos x="T18" y="T19"/>
                </a:cxn>
                <a:cxn ang="T122">
                  <a:pos x="T20" y="T21"/>
                </a:cxn>
                <a:cxn ang="T123">
                  <a:pos x="T22" y="T23"/>
                </a:cxn>
                <a:cxn ang="T124">
                  <a:pos x="T24" y="T25"/>
                </a:cxn>
                <a:cxn ang="T125">
                  <a:pos x="T26" y="T27"/>
                </a:cxn>
                <a:cxn ang="T126">
                  <a:pos x="T28" y="T29"/>
                </a:cxn>
                <a:cxn ang="T127">
                  <a:pos x="T30" y="T31"/>
                </a:cxn>
                <a:cxn ang="T128">
                  <a:pos x="T32" y="T33"/>
                </a:cxn>
                <a:cxn ang="T129">
                  <a:pos x="T34" y="T35"/>
                </a:cxn>
                <a:cxn ang="T130">
                  <a:pos x="T36" y="T37"/>
                </a:cxn>
                <a:cxn ang="T131">
                  <a:pos x="T38" y="T39"/>
                </a:cxn>
                <a:cxn ang="T132">
                  <a:pos x="T40" y="T41"/>
                </a:cxn>
                <a:cxn ang="T133">
                  <a:pos x="T42" y="T43"/>
                </a:cxn>
                <a:cxn ang="T134">
                  <a:pos x="T44" y="T45"/>
                </a:cxn>
                <a:cxn ang="T135">
                  <a:pos x="T46" y="T47"/>
                </a:cxn>
                <a:cxn ang="T136">
                  <a:pos x="T48" y="T49"/>
                </a:cxn>
                <a:cxn ang="T137">
                  <a:pos x="T50" y="T51"/>
                </a:cxn>
                <a:cxn ang="T138">
                  <a:pos x="T52" y="T53"/>
                </a:cxn>
                <a:cxn ang="T139">
                  <a:pos x="T54" y="T55"/>
                </a:cxn>
                <a:cxn ang="T140">
                  <a:pos x="T56" y="T57"/>
                </a:cxn>
                <a:cxn ang="T141">
                  <a:pos x="T58" y="T59"/>
                </a:cxn>
                <a:cxn ang="T142">
                  <a:pos x="T60" y="T61"/>
                </a:cxn>
                <a:cxn ang="T143">
                  <a:pos x="T62" y="T63"/>
                </a:cxn>
                <a:cxn ang="T144">
                  <a:pos x="T64" y="T65"/>
                </a:cxn>
                <a:cxn ang="T145">
                  <a:pos x="T66" y="T67"/>
                </a:cxn>
                <a:cxn ang="T146">
                  <a:pos x="T68" y="T69"/>
                </a:cxn>
                <a:cxn ang="T147">
                  <a:pos x="T70" y="T71"/>
                </a:cxn>
                <a:cxn ang="T148">
                  <a:pos x="T72" y="T73"/>
                </a:cxn>
                <a:cxn ang="T149">
                  <a:pos x="T74" y="T75"/>
                </a:cxn>
                <a:cxn ang="T150">
                  <a:pos x="T76" y="T77"/>
                </a:cxn>
                <a:cxn ang="T151">
                  <a:pos x="T78" y="T79"/>
                </a:cxn>
                <a:cxn ang="T152">
                  <a:pos x="T80" y="T81"/>
                </a:cxn>
                <a:cxn ang="T153">
                  <a:pos x="T82" y="T83"/>
                </a:cxn>
                <a:cxn ang="T154">
                  <a:pos x="T84" y="T85"/>
                </a:cxn>
                <a:cxn ang="T155">
                  <a:pos x="T86" y="T87"/>
                </a:cxn>
                <a:cxn ang="T156">
                  <a:pos x="T88" y="T89"/>
                </a:cxn>
                <a:cxn ang="T157">
                  <a:pos x="T90" y="T91"/>
                </a:cxn>
                <a:cxn ang="T158">
                  <a:pos x="T92" y="T93"/>
                </a:cxn>
                <a:cxn ang="T159">
                  <a:pos x="T94" y="T95"/>
                </a:cxn>
                <a:cxn ang="T160">
                  <a:pos x="T96" y="T97"/>
                </a:cxn>
                <a:cxn ang="T161">
                  <a:pos x="T98" y="T99"/>
                </a:cxn>
                <a:cxn ang="T162">
                  <a:pos x="T100" y="T101"/>
                </a:cxn>
                <a:cxn ang="T163">
                  <a:pos x="T102" y="T103"/>
                </a:cxn>
                <a:cxn ang="T164">
                  <a:pos x="T104" y="T105"/>
                </a:cxn>
                <a:cxn ang="T165">
                  <a:pos x="T106" y="T107"/>
                </a:cxn>
                <a:cxn ang="T166">
                  <a:pos x="T108" y="T109"/>
                </a:cxn>
                <a:cxn ang="T167">
                  <a:pos x="T110" y="T111"/>
                </a:cxn>
              </a:cxnLst>
              <a:rect l="T168" t="T169" r="T170" b="T171"/>
              <a:pathLst>
                <a:path w="146" h="181">
                  <a:moveTo>
                    <a:pt x="94" y="14"/>
                  </a:moveTo>
                  <a:lnTo>
                    <a:pt x="98" y="16"/>
                  </a:lnTo>
                  <a:lnTo>
                    <a:pt x="101" y="19"/>
                  </a:lnTo>
                  <a:lnTo>
                    <a:pt x="101" y="23"/>
                  </a:lnTo>
                  <a:lnTo>
                    <a:pt x="100" y="29"/>
                  </a:lnTo>
                  <a:lnTo>
                    <a:pt x="99" y="36"/>
                  </a:lnTo>
                  <a:lnTo>
                    <a:pt x="100" y="40"/>
                  </a:lnTo>
                  <a:lnTo>
                    <a:pt x="99" y="44"/>
                  </a:lnTo>
                  <a:lnTo>
                    <a:pt x="101" y="48"/>
                  </a:lnTo>
                  <a:lnTo>
                    <a:pt x="102" y="54"/>
                  </a:lnTo>
                  <a:lnTo>
                    <a:pt x="102" y="58"/>
                  </a:lnTo>
                  <a:lnTo>
                    <a:pt x="106" y="61"/>
                  </a:lnTo>
                  <a:lnTo>
                    <a:pt x="108" y="65"/>
                  </a:lnTo>
                  <a:lnTo>
                    <a:pt x="110" y="66"/>
                  </a:lnTo>
                  <a:lnTo>
                    <a:pt x="112" y="72"/>
                  </a:lnTo>
                  <a:lnTo>
                    <a:pt x="115" y="74"/>
                  </a:lnTo>
                  <a:lnTo>
                    <a:pt x="119" y="77"/>
                  </a:lnTo>
                  <a:lnTo>
                    <a:pt x="121" y="81"/>
                  </a:lnTo>
                  <a:lnTo>
                    <a:pt x="120" y="85"/>
                  </a:lnTo>
                  <a:lnTo>
                    <a:pt x="116" y="88"/>
                  </a:lnTo>
                  <a:lnTo>
                    <a:pt x="114" y="93"/>
                  </a:lnTo>
                  <a:lnTo>
                    <a:pt x="112" y="98"/>
                  </a:lnTo>
                  <a:lnTo>
                    <a:pt x="111" y="105"/>
                  </a:lnTo>
                  <a:lnTo>
                    <a:pt x="117" y="107"/>
                  </a:lnTo>
                  <a:lnTo>
                    <a:pt x="122" y="106"/>
                  </a:lnTo>
                  <a:lnTo>
                    <a:pt x="124" y="110"/>
                  </a:lnTo>
                  <a:lnTo>
                    <a:pt x="132" y="110"/>
                  </a:lnTo>
                  <a:lnTo>
                    <a:pt x="135" y="119"/>
                  </a:lnTo>
                  <a:lnTo>
                    <a:pt x="140" y="121"/>
                  </a:lnTo>
                  <a:lnTo>
                    <a:pt x="139" y="128"/>
                  </a:lnTo>
                  <a:lnTo>
                    <a:pt x="144" y="127"/>
                  </a:lnTo>
                  <a:lnTo>
                    <a:pt x="146" y="130"/>
                  </a:lnTo>
                  <a:lnTo>
                    <a:pt x="144" y="135"/>
                  </a:lnTo>
                  <a:lnTo>
                    <a:pt x="136" y="143"/>
                  </a:lnTo>
                  <a:lnTo>
                    <a:pt x="132" y="144"/>
                  </a:lnTo>
                  <a:lnTo>
                    <a:pt x="129" y="146"/>
                  </a:lnTo>
                  <a:lnTo>
                    <a:pt x="127" y="153"/>
                  </a:lnTo>
                  <a:lnTo>
                    <a:pt x="124" y="154"/>
                  </a:lnTo>
                  <a:lnTo>
                    <a:pt x="123" y="162"/>
                  </a:lnTo>
                  <a:lnTo>
                    <a:pt x="123" y="166"/>
                  </a:lnTo>
                  <a:lnTo>
                    <a:pt x="120" y="170"/>
                  </a:lnTo>
                  <a:lnTo>
                    <a:pt x="116" y="173"/>
                  </a:lnTo>
                  <a:lnTo>
                    <a:pt x="112" y="181"/>
                  </a:lnTo>
                  <a:lnTo>
                    <a:pt x="109" y="181"/>
                  </a:lnTo>
                  <a:lnTo>
                    <a:pt x="106" y="181"/>
                  </a:lnTo>
                  <a:lnTo>
                    <a:pt x="100" y="177"/>
                  </a:lnTo>
                  <a:lnTo>
                    <a:pt x="95" y="171"/>
                  </a:lnTo>
                  <a:lnTo>
                    <a:pt x="89" y="169"/>
                  </a:lnTo>
                  <a:lnTo>
                    <a:pt x="82" y="167"/>
                  </a:lnTo>
                  <a:lnTo>
                    <a:pt x="73" y="166"/>
                  </a:lnTo>
                  <a:lnTo>
                    <a:pt x="66" y="165"/>
                  </a:lnTo>
                  <a:lnTo>
                    <a:pt x="59" y="163"/>
                  </a:lnTo>
                  <a:lnTo>
                    <a:pt x="53" y="163"/>
                  </a:lnTo>
                  <a:lnTo>
                    <a:pt x="54" y="157"/>
                  </a:lnTo>
                  <a:lnTo>
                    <a:pt x="56" y="150"/>
                  </a:lnTo>
                  <a:lnTo>
                    <a:pt x="58" y="144"/>
                  </a:lnTo>
                  <a:lnTo>
                    <a:pt x="60" y="137"/>
                  </a:lnTo>
                  <a:lnTo>
                    <a:pt x="61" y="130"/>
                  </a:lnTo>
                  <a:lnTo>
                    <a:pt x="58" y="126"/>
                  </a:lnTo>
                  <a:lnTo>
                    <a:pt x="58" y="122"/>
                  </a:lnTo>
                  <a:lnTo>
                    <a:pt x="56" y="116"/>
                  </a:lnTo>
                  <a:lnTo>
                    <a:pt x="52" y="112"/>
                  </a:lnTo>
                  <a:lnTo>
                    <a:pt x="51" y="104"/>
                  </a:lnTo>
                  <a:lnTo>
                    <a:pt x="52" y="99"/>
                  </a:lnTo>
                  <a:lnTo>
                    <a:pt x="55" y="98"/>
                  </a:lnTo>
                  <a:lnTo>
                    <a:pt x="56" y="92"/>
                  </a:lnTo>
                  <a:lnTo>
                    <a:pt x="48" y="92"/>
                  </a:lnTo>
                  <a:lnTo>
                    <a:pt x="49" y="86"/>
                  </a:lnTo>
                  <a:lnTo>
                    <a:pt x="47" y="85"/>
                  </a:lnTo>
                  <a:lnTo>
                    <a:pt x="44" y="89"/>
                  </a:lnTo>
                  <a:lnTo>
                    <a:pt x="40" y="87"/>
                  </a:lnTo>
                  <a:lnTo>
                    <a:pt x="44" y="85"/>
                  </a:lnTo>
                  <a:lnTo>
                    <a:pt x="44" y="81"/>
                  </a:lnTo>
                  <a:lnTo>
                    <a:pt x="47" y="76"/>
                  </a:lnTo>
                  <a:lnTo>
                    <a:pt x="44" y="69"/>
                  </a:lnTo>
                  <a:lnTo>
                    <a:pt x="35" y="71"/>
                  </a:lnTo>
                  <a:lnTo>
                    <a:pt x="28" y="68"/>
                  </a:lnTo>
                  <a:lnTo>
                    <a:pt x="13" y="78"/>
                  </a:lnTo>
                  <a:lnTo>
                    <a:pt x="11" y="76"/>
                  </a:lnTo>
                  <a:lnTo>
                    <a:pt x="7" y="69"/>
                  </a:lnTo>
                  <a:lnTo>
                    <a:pt x="8" y="60"/>
                  </a:lnTo>
                  <a:lnTo>
                    <a:pt x="2" y="59"/>
                  </a:lnTo>
                  <a:lnTo>
                    <a:pt x="4" y="51"/>
                  </a:lnTo>
                  <a:lnTo>
                    <a:pt x="0" y="49"/>
                  </a:lnTo>
                  <a:lnTo>
                    <a:pt x="2" y="44"/>
                  </a:lnTo>
                  <a:lnTo>
                    <a:pt x="5" y="44"/>
                  </a:lnTo>
                  <a:lnTo>
                    <a:pt x="8" y="46"/>
                  </a:lnTo>
                  <a:lnTo>
                    <a:pt x="11" y="43"/>
                  </a:lnTo>
                  <a:lnTo>
                    <a:pt x="14" y="42"/>
                  </a:lnTo>
                  <a:lnTo>
                    <a:pt x="16" y="36"/>
                  </a:lnTo>
                  <a:lnTo>
                    <a:pt x="21" y="29"/>
                  </a:lnTo>
                  <a:lnTo>
                    <a:pt x="25" y="19"/>
                  </a:lnTo>
                  <a:lnTo>
                    <a:pt x="38" y="23"/>
                  </a:lnTo>
                  <a:lnTo>
                    <a:pt x="38" y="18"/>
                  </a:lnTo>
                  <a:lnTo>
                    <a:pt x="46" y="19"/>
                  </a:lnTo>
                  <a:lnTo>
                    <a:pt x="55" y="23"/>
                  </a:lnTo>
                  <a:lnTo>
                    <a:pt x="59" y="27"/>
                  </a:lnTo>
                  <a:lnTo>
                    <a:pt x="60" y="34"/>
                  </a:lnTo>
                  <a:lnTo>
                    <a:pt x="65" y="37"/>
                  </a:lnTo>
                  <a:lnTo>
                    <a:pt x="64" y="32"/>
                  </a:lnTo>
                  <a:lnTo>
                    <a:pt x="72" y="32"/>
                  </a:lnTo>
                  <a:lnTo>
                    <a:pt x="76" y="22"/>
                  </a:lnTo>
                  <a:lnTo>
                    <a:pt x="72" y="17"/>
                  </a:lnTo>
                  <a:lnTo>
                    <a:pt x="61" y="7"/>
                  </a:lnTo>
                  <a:lnTo>
                    <a:pt x="66" y="5"/>
                  </a:lnTo>
                  <a:lnTo>
                    <a:pt x="69" y="8"/>
                  </a:lnTo>
                  <a:lnTo>
                    <a:pt x="73" y="9"/>
                  </a:lnTo>
                  <a:lnTo>
                    <a:pt x="78" y="10"/>
                  </a:lnTo>
                  <a:lnTo>
                    <a:pt x="82" y="12"/>
                  </a:lnTo>
                  <a:lnTo>
                    <a:pt x="84" y="0"/>
                  </a:lnTo>
                  <a:lnTo>
                    <a:pt x="88" y="1"/>
                  </a:lnTo>
                  <a:lnTo>
                    <a:pt x="87" y="11"/>
                  </a:lnTo>
                  <a:lnTo>
                    <a:pt x="94" y="14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18" name="d14206"/>
            <xdr:cNvSpPr>
              <a:spLocks/>
            </xdr:cNvSpPr>
          </xdr:nvSpPr>
          <xdr:spPr bwMode="auto">
            <a:xfrm>
              <a:off x="2021282" y="6022891"/>
              <a:ext cx="2045297" cy="2082215"/>
            </a:xfrm>
            <a:custGeom>
              <a:avLst/>
              <a:gdLst>
                <a:gd name="T0" fmla="*/ 105467673 w 16384"/>
                <a:gd name="T1" fmla="*/ 18356013 h 16384"/>
                <a:gd name="T2" fmla="*/ 117323913 w 16384"/>
                <a:gd name="T3" fmla="*/ 9788802 h 16384"/>
                <a:gd name="T4" fmla="*/ 142197301 w 16384"/>
                <a:gd name="T5" fmla="*/ 25701755 h 16384"/>
                <a:gd name="T6" fmla="*/ 151685378 w 16384"/>
                <a:gd name="T7" fmla="*/ 18356013 h 16384"/>
                <a:gd name="T8" fmla="*/ 158789741 w 16384"/>
                <a:gd name="T9" fmla="*/ 6124152 h 16384"/>
                <a:gd name="T10" fmla="*/ 171822285 w 16384"/>
                <a:gd name="T11" fmla="*/ 0 h 16384"/>
                <a:gd name="T12" fmla="*/ 181310362 w 16384"/>
                <a:gd name="T13" fmla="*/ 12231859 h 16384"/>
                <a:gd name="T14" fmla="*/ 196711070 w 16384"/>
                <a:gd name="T15" fmla="*/ 25701755 h 16384"/>
                <a:gd name="T16" fmla="*/ 202639251 w 16384"/>
                <a:gd name="T17" fmla="*/ 35490561 h 16384"/>
                <a:gd name="T18" fmla="*/ 220407997 w 16384"/>
                <a:gd name="T19" fmla="*/ 20799069 h 16384"/>
                <a:gd name="T20" fmla="*/ 242928618 w 16384"/>
                <a:gd name="T21" fmla="*/ 19577605 h 16384"/>
                <a:gd name="T22" fmla="*/ 248856800 w 16384"/>
                <a:gd name="T23" fmla="*/ 24480291 h 16384"/>
                <a:gd name="T24" fmla="*/ 251224963 w 16384"/>
                <a:gd name="T25" fmla="*/ 40376674 h 16384"/>
                <a:gd name="T26" fmla="*/ 251224963 w 16384"/>
                <a:gd name="T27" fmla="*/ 53846566 h 16384"/>
                <a:gd name="T28" fmla="*/ 251224963 w 16384"/>
                <a:gd name="T29" fmla="*/ 61192308 h 16384"/>
                <a:gd name="T30" fmla="*/ 250033106 w 16384"/>
                <a:gd name="T31" fmla="*/ 75867235 h 16384"/>
                <a:gd name="T32" fmla="*/ 233440541 w 16384"/>
                <a:gd name="T33" fmla="*/ 83212977 h 16384"/>
                <a:gd name="T34" fmla="*/ 212111777 w 16384"/>
                <a:gd name="T35" fmla="*/ 94223368 h 16384"/>
                <a:gd name="T36" fmla="*/ 191974869 w 16384"/>
                <a:gd name="T37" fmla="*/ 111357780 h 16384"/>
                <a:gd name="T38" fmla="*/ 171822285 w 16384"/>
                <a:gd name="T39" fmla="*/ 127270857 h 16384"/>
                <a:gd name="T40" fmla="*/ 154053540 w 16384"/>
                <a:gd name="T41" fmla="*/ 138281151 h 16384"/>
                <a:gd name="T42" fmla="*/ 130356582 w 16384"/>
                <a:gd name="T43" fmla="*/ 157875322 h 16384"/>
                <a:gd name="T44" fmla="*/ 119692075 w 16384"/>
                <a:gd name="T45" fmla="*/ 167664121 h 16384"/>
                <a:gd name="T46" fmla="*/ 112572161 w 16384"/>
                <a:gd name="T47" fmla="*/ 187241589 h 16384"/>
                <a:gd name="T48" fmla="*/ 113764018 w 16384"/>
                <a:gd name="T49" fmla="*/ 220272633 h 16384"/>
                <a:gd name="T50" fmla="*/ 109027693 w 16384"/>
                <a:gd name="T51" fmla="*/ 238628637 h 16384"/>
                <a:gd name="T52" fmla="*/ 109027693 w 16384"/>
                <a:gd name="T53" fmla="*/ 257001216 h 16384"/>
                <a:gd name="T54" fmla="*/ 109027693 w 16384"/>
                <a:gd name="T55" fmla="*/ 268011478 h 16384"/>
                <a:gd name="T56" fmla="*/ 73474526 w 16384"/>
                <a:gd name="T57" fmla="*/ 253320122 h 16384"/>
                <a:gd name="T58" fmla="*/ 54513784 w 16384"/>
                <a:gd name="T59" fmla="*/ 248434010 h 16384"/>
                <a:gd name="T60" fmla="*/ 37921344 w 16384"/>
                <a:gd name="T61" fmla="*/ 237407173 h 16384"/>
                <a:gd name="T62" fmla="*/ 23696935 w 16384"/>
                <a:gd name="T63" fmla="*/ 233742525 h 16384"/>
                <a:gd name="T64" fmla="*/ 29625117 w 16384"/>
                <a:gd name="T65" fmla="*/ 217829577 h 16384"/>
                <a:gd name="T66" fmla="*/ 33185019 w 16384"/>
                <a:gd name="T67" fmla="*/ 203154666 h 16384"/>
                <a:gd name="T68" fmla="*/ 43849402 w 16384"/>
                <a:gd name="T69" fmla="*/ 192127830 h 16384"/>
                <a:gd name="T70" fmla="*/ 59250109 w 16384"/>
                <a:gd name="T71" fmla="*/ 184782087 h 16384"/>
                <a:gd name="T72" fmla="*/ 73474526 w 16384"/>
                <a:gd name="T73" fmla="*/ 182339031 h 16384"/>
                <a:gd name="T74" fmla="*/ 78210851 w 16384"/>
                <a:gd name="T75" fmla="*/ 171328641 h 16384"/>
                <a:gd name="T76" fmla="*/ 85315214 w 16384"/>
                <a:gd name="T77" fmla="*/ 159096786 h 16384"/>
                <a:gd name="T78" fmla="*/ 68738201 w 16384"/>
                <a:gd name="T79" fmla="*/ 159096786 h 16384"/>
                <a:gd name="T80" fmla="*/ 56881947 w 16384"/>
                <a:gd name="T81" fmla="*/ 157875322 h 16384"/>
                <a:gd name="T82" fmla="*/ 47393870 w 16384"/>
                <a:gd name="T83" fmla="*/ 150529580 h 16384"/>
                <a:gd name="T84" fmla="*/ 42657669 w 16384"/>
                <a:gd name="T85" fmla="*/ 160318378 h 16384"/>
                <a:gd name="T86" fmla="*/ 24888792 w 16384"/>
                <a:gd name="T87" fmla="*/ 161539842 h 16384"/>
                <a:gd name="T88" fmla="*/ 15400711 w 16384"/>
                <a:gd name="T89" fmla="*/ 151751044 h 16384"/>
                <a:gd name="T90" fmla="*/ 4736327 w 16384"/>
                <a:gd name="T91" fmla="*/ 146848486 h 16384"/>
                <a:gd name="T92" fmla="*/ 0 w 16384"/>
                <a:gd name="T93" fmla="*/ 140740781 h 16384"/>
                <a:gd name="T94" fmla="*/ 10664386 w 16384"/>
                <a:gd name="T95" fmla="*/ 129713913 h 16384"/>
                <a:gd name="T96" fmla="*/ 5928059 w 16384"/>
                <a:gd name="T97" fmla="*/ 119925115 h 16384"/>
                <a:gd name="T98" fmla="*/ 0 w 16384"/>
                <a:gd name="T99" fmla="*/ 105250204 h 16384"/>
                <a:gd name="T100" fmla="*/ 17768878 w 16384"/>
                <a:gd name="T101" fmla="*/ 100347518 h 16384"/>
                <a:gd name="T102" fmla="*/ 40289507 w 16384"/>
                <a:gd name="T103" fmla="*/ 94223368 h 16384"/>
                <a:gd name="T104" fmla="*/ 74650832 w 16384"/>
                <a:gd name="T105" fmla="*/ 88115663 h 16384"/>
                <a:gd name="T106" fmla="*/ 84138909 w 16384"/>
                <a:gd name="T107" fmla="*/ 79548457 h 16384"/>
                <a:gd name="T108" fmla="*/ 93611559 w 16384"/>
                <a:gd name="T109" fmla="*/ 75867235 h 16384"/>
                <a:gd name="T110" fmla="*/ 101907778 w 16384"/>
                <a:gd name="T111" fmla="*/ 66078420 h 16384"/>
                <a:gd name="T112" fmla="*/ 101907778 w 16384"/>
                <a:gd name="T113" fmla="*/ 50182046 h 16384"/>
                <a:gd name="T114" fmla="*/ 99539616 w 16384"/>
                <a:gd name="T115" fmla="*/ 39155210 h 16384"/>
                <a:gd name="T116" fmla="*/ 103099635 w 16384"/>
                <a:gd name="T117" fmla="*/ 29366403 h 16384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w 16384"/>
                <a:gd name="T178" fmla="*/ 0 h 16384"/>
                <a:gd name="T179" fmla="*/ 16384 w 16384"/>
                <a:gd name="T180" fmla="*/ 16384 h 16384"/>
              </a:gdLst>
              <a:ahLst/>
              <a:cxnLst>
                <a:cxn ang="T118">
                  <a:pos x="T0" y="T1"/>
                </a:cxn>
                <a:cxn ang="T119">
                  <a:pos x="T2" y="T3"/>
                </a:cxn>
                <a:cxn ang="T120">
                  <a:pos x="T4" y="T5"/>
                </a:cxn>
                <a:cxn ang="T121">
                  <a:pos x="T6" y="T7"/>
                </a:cxn>
                <a:cxn ang="T122">
                  <a:pos x="T8" y="T9"/>
                </a:cxn>
                <a:cxn ang="T123">
                  <a:pos x="T10" y="T11"/>
                </a:cxn>
                <a:cxn ang="T124">
                  <a:pos x="T12" y="T13"/>
                </a:cxn>
                <a:cxn ang="T125">
                  <a:pos x="T14" y="T15"/>
                </a:cxn>
                <a:cxn ang="T126">
                  <a:pos x="T16" y="T17"/>
                </a:cxn>
                <a:cxn ang="T127">
                  <a:pos x="T18" y="T19"/>
                </a:cxn>
                <a:cxn ang="T128">
                  <a:pos x="T20" y="T21"/>
                </a:cxn>
                <a:cxn ang="T129">
                  <a:pos x="T22" y="T23"/>
                </a:cxn>
                <a:cxn ang="T130">
                  <a:pos x="T24" y="T25"/>
                </a:cxn>
                <a:cxn ang="T131">
                  <a:pos x="T26" y="T27"/>
                </a:cxn>
                <a:cxn ang="T132">
                  <a:pos x="T28" y="T29"/>
                </a:cxn>
                <a:cxn ang="T133">
                  <a:pos x="T30" y="T31"/>
                </a:cxn>
                <a:cxn ang="T134">
                  <a:pos x="T32" y="T33"/>
                </a:cxn>
                <a:cxn ang="T135">
                  <a:pos x="T34" y="T35"/>
                </a:cxn>
                <a:cxn ang="T136">
                  <a:pos x="T36" y="T37"/>
                </a:cxn>
                <a:cxn ang="T137">
                  <a:pos x="T38" y="T39"/>
                </a:cxn>
                <a:cxn ang="T138">
                  <a:pos x="T40" y="T41"/>
                </a:cxn>
                <a:cxn ang="T139">
                  <a:pos x="T42" y="T43"/>
                </a:cxn>
                <a:cxn ang="T140">
                  <a:pos x="T44" y="T45"/>
                </a:cxn>
                <a:cxn ang="T141">
                  <a:pos x="T46" y="T47"/>
                </a:cxn>
                <a:cxn ang="T142">
                  <a:pos x="T48" y="T49"/>
                </a:cxn>
                <a:cxn ang="T143">
                  <a:pos x="T50" y="T51"/>
                </a:cxn>
                <a:cxn ang="T144">
                  <a:pos x="T52" y="T53"/>
                </a:cxn>
                <a:cxn ang="T145">
                  <a:pos x="T54" y="T55"/>
                </a:cxn>
                <a:cxn ang="T146">
                  <a:pos x="T56" y="T57"/>
                </a:cxn>
                <a:cxn ang="T147">
                  <a:pos x="T58" y="T59"/>
                </a:cxn>
                <a:cxn ang="T148">
                  <a:pos x="T60" y="T61"/>
                </a:cxn>
                <a:cxn ang="T149">
                  <a:pos x="T62" y="T63"/>
                </a:cxn>
                <a:cxn ang="T150">
                  <a:pos x="T64" y="T65"/>
                </a:cxn>
                <a:cxn ang="T151">
                  <a:pos x="T66" y="T67"/>
                </a:cxn>
                <a:cxn ang="T152">
                  <a:pos x="T68" y="T69"/>
                </a:cxn>
                <a:cxn ang="T153">
                  <a:pos x="T70" y="T71"/>
                </a:cxn>
                <a:cxn ang="T154">
                  <a:pos x="T72" y="T73"/>
                </a:cxn>
                <a:cxn ang="T155">
                  <a:pos x="T74" y="T75"/>
                </a:cxn>
                <a:cxn ang="T156">
                  <a:pos x="T76" y="T77"/>
                </a:cxn>
                <a:cxn ang="T157">
                  <a:pos x="T78" y="T79"/>
                </a:cxn>
                <a:cxn ang="T158">
                  <a:pos x="T80" y="T81"/>
                </a:cxn>
                <a:cxn ang="T159">
                  <a:pos x="T82" y="T83"/>
                </a:cxn>
                <a:cxn ang="T160">
                  <a:pos x="T84" y="T85"/>
                </a:cxn>
                <a:cxn ang="T161">
                  <a:pos x="T86" y="T87"/>
                </a:cxn>
                <a:cxn ang="T162">
                  <a:pos x="T88" y="T89"/>
                </a:cxn>
                <a:cxn ang="T163">
                  <a:pos x="T90" y="T91"/>
                </a:cxn>
                <a:cxn ang="T164">
                  <a:pos x="T92" y="T93"/>
                </a:cxn>
                <a:cxn ang="T165">
                  <a:pos x="T94" y="T95"/>
                </a:cxn>
                <a:cxn ang="T166">
                  <a:pos x="T96" y="T97"/>
                </a:cxn>
                <a:cxn ang="T167">
                  <a:pos x="T98" y="T99"/>
                </a:cxn>
                <a:cxn ang="T168">
                  <a:pos x="T100" y="T101"/>
                </a:cxn>
                <a:cxn ang="T169">
                  <a:pos x="T102" y="T103"/>
                </a:cxn>
                <a:cxn ang="T170">
                  <a:pos x="T104" y="T105"/>
                </a:cxn>
                <a:cxn ang="T171">
                  <a:pos x="T106" y="T107"/>
                </a:cxn>
                <a:cxn ang="T172">
                  <a:pos x="T108" y="T109"/>
                </a:cxn>
                <a:cxn ang="T173">
                  <a:pos x="T110" y="T111"/>
                </a:cxn>
                <a:cxn ang="T174">
                  <a:pos x="T112" y="T113"/>
                </a:cxn>
                <a:cxn ang="T175">
                  <a:pos x="T114" y="T115"/>
                </a:cxn>
                <a:cxn ang="T176">
                  <a:pos x="T116" y="T117"/>
                </a:cxn>
              </a:cxnLst>
              <a:rect l="T177" t="T178" r="T179" b="T180"/>
              <a:pathLst>
                <a:path w="16384" h="16384">
                  <a:moveTo>
                    <a:pt x="6508" y="1483"/>
                  </a:moveTo>
                  <a:lnTo>
                    <a:pt x="6584" y="1260"/>
                  </a:lnTo>
                  <a:lnTo>
                    <a:pt x="6814" y="1112"/>
                  </a:lnTo>
                  <a:lnTo>
                    <a:pt x="7120" y="964"/>
                  </a:lnTo>
                  <a:lnTo>
                    <a:pt x="7273" y="593"/>
                  </a:lnTo>
                  <a:lnTo>
                    <a:pt x="7580" y="593"/>
                  </a:lnTo>
                  <a:lnTo>
                    <a:pt x="8269" y="1705"/>
                  </a:lnTo>
                  <a:lnTo>
                    <a:pt x="8804" y="1779"/>
                  </a:lnTo>
                  <a:lnTo>
                    <a:pt x="9187" y="1557"/>
                  </a:lnTo>
                  <a:lnTo>
                    <a:pt x="9570" y="1186"/>
                  </a:lnTo>
                  <a:lnTo>
                    <a:pt x="9647" y="1409"/>
                  </a:lnTo>
                  <a:lnTo>
                    <a:pt x="9800" y="1112"/>
                  </a:lnTo>
                  <a:lnTo>
                    <a:pt x="9953" y="890"/>
                  </a:lnTo>
                  <a:lnTo>
                    <a:pt x="10183" y="741"/>
                  </a:lnTo>
                  <a:lnTo>
                    <a:pt x="10259" y="371"/>
                  </a:lnTo>
                  <a:lnTo>
                    <a:pt x="10336" y="297"/>
                  </a:lnTo>
                  <a:lnTo>
                    <a:pt x="10948" y="148"/>
                  </a:lnTo>
                  <a:lnTo>
                    <a:pt x="11101" y="0"/>
                  </a:lnTo>
                  <a:lnTo>
                    <a:pt x="11254" y="74"/>
                  </a:lnTo>
                  <a:lnTo>
                    <a:pt x="11331" y="222"/>
                  </a:lnTo>
                  <a:lnTo>
                    <a:pt x="11714" y="741"/>
                  </a:lnTo>
                  <a:lnTo>
                    <a:pt x="11943" y="1038"/>
                  </a:lnTo>
                  <a:lnTo>
                    <a:pt x="12250" y="1260"/>
                  </a:lnTo>
                  <a:lnTo>
                    <a:pt x="12709" y="1557"/>
                  </a:lnTo>
                  <a:lnTo>
                    <a:pt x="12862" y="1557"/>
                  </a:lnTo>
                  <a:lnTo>
                    <a:pt x="13092" y="1853"/>
                  </a:lnTo>
                  <a:lnTo>
                    <a:pt x="13092" y="2150"/>
                  </a:lnTo>
                  <a:lnTo>
                    <a:pt x="13551" y="1928"/>
                  </a:lnTo>
                  <a:lnTo>
                    <a:pt x="13857" y="1705"/>
                  </a:lnTo>
                  <a:lnTo>
                    <a:pt x="14240" y="1260"/>
                  </a:lnTo>
                  <a:lnTo>
                    <a:pt x="14853" y="1483"/>
                  </a:lnTo>
                  <a:lnTo>
                    <a:pt x="15312" y="1483"/>
                  </a:lnTo>
                  <a:lnTo>
                    <a:pt x="15695" y="1186"/>
                  </a:lnTo>
                  <a:lnTo>
                    <a:pt x="15848" y="1038"/>
                  </a:lnTo>
                  <a:lnTo>
                    <a:pt x="15925" y="1334"/>
                  </a:lnTo>
                  <a:lnTo>
                    <a:pt x="16078" y="1483"/>
                  </a:lnTo>
                  <a:lnTo>
                    <a:pt x="16384" y="1631"/>
                  </a:lnTo>
                  <a:lnTo>
                    <a:pt x="16231" y="2150"/>
                  </a:lnTo>
                  <a:lnTo>
                    <a:pt x="16231" y="2446"/>
                  </a:lnTo>
                  <a:lnTo>
                    <a:pt x="16307" y="2669"/>
                  </a:lnTo>
                  <a:lnTo>
                    <a:pt x="16307" y="2891"/>
                  </a:lnTo>
                  <a:lnTo>
                    <a:pt x="16231" y="3262"/>
                  </a:lnTo>
                  <a:lnTo>
                    <a:pt x="16078" y="3484"/>
                  </a:lnTo>
                  <a:lnTo>
                    <a:pt x="16231" y="3559"/>
                  </a:lnTo>
                  <a:lnTo>
                    <a:pt x="16231" y="3707"/>
                  </a:lnTo>
                  <a:lnTo>
                    <a:pt x="16078" y="3855"/>
                  </a:lnTo>
                  <a:lnTo>
                    <a:pt x="16001" y="4226"/>
                  </a:lnTo>
                  <a:lnTo>
                    <a:pt x="16154" y="4596"/>
                  </a:lnTo>
                  <a:lnTo>
                    <a:pt x="15772" y="4745"/>
                  </a:lnTo>
                  <a:lnTo>
                    <a:pt x="15465" y="4893"/>
                  </a:lnTo>
                  <a:lnTo>
                    <a:pt x="15082" y="5041"/>
                  </a:lnTo>
                  <a:lnTo>
                    <a:pt x="14700" y="5190"/>
                  </a:lnTo>
                  <a:lnTo>
                    <a:pt x="14164" y="5486"/>
                  </a:lnTo>
                  <a:lnTo>
                    <a:pt x="13704" y="5708"/>
                  </a:lnTo>
                  <a:lnTo>
                    <a:pt x="13092" y="6153"/>
                  </a:lnTo>
                  <a:lnTo>
                    <a:pt x="12709" y="6524"/>
                  </a:lnTo>
                  <a:lnTo>
                    <a:pt x="12403" y="6746"/>
                  </a:lnTo>
                  <a:lnTo>
                    <a:pt x="11943" y="7117"/>
                  </a:lnTo>
                  <a:lnTo>
                    <a:pt x="11561" y="7414"/>
                  </a:lnTo>
                  <a:lnTo>
                    <a:pt x="11101" y="7710"/>
                  </a:lnTo>
                  <a:lnTo>
                    <a:pt x="10719" y="7858"/>
                  </a:lnTo>
                  <a:lnTo>
                    <a:pt x="10336" y="8081"/>
                  </a:lnTo>
                  <a:lnTo>
                    <a:pt x="9953" y="8377"/>
                  </a:lnTo>
                  <a:lnTo>
                    <a:pt x="9417" y="8822"/>
                  </a:lnTo>
                  <a:lnTo>
                    <a:pt x="8958" y="9193"/>
                  </a:lnTo>
                  <a:lnTo>
                    <a:pt x="8422" y="9564"/>
                  </a:lnTo>
                  <a:lnTo>
                    <a:pt x="8192" y="9564"/>
                  </a:lnTo>
                  <a:lnTo>
                    <a:pt x="8039" y="9712"/>
                  </a:lnTo>
                  <a:lnTo>
                    <a:pt x="7733" y="10157"/>
                  </a:lnTo>
                  <a:lnTo>
                    <a:pt x="7426" y="10305"/>
                  </a:lnTo>
                  <a:lnTo>
                    <a:pt x="7350" y="10750"/>
                  </a:lnTo>
                  <a:lnTo>
                    <a:pt x="7273" y="11343"/>
                  </a:lnTo>
                  <a:lnTo>
                    <a:pt x="7350" y="12158"/>
                  </a:lnTo>
                  <a:lnTo>
                    <a:pt x="7503" y="12751"/>
                  </a:lnTo>
                  <a:lnTo>
                    <a:pt x="7350" y="13344"/>
                  </a:lnTo>
                  <a:lnTo>
                    <a:pt x="7273" y="13641"/>
                  </a:lnTo>
                  <a:lnTo>
                    <a:pt x="7197" y="13938"/>
                  </a:lnTo>
                  <a:lnTo>
                    <a:pt x="7044" y="14456"/>
                  </a:lnTo>
                  <a:lnTo>
                    <a:pt x="7120" y="14827"/>
                  </a:lnTo>
                  <a:lnTo>
                    <a:pt x="7197" y="15124"/>
                  </a:lnTo>
                  <a:lnTo>
                    <a:pt x="7044" y="15569"/>
                  </a:lnTo>
                  <a:lnTo>
                    <a:pt x="6967" y="15865"/>
                  </a:lnTo>
                  <a:lnTo>
                    <a:pt x="6967" y="16013"/>
                  </a:lnTo>
                  <a:lnTo>
                    <a:pt x="7044" y="16236"/>
                  </a:lnTo>
                  <a:lnTo>
                    <a:pt x="6814" y="16384"/>
                  </a:lnTo>
                  <a:lnTo>
                    <a:pt x="5589" y="15717"/>
                  </a:lnTo>
                  <a:lnTo>
                    <a:pt x="4747" y="15346"/>
                  </a:lnTo>
                  <a:lnTo>
                    <a:pt x="4364" y="15272"/>
                  </a:lnTo>
                  <a:lnTo>
                    <a:pt x="3981" y="15198"/>
                  </a:lnTo>
                  <a:lnTo>
                    <a:pt x="3522" y="15050"/>
                  </a:lnTo>
                  <a:lnTo>
                    <a:pt x="3062" y="14975"/>
                  </a:lnTo>
                  <a:lnTo>
                    <a:pt x="2756" y="14531"/>
                  </a:lnTo>
                  <a:lnTo>
                    <a:pt x="2450" y="14382"/>
                  </a:lnTo>
                  <a:lnTo>
                    <a:pt x="2220" y="14456"/>
                  </a:lnTo>
                  <a:lnTo>
                    <a:pt x="1761" y="14234"/>
                  </a:lnTo>
                  <a:lnTo>
                    <a:pt x="1531" y="14160"/>
                  </a:lnTo>
                  <a:lnTo>
                    <a:pt x="1531" y="13789"/>
                  </a:lnTo>
                  <a:lnTo>
                    <a:pt x="1837" y="13641"/>
                  </a:lnTo>
                  <a:lnTo>
                    <a:pt x="1914" y="13196"/>
                  </a:lnTo>
                  <a:lnTo>
                    <a:pt x="2144" y="12900"/>
                  </a:lnTo>
                  <a:lnTo>
                    <a:pt x="2220" y="12529"/>
                  </a:lnTo>
                  <a:lnTo>
                    <a:pt x="2144" y="12307"/>
                  </a:lnTo>
                  <a:lnTo>
                    <a:pt x="2373" y="12084"/>
                  </a:lnTo>
                  <a:lnTo>
                    <a:pt x="2603" y="11936"/>
                  </a:lnTo>
                  <a:lnTo>
                    <a:pt x="2833" y="11639"/>
                  </a:lnTo>
                  <a:lnTo>
                    <a:pt x="3139" y="11491"/>
                  </a:lnTo>
                  <a:lnTo>
                    <a:pt x="3522" y="11194"/>
                  </a:lnTo>
                  <a:lnTo>
                    <a:pt x="3828" y="11194"/>
                  </a:lnTo>
                  <a:lnTo>
                    <a:pt x="3981" y="11046"/>
                  </a:lnTo>
                  <a:lnTo>
                    <a:pt x="4364" y="10972"/>
                  </a:lnTo>
                  <a:lnTo>
                    <a:pt x="4747" y="11046"/>
                  </a:lnTo>
                  <a:lnTo>
                    <a:pt x="5053" y="10824"/>
                  </a:lnTo>
                  <a:lnTo>
                    <a:pt x="5053" y="10601"/>
                  </a:lnTo>
                  <a:lnTo>
                    <a:pt x="5053" y="10379"/>
                  </a:lnTo>
                  <a:lnTo>
                    <a:pt x="5130" y="10157"/>
                  </a:lnTo>
                  <a:lnTo>
                    <a:pt x="5436" y="10008"/>
                  </a:lnTo>
                  <a:lnTo>
                    <a:pt x="5512" y="9638"/>
                  </a:lnTo>
                  <a:lnTo>
                    <a:pt x="5436" y="9489"/>
                  </a:lnTo>
                  <a:lnTo>
                    <a:pt x="4747" y="9712"/>
                  </a:lnTo>
                  <a:lnTo>
                    <a:pt x="4441" y="9638"/>
                  </a:lnTo>
                  <a:lnTo>
                    <a:pt x="4134" y="9564"/>
                  </a:lnTo>
                  <a:lnTo>
                    <a:pt x="3828" y="9564"/>
                  </a:lnTo>
                  <a:lnTo>
                    <a:pt x="3675" y="9564"/>
                  </a:lnTo>
                  <a:lnTo>
                    <a:pt x="3445" y="9341"/>
                  </a:lnTo>
                  <a:lnTo>
                    <a:pt x="3292" y="9193"/>
                  </a:lnTo>
                  <a:lnTo>
                    <a:pt x="3062" y="9119"/>
                  </a:lnTo>
                  <a:lnTo>
                    <a:pt x="2833" y="9267"/>
                  </a:lnTo>
                  <a:lnTo>
                    <a:pt x="2756" y="9564"/>
                  </a:lnTo>
                  <a:lnTo>
                    <a:pt x="2756" y="9712"/>
                  </a:lnTo>
                  <a:lnTo>
                    <a:pt x="2220" y="9934"/>
                  </a:lnTo>
                  <a:lnTo>
                    <a:pt x="1991" y="10008"/>
                  </a:lnTo>
                  <a:lnTo>
                    <a:pt x="1608" y="9786"/>
                  </a:lnTo>
                  <a:lnTo>
                    <a:pt x="1378" y="9489"/>
                  </a:lnTo>
                  <a:lnTo>
                    <a:pt x="1148" y="9267"/>
                  </a:lnTo>
                  <a:lnTo>
                    <a:pt x="995" y="9193"/>
                  </a:lnTo>
                  <a:lnTo>
                    <a:pt x="766" y="9415"/>
                  </a:lnTo>
                  <a:lnTo>
                    <a:pt x="612" y="9415"/>
                  </a:lnTo>
                  <a:lnTo>
                    <a:pt x="306" y="8896"/>
                  </a:lnTo>
                  <a:lnTo>
                    <a:pt x="77" y="8896"/>
                  </a:lnTo>
                  <a:lnTo>
                    <a:pt x="0" y="8748"/>
                  </a:lnTo>
                  <a:lnTo>
                    <a:pt x="0" y="8526"/>
                  </a:lnTo>
                  <a:lnTo>
                    <a:pt x="306" y="8229"/>
                  </a:lnTo>
                  <a:lnTo>
                    <a:pt x="612" y="8155"/>
                  </a:lnTo>
                  <a:lnTo>
                    <a:pt x="689" y="7858"/>
                  </a:lnTo>
                  <a:lnTo>
                    <a:pt x="459" y="7784"/>
                  </a:lnTo>
                  <a:lnTo>
                    <a:pt x="383" y="7636"/>
                  </a:lnTo>
                  <a:lnTo>
                    <a:pt x="383" y="7265"/>
                  </a:lnTo>
                  <a:lnTo>
                    <a:pt x="306" y="6895"/>
                  </a:lnTo>
                  <a:lnTo>
                    <a:pt x="77" y="6598"/>
                  </a:lnTo>
                  <a:lnTo>
                    <a:pt x="0" y="6376"/>
                  </a:lnTo>
                  <a:lnTo>
                    <a:pt x="0" y="6153"/>
                  </a:lnTo>
                  <a:lnTo>
                    <a:pt x="536" y="6005"/>
                  </a:lnTo>
                  <a:lnTo>
                    <a:pt x="1148" y="6079"/>
                  </a:lnTo>
                  <a:lnTo>
                    <a:pt x="1455" y="6005"/>
                  </a:lnTo>
                  <a:lnTo>
                    <a:pt x="1991" y="5783"/>
                  </a:lnTo>
                  <a:lnTo>
                    <a:pt x="2603" y="5708"/>
                  </a:lnTo>
                  <a:lnTo>
                    <a:pt x="2756" y="5486"/>
                  </a:lnTo>
                  <a:lnTo>
                    <a:pt x="4287" y="5412"/>
                  </a:lnTo>
                  <a:lnTo>
                    <a:pt x="4823" y="5338"/>
                  </a:lnTo>
                  <a:lnTo>
                    <a:pt x="5053" y="5338"/>
                  </a:lnTo>
                  <a:lnTo>
                    <a:pt x="5512" y="5190"/>
                  </a:lnTo>
                  <a:lnTo>
                    <a:pt x="5436" y="4819"/>
                  </a:lnTo>
                  <a:lnTo>
                    <a:pt x="5436" y="4596"/>
                  </a:lnTo>
                  <a:lnTo>
                    <a:pt x="5665" y="4522"/>
                  </a:lnTo>
                  <a:lnTo>
                    <a:pt x="6048" y="4596"/>
                  </a:lnTo>
                  <a:lnTo>
                    <a:pt x="6355" y="4522"/>
                  </a:lnTo>
                  <a:lnTo>
                    <a:pt x="6508" y="4226"/>
                  </a:lnTo>
                  <a:lnTo>
                    <a:pt x="6584" y="4003"/>
                  </a:lnTo>
                  <a:lnTo>
                    <a:pt x="6508" y="3781"/>
                  </a:lnTo>
                  <a:lnTo>
                    <a:pt x="6737" y="3707"/>
                  </a:lnTo>
                  <a:lnTo>
                    <a:pt x="6584" y="3040"/>
                  </a:lnTo>
                  <a:lnTo>
                    <a:pt x="6584" y="2965"/>
                  </a:lnTo>
                  <a:lnTo>
                    <a:pt x="6508" y="2595"/>
                  </a:lnTo>
                  <a:lnTo>
                    <a:pt x="6431" y="2372"/>
                  </a:lnTo>
                  <a:lnTo>
                    <a:pt x="6508" y="2150"/>
                  </a:lnTo>
                  <a:lnTo>
                    <a:pt x="6737" y="1928"/>
                  </a:lnTo>
                  <a:lnTo>
                    <a:pt x="6661" y="1779"/>
                  </a:lnTo>
                  <a:lnTo>
                    <a:pt x="6508" y="1483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19" name="d14207"/>
            <xdr:cNvSpPr>
              <a:spLocks/>
            </xdr:cNvSpPr>
          </xdr:nvSpPr>
          <xdr:spPr bwMode="auto">
            <a:xfrm>
              <a:off x="5579148" y="5295479"/>
              <a:ext cx="865684" cy="954728"/>
            </a:xfrm>
            <a:custGeom>
              <a:avLst/>
              <a:gdLst>
                <a:gd name="T0" fmla="*/ 503802 w 16384"/>
                <a:gd name="T1" fmla="*/ 28523060 h 16384"/>
                <a:gd name="T2" fmla="*/ 3526511 w 16384"/>
                <a:gd name="T3" fmla="*/ 27964482 h 16384"/>
                <a:gd name="T4" fmla="*/ 8567126 w 16384"/>
                <a:gd name="T5" fmla="*/ 27405963 h 16384"/>
                <a:gd name="T6" fmla="*/ 15116346 w 16384"/>
                <a:gd name="T7" fmla="*/ 26843980 h 16384"/>
                <a:gd name="T8" fmla="*/ 16627699 w 16384"/>
                <a:gd name="T9" fmla="*/ 23489342 h 16384"/>
                <a:gd name="T10" fmla="*/ 16627699 w 16384"/>
                <a:gd name="T11" fmla="*/ 21251801 h 16384"/>
                <a:gd name="T12" fmla="*/ 15116346 w 16384"/>
                <a:gd name="T13" fmla="*/ 19014202 h 16384"/>
                <a:gd name="T14" fmla="*/ 15116346 w 16384"/>
                <a:gd name="T15" fmla="*/ 16780066 h 16384"/>
                <a:gd name="T16" fmla="*/ 18141857 w 16384"/>
                <a:gd name="T17" fmla="*/ 14542522 h 16384"/>
                <a:gd name="T18" fmla="*/ 19653210 w 16384"/>
                <a:gd name="T19" fmla="*/ 12304922 h 16384"/>
                <a:gd name="T20" fmla="*/ 21164564 w 16384"/>
                <a:gd name="T21" fmla="*/ 8946820 h 16384"/>
                <a:gd name="T22" fmla="*/ 21668366 w 16384"/>
                <a:gd name="T23" fmla="*/ 5592239 h 16384"/>
                <a:gd name="T24" fmla="*/ 29227944 w 16384"/>
                <a:gd name="T25" fmla="*/ 0 h 16384"/>
                <a:gd name="T26" fmla="*/ 32754401 w 16384"/>
                <a:gd name="T27" fmla="*/ 1679022 h 16384"/>
                <a:gd name="T28" fmla="*/ 37288461 w 16384"/>
                <a:gd name="T29" fmla="*/ 558519 h 16384"/>
                <a:gd name="T30" fmla="*/ 38799868 w 16384"/>
                <a:gd name="T31" fmla="*/ 4475142 h 16384"/>
                <a:gd name="T32" fmla="*/ 37288461 w 16384"/>
                <a:gd name="T33" fmla="*/ 7271261 h 16384"/>
                <a:gd name="T34" fmla="*/ 37288461 w 16384"/>
                <a:gd name="T35" fmla="*/ 9508804 h 16384"/>
                <a:gd name="T36" fmla="*/ 35273358 w 16384"/>
                <a:gd name="T37" fmla="*/ 10625901 h 16384"/>
                <a:gd name="T38" fmla="*/ 37288461 w 16384"/>
                <a:gd name="T39" fmla="*/ 11746403 h 16384"/>
                <a:gd name="T40" fmla="*/ 38799868 w 16384"/>
                <a:gd name="T41" fmla="*/ 9508804 h 16384"/>
                <a:gd name="T42" fmla="*/ 39807419 w 16384"/>
                <a:gd name="T43" fmla="*/ 10067381 h 16384"/>
                <a:gd name="T44" fmla="*/ 39303617 w 16384"/>
                <a:gd name="T45" fmla="*/ 13422019 h 16384"/>
                <a:gd name="T46" fmla="*/ 43336679 w 16384"/>
                <a:gd name="T47" fmla="*/ 13422019 h 16384"/>
                <a:gd name="T48" fmla="*/ 42832930 w 16384"/>
                <a:gd name="T49" fmla="*/ 16780066 h 16384"/>
                <a:gd name="T50" fmla="*/ 41321577 w 16384"/>
                <a:gd name="T51" fmla="*/ 17338644 h 16384"/>
                <a:gd name="T52" fmla="*/ 40817774 w 16384"/>
                <a:gd name="T53" fmla="*/ 20134704 h 16384"/>
                <a:gd name="T54" fmla="*/ 41321577 w 16384"/>
                <a:gd name="T55" fmla="*/ 24609845 h 16384"/>
                <a:gd name="T56" fmla="*/ 43336679 w 16384"/>
                <a:gd name="T57" fmla="*/ 26843980 h 16384"/>
                <a:gd name="T58" fmla="*/ 44344284 w 16384"/>
                <a:gd name="T59" fmla="*/ 30202082 h 16384"/>
                <a:gd name="T60" fmla="*/ 44344284 w 16384"/>
                <a:gd name="T61" fmla="*/ 32439630 h 16384"/>
                <a:gd name="T62" fmla="*/ 45855637 w 16384"/>
                <a:gd name="T63" fmla="*/ 34677230 h 16384"/>
                <a:gd name="T64" fmla="*/ 45351835 w 16384"/>
                <a:gd name="T65" fmla="*/ 38590387 h 16384"/>
                <a:gd name="T66" fmla="*/ 44344284 w 16384"/>
                <a:gd name="T67" fmla="*/ 42507008 h 16384"/>
                <a:gd name="T68" fmla="*/ 43336679 w 16384"/>
                <a:gd name="T69" fmla="*/ 45861646 h 16384"/>
                <a:gd name="T70" fmla="*/ 42329128 w 16384"/>
                <a:gd name="T71" fmla="*/ 49774803 h 16384"/>
                <a:gd name="T72" fmla="*/ 41825326 w 16384"/>
                <a:gd name="T73" fmla="*/ 53132905 h 16384"/>
                <a:gd name="T74" fmla="*/ 39303617 w 16384"/>
                <a:gd name="T75" fmla="*/ 53132905 h 16384"/>
                <a:gd name="T76" fmla="*/ 35273358 w 16384"/>
                <a:gd name="T77" fmla="*/ 52570921 h 16384"/>
                <a:gd name="T78" fmla="*/ 32250651 w 16384"/>
                <a:gd name="T79" fmla="*/ 54249943 h 16384"/>
                <a:gd name="T80" fmla="*/ 28724142 w 16384"/>
                <a:gd name="T81" fmla="*/ 54808462 h 16384"/>
                <a:gd name="T82" fmla="*/ 24691073 w 16384"/>
                <a:gd name="T83" fmla="*/ 54249943 h 16384"/>
                <a:gd name="T84" fmla="*/ 20660762 w 16384"/>
                <a:gd name="T85" fmla="*/ 53691424 h 16384"/>
                <a:gd name="T86" fmla="*/ 17131502 w 16384"/>
                <a:gd name="T87" fmla="*/ 55370446 h 16384"/>
                <a:gd name="T88" fmla="*/ 14612544 w 16384"/>
                <a:gd name="T89" fmla="*/ 55370446 h 16384"/>
                <a:gd name="T90" fmla="*/ 10582282 w 16384"/>
                <a:gd name="T91" fmla="*/ 55370446 h 16384"/>
                <a:gd name="T92" fmla="*/ 6552022 w 16384"/>
                <a:gd name="T93" fmla="*/ 55929024 h 16384"/>
                <a:gd name="T94" fmla="*/ 3526511 w 16384"/>
                <a:gd name="T95" fmla="*/ 56487543 h 16384"/>
                <a:gd name="T96" fmla="*/ 3526511 w 16384"/>
                <a:gd name="T97" fmla="*/ 53132905 h 16384"/>
                <a:gd name="T98" fmla="*/ 2015157 w 16384"/>
                <a:gd name="T99" fmla="*/ 50895305 h 16384"/>
                <a:gd name="T100" fmla="*/ 0 w 16384"/>
                <a:gd name="T101" fmla="*/ 49216284 h 16384"/>
                <a:gd name="T102" fmla="*/ 0 w 16384"/>
                <a:gd name="T103" fmla="*/ 45861646 h 16384"/>
                <a:gd name="T104" fmla="*/ 1007552 w 16384"/>
                <a:gd name="T105" fmla="*/ 43065527 h 16384"/>
                <a:gd name="T106" fmla="*/ 1511354 w 16384"/>
                <a:gd name="T107" fmla="*/ 40269467 h 16384"/>
                <a:gd name="T108" fmla="*/ 3526511 w 16384"/>
                <a:gd name="T109" fmla="*/ 38590387 h 16384"/>
                <a:gd name="T110" fmla="*/ 3526511 w 16384"/>
                <a:gd name="T111" fmla="*/ 36352846 h 16384"/>
                <a:gd name="T112" fmla="*/ 2015157 w 16384"/>
                <a:gd name="T113" fmla="*/ 35235749 h 16384"/>
                <a:gd name="T114" fmla="*/ 1511354 w 16384"/>
                <a:gd name="T115" fmla="*/ 35794268 h 16384"/>
                <a:gd name="T116" fmla="*/ 503802 w 16384"/>
                <a:gd name="T117" fmla="*/ 35235749 h 16384"/>
                <a:gd name="T118" fmla="*/ 0 w 16384"/>
                <a:gd name="T119" fmla="*/ 32998208 h 16384"/>
                <a:gd name="T120" fmla="*/ 503802 w 16384"/>
                <a:gd name="T121" fmla="*/ 28523060 h 16384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w 16384"/>
                <a:gd name="T184" fmla="*/ 0 h 16384"/>
                <a:gd name="T185" fmla="*/ 16384 w 16384"/>
                <a:gd name="T186" fmla="*/ 16384 h 16384"/>
              </a:gdLst>
              <a:ahLst/>
              <a:cxnLst>
                <a:cxn ang="T122">
                  <a:pos x="T0" y="T1"/>
                </a:cxn>
                <a:cxn ang="T123">
                  <a:pos x="T2" y="T3"/>
                </a:cxn>
                <a:cxn ang="T124">
                  <a:pos x="T4" y="T5"/>
                </a:cxn>
                <a:cxn ang="T125">
                  <a:pos x="T6" y="T7"/>
                </a:cxn>
                <a:cxn ang="T126">
                  <a:pos x="T8" y="T9"/>
                </a:cxn>
                <a:cxn ang="T127">
                  <a:pos x="T10" y="T11"/>
                </a:cxn>
                <a:cxn ang="T128">
                  <a:pos x="T12" y="T13"/>
                </a:cxn>
                <a:cxn ang="T129">
                  <a:pos x="T14" y="T15"/>
                </a:cxn>
                <a:cxn ang="T130">
                  <a:pos x="T16" y="T17"/>
                </a:cxn>
                <a:cxn ang="T131">
                  <a:pos x="T18" y="T19"/>
                </a:cxn>
                <a:cxn ang="T132">
                  <a:pos x="T20" y="T21"/>
                </a:cxn>
                <a:cxn ang="T133">
                  <a:pos x="T22" y="T23"/>
                </a:cxn>
                <a:cxn ang="T134">
                  <a:pos x="T24" y="T25"/>
                </a:cxn>
                <a:cxn ang="T135">
                  <a:pos x="T26" y="T27"/>
                </a:cxn>
                <a:cxn ang="T136">
                  <a:pos x="T28" y="T29"/>
                </a:cxn>
                <a:cxn ang="T137">
                  <a:pos x="T30" y="T31"/>
                </a:cxn>
                <a:cxn ang="T138">
                  <a:pos x="T32" y="T33"/>
                </a:cxn>
                <a:cxn ang="T139">
                  <a:pos x="T34" y="T35"/>
                </a:cxn>
                <a:cxn ang="T140">
                  <a:pos x="T36" y="T37"/>
                </a:cxn>
                <a:cxn ang="T141">
                  <a:pos x="T38" y="T39"/>
                </a:cxn>
                <a:cxn ang="T142">
                  <a:pos x="T40" y="T41"/>
                </a:cxn>
                <a:cxn ang="T143">
                  <a:pos x="T42" y="T43"/>
                </a:cxn>
                <a:cxn ang="T144">
                  <a:pos x="T44" y="T45"/>
                </a:cxn>
                <a:cxn ang="T145">
                  <a:pos x="T46" y="T47"/>
                </a:cxn>
                <a:cxn ang="T146">
                  <a:pos x="T48" y="T49"/>
                </a:cxn>
                <a:cxn ang="T147">
                  <a:pos x="T50" y="T51"/>
                </a:cxn>
                <a:cxn ang="T148">
                  <a:pos x="T52" y="T53"/>
                </a:cxn>
                <a:cxn ang="T149">
                  <a:pos x="T54" y="T55"/>
                </a:cxn>
                <a:cxn ang="T150">
                  <a:pos x="T56" y="T57"/>
                </a:cxn>
                <a:cxn ang="T151">
                  <a:pos x="T58" y="T59"/>
                </a:cxn>
                <a:cxn ang="T152">
                  <a:pos x="T60" y="T61"/>
                </a:cxn>
                <a:cxn ang="T153">
                  <a:pos x="T62" y="T63"/>
                </a:cxn>
                <a:cxn ang="T154">
                  <a:pos x="T64" y="T65"/>
                </a:cxn>
                <a:cxn ang="T155">
                  <a:pos x="T66" y="T67"/>
                </a:cxn>
                <a:cxn ang="T156">
                  <a:pos x="T68" y="T69"/>
                </a:cxn>
                <a:cxn ang="T157">
                  <a:pos x="T70" y="T71"/>
                </a:cxn>
                <a:cxn ang="T158">
                  <a:pos x="T72" y="T73"/>
                </a:cxn>
                <a:cxn ang="T159">
                  <a:pos x="T74" y="T75"/>
                </a:cxn>
                <a:cxn ang="T160">
                  <a:pos x="T76" y="T77"/>
                </a:cxn>
                <a:cxn ang="T161">
                  <a:pos x="T78" y="T79"/>
                </a:cxn>
                <a:cxn ang="T162">
                  <a:pos x="T80" y="T81"/>
                </a:cxn>
                <a:cxn ang="T163">
                  <a:pos x="T82" y="T83"/>
                </a:cxn>
                <a:cxn ang="T164">
                  <a:pos x="T84" y="T85"/>
                </a:cxn>
                <a:cxn ang="T165">
                  <a:pos x="T86" y="T87"/>
                </a:cxn>
                <a:cxn ang="T166">
                  <a:pos x="T88" y="T89"/>
                </a:cxn>
                <a:cxn ang="T167">
                  <a:pos x="T90" y="T91"/>
                </a:cxn>
                <a:cxn ang="T168">
                  <a:pos x="T92" y="T93"/>
                </a:cxn>
                <a:cxn ang="T169">
                  <a:pos x="T94" y="T95"/>
                </a:cxn>
                <a:cxn ang="T170">
                  <a:pos x="T96" y="T97"/>
                </a:cxn>
                <a:cxn ang="T171">
                  <a:pos x="T98" y="T99"/>
                </a:cxn>
                <a:cxn ang="T172">
                  <a:pos x="T100" y="T101"/>
                </a:cxn>
                <a:cxn ang="T173">
                  <a:pos x="T102" y="T103"/>
                </a:cxn>
                <a:cxn ang="T174">
                  <a:pos x="T104" y="T105"/>
                </a:cxn>
                <a:cxn ang="T175">
                  <a:pos x="T106" y="T107"/>
                </a:cxn>
                <a:cxn ang="T176">
                  <a:pos x="T108" y="T109"/>
                </a:cxn>
                <a:cxn ang="T177">
                  <a:pos x="T110" y="T111"/>
                </a:cxn>
                <a:cxn ang="T178">
                  <a:pos x="T112" y="T113"/>
                </a:cxn>
                <a:cxn ang="T179">
                  <a:pos x="T114" y="T115"/>
                </a:cxn>
                <a:cxn ang="T180">
                  <a:pos x="T116" y="T117"/>
                </a:cxn>
                <a:cxn ang="T181">
                  <a:pos x="T118" y="T119"/>
                </a:cxn>
                <a:cxn ang="T182">
                  <a:pos x="T120" y="T121"/>
                </a:cxn>
              </a:cxnLst>
              <a:rect l="T183" t="T184" r="T185" b="T186"/>
              <a:pathLst>
                <a:path w="16384" h="16384">
                  <a:moveTo>
                    <a:pt x="180" y="8273"/>
                  </a:moveTo>
                  <a:lnTo>
                    <a:pt x="1260" y="8111"/>
                  </a:lnTo>
                  <a:lnTo>
                    <a:pt x="3061" y="7949"/>
                  </a:lnTo>
                  <a:lnTo>
                    <a:pt x="5401" y="7786"/>
                  </a:lnTo>
                  <a:lnTo>
                    <a:pt x="5941" y="6813"/>
                  </a:lnTo>
                  <a:lnTo>
                    <a:pt x="5941" y="6164"/>
                  </a:lnTo>
                  <a:lnTo>
                    <a:pt x="5401" y="5515"/>
                  </a:lnTo>
                  <a:lnTo>
                    <a:pt x="5401" y="4867"/>
                  </a:lnTo>
                  <a:lnTo>
                    <a:pt x="6482" y="4218"/>
                  </a:lnTo>
                  <a:lnTo>
                    <a:pt x="7022" y="3569"/>
                  </a:lnTo>
                  <a:lnTo>
                    <a:pt x="7562" y="2595"/>
                  </a:lnTo>
                  <a:lnTo>
                    <a:pt x="7742" y="1622"/>
                  </a:lnTo>
                  <a:lnTo>
                    <a:pt x="10443" y="0"/>
                  </a:lnTo>
                  <a:lnTo>
                    <a:pt x="11703" y="487"/>
                  </a:lnTo>
                  <a:lnTo>
                    <a:pt x="13323" y="162"/>
                  </a:lnTo>
                  <a:lnTo>
                    <a:pt x="13863" y="1298"/>
                  </a:lnTo>
                  <a:lnTo>
                    <a:pt x="13323" y="2109"/>
                  </a:lnTo>
                  <a:lnTo>
                    <a:pt x="13323" y="2758"/>
                  </a:lnTo>
                  <a:lnTo>
                    <a:pt x="12603" y="3082"/>
                  </a:lnTo>
                  <a:lnTo>
                    <a:pt x="13323" y="3407"/>
                  </a:lnTo>
                  <a:lnTo>
                    <a:pt x="13863" y="2758"/>
                  </a:lnTo>
                  <a:lnTo>
                    <a:pt x="14223" y="2920"/>
                  </a:lnTo>
                  <a:lnTo>
                    <a:pt x="14043" y="3893"/>
                  </a:lnTo>
                  <a:lnTo>
                    <a:pt x="15484" y="3893"/>
                  </a:lnTo>
                  <a:lnTo>
                    <a:pt x="15304" y="4867"/>
                  </a:lnTo>
                  <a:lnTo>
                    <a:pt x="14764" y="5029"/>
                  </a:lnTo>
                  <a:lnTo>
                    <a:pt x="14584" y="5840"/>
                  </a:lnTo>
                  <a:lnTo>
                    <a:pt x="14764" y="7138"/>
                  </a:lnTo>
                  <a:lnTo>
                    <a:pt x="15484" y="7786"/>
                  </a:lnTo>
                  <a:lnTo>
                    <a:pt x="15844" y="8760"/>
                  </a:lnTo>
                  <a:lnTo>
                    <a:pt x="15844" y="9409"/>
                  </a:lnTo>
                  <a:lnTo>
                    <a:pt x="16384" y="10058"/>
                  </a:lnTo>
                  <a:lnTo>
                    <a:pt x="16204" y="11193"/>
                  </a:lnTo>
                  <a:lnTo>
                    <a:pt x="15844" y="12329"/>
                  </a:lnTo>
                  <a:lnTo>
                    <a:pt x="15484" y="13302"/>
                  </a:lnTo>
                  <a:lnTo>
                    <a:pt x="15124" y="14437"/>
                  </a:lnTo>
                  <a:lnTo>
                    <a:pt x="14944" y="15411"/>
                  </a:lnTo>
                  <a:lnTo>
                    <a:pt x="14043" y="15411"/>
                  </a:lnTo>
                  <a:lnTo>
                    <a:pt x="12603" y="15248"/>
                  </a:lnTo>
                  <a:lnTo>
                    <a:pt x="11523" y="15735"/>
                  </a:lnTo>
                  <a:lnTo>
                    <a:pt x="10263" y="15897"/>
                  </a:lnTo>
                  <a:lnTo>
                    <a:pt x="8822" y="15735"/>
                  </a:lnTo>
                  <a:lnTo>
                    <a:pt x="7382" y="15573"/>
                  </a:lnTo>
                  <a:lnTo>
                    <a:pt x="6121" y="16060"/>
                  </a:lnTo>
                  <a:lnTo>
                    <a:pt x="5221" y="16060"/>
                  </a:lnTo>
                  <a:lnTo>
                    <a:pt x="3781" y="16060"/>
                  </a:lnTo>
                  <a:lnTo>
                    <a:pt x="2341" y="16222"/>
                  </a:lnTo>
                  <a:lnTo>
                    <a:pt x="1260" y="16384"/>
                  </a:lnTo>
                  <a:lnTo>
                    <a:pt x="1260" y="15411"/>
                  </a:lnTo>
                  <a:lnTo>
                    <a:pt x="720" y="14762"/>
                  </a:lnTo>
                  <a:lnTo>
                    <a:pt x="0" y="14275"/>
                  </a:lnTo>
                  <a:lnTo>
                    <a:pt x="0" y="13302"/>
                  </a:lnTo>
                  <a:lnTo>
                    <a:pt x="360" y="12491"/>
                  </a:lnTo>
                  <a:lnTo>
                    <a:pt x="540" y="11680"/>
                  </a:lnTo>
                  <a:lnTo>
                    <a:pt x="1260" y="11193"/>
                  </a:lnTo>
                  <a:lnTo>
                    <a:pt x="1260" y="10544"/>
                  </a:lnTo>
                  <a:lnTo>
                    <a:pt x="720" y="10220"/>
                  </a:lnTo>
                  <a:lnTo>
                    <a:pt x="540" y="10382"/>
                  </a:lnTo>
                  <a:lnTo>
                    <a:pt x="180" y="10220"/>
                  </a:lnTo>
                  <a:lnTo>
                    <a:pt x="0" y="9571"/>
                  </a:lnTo>
                  <a:lnTo>
                    <a:pt x="180" y="8273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20" name="d14208"/>
            <xdr:cNvSpPr>
              <a:spLocks/>
            </xdr:cNvSpPr>
          </xdr:nvSpPr>
          <xdr:spPr bwMode="auto">
            <a:xfrm>
              <a:off x="7662497" y="6177466"/>
              <a:ext cx="856171" cy="609207"/>
            </a:xfrm>
            <a:custGeom>
              <a:avLst/>
              <a:gdLst>
                <a:gd name="T0" fmla="*/ 26120779 w 16384"/>
                <a:gd name="T1" fmla="*/ 1439398 h 16384"/>
                <a:gd name="T2" fmla="*/ 31542001 w 16384"/>
                <a:gd name="T3" fmla="*/ 2878757 h 16384"/>
                <a:gd name="T4" fmla="*/ 34497551 w 16384"/>
                <a:gd name="T5" fmla="*/ 4319590 h 16384"/>
                <a:gd name="T6" fmla="*/ 36963165 w 16384"/>
                <a:gd name="T7" fmla="*/ 6478668 h 16384"/>
                <a:gd name="T8" fmla="*/ 39918714 w 16384"/>
                <a:gd name="T9" fmla="*/ 9718718 h 16384"/>
                <a:gd name="T10" fmla="*/ 41891754 w 16384"/>
                <a:gd name="T11" fmla="*/ 13677015 h 16384"/>
                <a:gd name="T12" fmla="*/ 43369529 w 16384"/>
                <a:gd name="T13" fmla="*/ 17636745 h 16384"/>
                <a:gd name="T14" fmla="*/ 41891754 w 16384"/>
                <a:gd name="T15" fmla="*/ 20516942 h 16384"/>
                <a:gd name="T16" fmla="*/ 43862155 w 16384"/>
                <a:gd name="T17" fmla="*/ 22316198 h 16384"/>
                <a:gd name="T18" fmla="*/ 39918714 w 16384"/>
                <a:gd name="T19" fmla="*/ 23395736 h 16384"/>
                <a:gd name="T20" fmla="*/ 36470590 w 16384"/>
                <a:gd name="T21" fmla="*/ 22316198 h 16384"/>
                <a:gd name="T22" fmla="*/ 31542001 w 16384"/>
                <a:gd name="T23" fmla="*/ 23035877 h 16384"/>
                <a:gd name="T24" fmla="*/ 28091187 w 16384"/>
                <a:gd name="T25" fmla="*/ 22676056 h 16384"/>
                <a:gd name="T26" fmla="*/ 27105980 w 16384"/>
                <a:gd name="T27" fmla="*/ 20516942 h 16384"/>
                <a:gd name="T28" fmla="*/ 31049375 w 16384"/>
                <a:gd name="T29" fmla="*/ 19795822 h 16384"/>
                <a:gd name="T30" fmla="*/ 34990125 w 16384"/>
                <a:gd name="T31" fmla="*/ 18356463 h 16384"/>
                <a:gd name="T32" fmla="*/ 34497551 w 16384"/>
                <a:gd name="T33" fmla="*/ 15837528 h 16384"/>
                <a:gd name="T34" fmla="*/ 31542001 w 16384"/>
                <a:gd name="T35" fmla="*/ 15477669 h 16384"/>
                <a:gd name="T36" fmla="*/ 26613405 w 16384"/>
                <a:gd name="T37" fmla="*/ 15117848 h 16384"/>
                <a:gd name="T38" fmla="*/ 22669965 w 16384"/>
                <a:gd name="T39" fmla="*/ 15117848 h 16384"/>
                <a:gd name="T40" fmla="*/ 19221841 w 16384"/>
                <a:gd name="T41" fmla="*/ 17636745 h 16384"/>
                <a:gd name="T42" fmla="*/ 15770975 w 16384"/>
                <a:gd name="T43" fmla="*/ 19076142 h 16384"/>
                <a:gd name="T44" fmla="*/ 11827583 w 16384"/>
                <a:gd name="T45" fmla="*/ 17996604 h 16384"/>
                <a:gd name="T46" fmla="*/ 11827583 w 16384"/>
                <a:gd name="T47" fmla="*/ 15477669 h 16384"/>
                <a:gd name="T48" fmla="*/ 7391568 w 16384"/>
                <a:gd name="T49" fmla="*/ 14757989 h 16384"/>
                <a:gd name="T50" fmla="*/ 3450816 w 16384"/>
                <a:gd name="T51" fmla="*/ 14757989 h 16384"/>
                <a:gd name="T52" fmla="*/ 985201 w 16384"/>
                <a:gd name="T53" fmla="*/ 12957336 h 16384"/>
                <a:gd name="T54" fmla="*/ 492575 w 16384"/>
                <a:gd name="T55" fmla="*/ 11158080 h 16384"/>
                <a:gd name="T56" fmla="*/ 0 w 16384"/>
                <a:gd name="T57" fmla="*/ 9358860 h 16384"/>
                <a:gd name="T58" fmla="*/ 6898993 w 16384"/>
                <a:gd name="T59" fmla="*/ 6478668 h 16384"/>
                <a:gd name="T60" fmla="*/ 12320157 w 16384"/>
                <a:gd name="T61" fmla="*/ 3959731 h 16384"/>
                <a:gd name="T62" fmla="*/ 19221841 w 16384"/>
                <a:gd name="T63" fmla="*/ 2159077 h 16384"/>
                <a:gd name="T64" fmla="*/ 22669965 w 16384"/>
                <a:gd name="T65" fmla="*/ 0 h 16384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w 16384"/>
                <a:gd name="T100" fmla="*/ 0 h 16384"/>
                <a:gd name="T101" fmla="*/ 16384 w 16384"/>
                <a:gd name="T102" fmla="*/ 16384 h 16384"/>
              </a:gdLst>
              <a:ahLst/>
              <a:cxnLst>
                <a:cxn ang="T66">
                  <a:pos x="T0" y="T1"/>
                </a:cxn>
                <a:cxn ang="T67">
                  <a:pos x="T2" y="T3"/>
                </a:cxn>
                <a:cxn ang="T68">
                  <a:pos x="T4" y="T5"/>
                </a:cxn>
                <a:cxn ang="T69">
                  <a:pos x="T6" y="T7"/>
                </a:cxn>
                <a:cxn ang="T70">
                  <a:pos x="T8" y="T9"/>
                </a:cxn>
                <a:cxn ang="T71">
                  <a:pos x="T10" y="T11"/>
                </a:cxn>
                <a:cxn ang="T72">
                  <a:pos x="T12" y="T13"/>
                </a:cxn>
                <a:cxn ang="T73">
                  <a:pos x="T14" y="T15"/>
                </a:cxn>
                <a:cxn ang="T74">
                  <a:pos x="T16" y="T17"/>
                </a:cxn>
                <a:cxn ang="T75">
                  <a:pos x="T18" y="T19"/>
                </a:cxn>
                <a:cxn ang="T76">
                  <a:pos x="T20" y="T21"/>
                </a:cxn>
                <a:cxn ang="T77">
                  <a:pos x="T22" y="T23"/>
                </a:cxn>
                <a:cxn ang="T78">
                  <a:pos x="T24" y="T25"/>
                </a:cxn>
                <a:cxn ang="T79">
                  <a:pos x="T26" y="T27"/>
                </a:cxn>
                <a:cxn ang="T80">
                  <a:pos x="T28" y="T29"/>
                </a:cxn>
                <a:cxn ang="T81">
                  <a:pos x="T30" y="T31"/>
                </a:cxn>
                <a:cxn ang="T82">
                  <a:pos x="T32" y="T33"/>
                </a:cxn>
                <a:cxn ang="T83">
                  <a:pos x="T34" y="T35"/>
                </a:cxn>
                <a:cxn ang="T84">
                  <a:pos x="T36" y="T37"/>
                </a:cxn>
                <a:cxn ang="T85">
                  <a:pos x="T38" y="T39"/>
                </a:cxn>
                <a:cxn ang="T86">
                  <a:pos x="T40" y="T41"/>
                </a:cxn>
                <a:cxn ang="T87">
                  <a:pos x="T42" y="T43"/>
                </a:cxn>
                <a:cxn ang="T88">
                  <a:pos x="T44" y="T45"/>
                </a:cxn>
                <a:cxn ang="T89">
                  <a:pos x="T46" y="T47"/>
                </a:cxn>
                <a:cxn ang="T90">
                  <a:pos x="T48" y="T49"/>
                </a:cxn>
                <a:cxn ang="T91">
                  <a:pos x="T50" y="T51"/>
                </a:cxn>
                <a:cxn ang="T92">
                  <a:pos x="T52" y="T53"/>
                </a:cxn>
                <a:cxn ang="T93">
                  <a:pos x="T54" y="T55"/>
                </a:cxn>
                <a:cxn ang="T94">
                  <a:pos x="T56" y="T57"/>
                </a:cxn>
                <a:cxn ang="T95">
                  <a:pos x="T58" y="T59"/>
                </a:cxn>
                <a:cxn ang="T96">
                  <a:pos x="T60" y="T61"/>
                </a:cxn>
                <a:cxn ang="T97">
                  <a:pos x="T62" y="T63"/>
                </a:cxn>
                <a:cxn ang="T98">
                  <a:pos x="T64" y="T65"/>
                </a:cxn>
              </a:cxnLst>
              <a:rect l="T99" t="T100" r="T101" b="T102"/>
              <a:pathLst>
                <a:path w="16384" h="16384">
                  <a:moveTo>
                    <a:pt x="9389" y="252"/>
                  </a:moveTo>
                  <a:lnTo>
                    <a:pt x="9757" y="1008"/>
                  </a:lnTo>
                  <a:lnTo>
                    <a:pt x="10861" y="2016"/>
                  </a:lnTo>
                  <a:lnTo>
                    <a:pt x="11782" y="2016"/>
                  </a:lnTo>
                  <a:lnTo>
                    <a:pt x="12150" y="2521"/>
                  </a:lnTo>
                  <a:lnTo>
                    <a:pt x="12886" y="3025"/>
                  </a:lnTo>
                  <a:lnTo>
                    <a:pt x="13439" y="3781"/>
                  </a:lnTo>
                  <a:lnTo>
                    <a:pt x="13807" y="4537"/>
                  </a:lnTo>
                  <a:lnTo>
                    <a:pt x="13807" y="6049"/>
                  </a:lnTo>
                  <a:lnTo>
                    <a:pt x="14911" y="6806"/>
                  </a:lnTo>
                  <a:lnTo>
                    <a:pt x="14911" y="8318"/>
                  </a:lnTo>
                  <a:lnTo>
                    <a:pt x="15648" y="9578"/>
                  </a:lnTo>
                  <a:lnTo>
                    <a:pt x="16016" y="11343"/>
                  </a:lnTo>
                  <a:lnTo>
                    <a:pt x="16200" y="12351"/>
                  </a:lnTo>
                  <a:lnTo>
                    <a:pt x="15464" y="13611"/>
                  </a:lnTo>
                  <a:lnTo>
                    <a:pt x="15648" y="14368"/>
                  </a:lnTo>
                  <a:lnTo>
                    <a:pt x="16200" y="15376"/>
                  </a:lnTo>
                  <a:lnTo>
                    <a:pt x="16384" y="15628"/>
                  </a:lnTo>
                  <a:lnTo>
                    <a:pt x="15832" y="16384"/>
                  </a:lnTo>
                  <a:lnTo>
                    <a:pt x="14911" y="16384"/>
                  </a:lnTo>
                  <a:lnTo>
                    <a:pt x="14175" y="15880"/>
                  </a:lnTo>
                  <a:lnTo>
                    <a:pt x="13623" y="15628"/>
                  </a:lnTo>
                  <a:lnTo>
                    <a:pt x="12702" y="15880"/>
                  </a:lnTo>
                  <a:lnTo>
                    <a:pt x="11782" y="16132"/>
                  </a:lnTo>
                  <a:lnTo>
                    <a:pt x="11229" y="15880"/>
                  </a:lnTo>
                  <a:lnTo>
                    <a:pt x="10493" y="15880"/>
                  </a:lnTo>
                  <a:lnTo>
                    <a:pt x="9941" y="14872"/>
                  </a:lnTo>
                  <a:lnTo>
                    <a:pt x="10125" y="14368"/>
                  </a:lnTo>
                  <a:lnTo>
                    <a:pt x="10677" y="14368"/>
                  </a:lnTo>
                  <a:lnTo>
                    <a:pt x="11598" y="13863"/>
                  </a:lnTo>
                  <a:lnTo>
                    <a:pt x="12150" y="13863"/>
                  </a:lnTo>
                  <a:lnTo>
                    <a:pt x="13070" y="12855"/>
                  </a:lnTo>
                  <a:lnTo>
                    <a:pt x="13439" y="11847"/>
                  </a:lnTo>
                  <a:lnTo>
                    <a:pt x="12886" y="11091"/>
                  </a:lnTo>
                  <a:lnTo>
                    <a:pt x="11966" y="11343"/>
                  </a:lnTo>
                  <a:lnTo>
                    <a:pt x="11782" y="10839"/>
                  </a:lnTo>
                  <a:lnTo>
                    <a:pt x="10309" y="10839"/>
                  </a:lnTo>
                  <a:lnTo>
                    <a:pt x="9941" y="10587"/>
                  </a:lnTo>
                  <a:lnTo>
                    <a:pt x="9020" y="10839"/>
                  </a:lnTo>
                  <a:lnTo>
                    <a:pt x="8468" y="10587"/>
                  </a:lnTo>
                  <a:lnTo>
                    <a:pt x="7916" y="11847"/>
                  </a:lnTo>
                  <a:lnTo>
                    <a:pt x="7180" y="12351"/>
                  </a:lnTo>
                  <a:lnTo>
                    <a:pt x="6443" y="12351"/>
                  </a:lnTo>
                  <a:lnTo>
                    <a:pt x="5891" y="13359"/>
                  </a:lnTo>
                  <a:lnTo>
                    <a:pt x="5155" y="13863"/>
                  </a:lnTo>
                  <a:lnTo>
                    <a:pt x="4418" y="12603"/>
                  </a:lnTo>
                  <a:lnTo>
                    <a:pt x="4786" y="12099"/>
                  </a:lnTo>
                  <a:lnTo>
                    <a:pt x="4418" y="10839"/>
                  </a:lnTo>
                  <a:lnTo>
                    <a:pt x="3682" y="9830"/>
                  </a:lnTo>
                  <a:lnTo>
                    <a:pt x="2761" y="10335"/>
                  </a:lnTo>
                  <a:lnTo>
                    <a:pt x="1841" y="10082"/>
                  </a:lnTo>
                  <a:lnTo>
                    <a:pt x="1289" y="10335"/>
                  </a:lnTo>
                  <a:lnTo>
                    <a:pt x="1105" y="8822"/>
                  </a:lnTo>
                  <a:lnTo>
                    <a:pt x="368" y="9074"/>
                  </a:lnTo>
                  <a:lnTo>
                    <a:pt x="0" y="8570"/>
                  </a:lnTo>
                  <a:lnTo>
                    <a:pt x="184" y="7814"/>
                  </a:lnTo>
                  <a:lnTo>
                    <a:pt x="368" y="7310"/>
                  </a:lnTo>
                  <a:lnTo>
                    <a:pt x="0" y="6554"/>
                  </a:lnTo>
                  <a:lnTo>
                    <a:pt x="1105" y="5797"/>
                  </a:lnTo>
                  <a:lnTo>
                    <a:pt x="2577" y="4537"/>
                  </a:lnTo>
                  <a:lnTo>
                    <a:pt x="3314" y="4537"/>
                  </a:lnTo>
                  <a:lnTo>
                    <a:pt x="4602" y="2773"/>
                  </a:lnTo>
                  <a:lnTo>
                    <a:pt x="5339" y="2773"/>
                  </a:lnTo>
                  <a:lnTo>
                    <a:pt x="7180" y="1512"/>
                  </a:lnTo>
                  <a:lnTo>
                    <a:pt x="7548" y="1260"/>
                  </a:lnTo>
                  <a:lnTo>
                    <a:pt x="8468" y="0"/>
                  </a:lnTo>
                  <a:lnTo>
                    <a:pt x="9389" y="252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21" name="d14210"/>
            <xdr:cNvSpPr>
              <a:spLocks/>
            </xdr:cNvSpPr>
          </xdr:nvSpPr>
          <xdr:spPr bwMode="auto">
            <a:xfrm>
              <a:off x="8318895" y="7686845"/>
              <a:ext cx="818119" cy="991098"/>
            </a:xfrm>
            <a:custGeom>
              <a:avLst/>
              <a:gdLst>
                <a:gd name="T0" fmla="*/ 8672156 w 16384"/>
                <a:gd name="T1" fmla="*/ 9304385 h 16384"/>
                <a:gd name="T2" fmla="*/ 15415509 w 16384"/>
                <a:gd name="T3" fmla="*/ 2906430 h 16384"/>
                <a:gd name="T4" fmla="*/ 17825311 w 16384"/>
                <a:gd name="T5" fmla="*/ 4069051 h 16384"/>
                <a:gd name="T6" fmla="*/ 23123234 w 16384"/>
                <a:gd name="T7" fmla="*/ 2906430 h 16384"/>
                <a:gd name="T8" fmla="*/ 26978419 w 16384"/>
                <a:gd name="T9" fmla="*/ 0 h 16384"/>
                <a:gd name="T10" fmla="*/ 27942845 w 16384"/>
                <a:gd name="T11" fmla="*/ 4650300 h 16384"/>
                <a:gd name="T12" fmla="*/ 30833546 w 16384"/>
                <a:gd name="T13" fmla="*/ 11048254 h 16384"/>
                <a:gd name="T14" fmla="*/ 31314495 w 16384"/>
                <a:gd name="T15" fmla="*/ 15698553 h 16384"/>
                <a:gd name="T16" fmla="*/ 28423794 w 16384"/>
                <a:gd name="T17" fmla="*/ 20930165 h 16384"/>
                <a:gd name="T18" fmla="*/ 27459317 w 16384"/>
                <a:gd name="T19" fmla="*/ 29653236 h 16384"/>
                <a:gd name="T20" fmla="*/ 30350068 w 16384"/>
                <a:gd name="T21" fmla="*/ 33141043 h 16384"/>
                <a:gd name="T22" fmla="*/ 31314495 w 16384"/>
                <a:gd name="T23" fmla="*/ 41282804 h 16384"/>
                <a:gd name="T24" fmla="*/ 37095947 w 16384"/>
                <a:gd name="T25" fmla="*/ 43607984 h 16384"/>
                <a:gd name="T26" fmla="*/ 40948545 w 16384"/>
                <a:gd name="T27" fmla="*/ 44770543 h 16384"/>
                <a:gd name="T28" fmla="*/ 41912972 w 16384"/>
                <a:gd name="T29" fmla="*/ 50583462 h 16384"/>
                <a:gd name="T30" fmla="*/ 39503170 w 16384"/>
                <a:gd name="T31" fmla="*/ 55237484 h 16384"/>
                <a:gd name="T32" fmla="*/ 39986648 w 16384"/>
                <a:gd name="T33" fmla="*/ 59887782 h 16384"/>
                <a:gd name="T34" fmla="*/ 37095947 w 16384"/>
                <a:gd name="T35" fmla="*/ 59306533 h 16384"/>
                <a:gd name="T36" fmla="*/ 35650571 w 16384"/>
                <a:gd name="T37" fmla="*/ 56981353 h 16384"/>
                <a:gd name="T38" fmla="*/ 31314495 w 16384"/>
                <a:gd name="T39" fmla="*/ 55818794 h 16384"/>
                <a:gd name="T40" fmla="*/ 33240769 w 16384"/>
                <a:gd name="T41" fmla="*/ 58143912 h 16384"/>
                <a:gd name="T42" fmla="*/ 29869119 w 16384"/>
                <a:gd name="T43" fmla="*/ 59306533 h 16384"/>
                <a:gd name="T44" fmla="*/ 24568610 w 16384"/>
                <a:gd name="T45" fmla="*/ 56981353 h 16384"/>
                <a:gd name="T46" fmla="*/ 18789738 w 16384"/>
                <a:gd name="T47" fmla="*/ 59887782 h 16384"/>
                <a:gd name="T48" fmla="*/ 16860884 w 16384"/>
                <a:gd name="T49" fmla="*/ 58725223 h 16384"/>
                <a:gd name="T50" fmla="*/ 13008283 w 16384"/>
                <a:gd name="T51" fmla="*/ 61050402 h 16384"/>
                <a:gd name="T52" fmla="*/ 4817027 w 16384"/>
                <a:gd name="T53" fmla="*/ 59887782 h 16384"/>
                <a:gd name="T54" fmla="*/ 1445376 w 16384"/>
                <a:gd name="T55" fmla="*/ 56400043 h 16384"/>
                <a:gd name="T56" fmla="*/ 3855129 w 16384"/>
                <a:gd name="T57" fmla="*/ 51164711 h 16384"/>
                <a:gd name="T58" fmla="*/ 0 w 16384"/>
                <a:gd name="T59" fmla="*/ 46514413 h 16384"/>
                <a:gd name="T60" fmla="*/ 5300505 w 16384"/>
                <a:gd name="T61" fmla="*/ 46514413 h 16384"/>
                <a:gd name="T62" fmla="*/ 4336078 w 16384"/>
                <a:gd name="T63" fmla="*/ 44189233 h 16384"/>
                <a:gd name="T64" fmla="*/ 4817027 w 16384"/>
                <a:gd name="T65" fmla="*/ 41864114 h 16384"/>
                <a:gd name="T66" fmla="*/ 1926275 w 16384"/>
                <a:gd name="T67" fmla="*/ 41864114 h 16384"/>
                <a:gd name="T68" fmla="*/ 4817027 w 16384"/>
                <a:gd name="T69" fmla="*/ 40701494 h 16384"/>
                <a:gd name="T70" fmla="*/ 8672156 w 16384"/>
                <a:gd name="T71" fmla="*/ 39538935 h 16384"/>
                <a:gd name="T72" fmla="*/ 12043856 w 16384"/>
                <a:gd name="T73" fmla="*/ 38376375 h 16384"/>
                <a:gd name="T74" fmla="*/ 7707729 w 16384"/>
                <a:gd name="T75" fmla="*/ 37210031 h 16384"/>
                <a:gd name="T76" fmla="*/ 5300505 w 16384"/>
                <a:gd name="T77" fmla="*/ 34884913 h 16384"/>
                <a:gd name="T78" fmla="*/ 6262402 w 16384"/>
                <a:gd name="T79" fmla="*/ 30234546 h 16384"/>
                <a:gd name="T80" fmla="*/ 5300505 w 16384"/>
                <a:gd name="T81" fmla="*/ 25002938 h 16384"/>
                <a:gd name="T82" fmla="*/ 5300505 w 16384"/>
                <a:gd name="T83" fmla="*/ 22092785 h 16384"/>
                <a:gd name="T84" fmla="*/ 5781453 w 16384"/>
                <a:gd name="T85" fmla="*/ 19767606 h 16384"/>
                <a:gd name="T86" fmla="*/ 4336078 w 16384"/>
                <a:gd name="T87" fmla="*/ 16861177 h 16384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w 16384"/>
                <a:gd name="T133" fmla="*/ 0 h 16384"/>
                <a:gd name="T134" fmla="*/ 16384 w 16384"/>
                <a:gd name="T135" fmla="*/ 16384 h 16384"/>
              </a:gdLst>
              <a:ahLst/>
              <a:cxnLst>
                <a:cxn ang="T88">
                  <a:pos x="T0" y="T1"/>
                </a:cxn>
                <a:cxn ang="T89">
                  <a:pos x="T2" y="T3"/>
                </a:cxn>
                <a:cxn ang="T90">
                  <a:pos x="T4" y="T5"/>
                </a:cxn>
                <a:cxn ang="T91">
                  <a:pos x="T6" y="T7"/>
                </a:cxn>
                <a:cxn ang="T92">
                  <a:pos x="T8" y="T9"/>
                </a:cxn>
                <a:cxn ang="T93">
                  <a:pos x="T10" y="T11"/>
                </a:cxn>
                <a:cxn ang="T94">
                  <a:pos x="T12" y="T13"/>
                </a:cxn>
                <a:cxn ang="T95">
                  <a:pos x="T14" y="T15"/>
                </a:cxn>
                <a:cxn ang="T96">
                  <a:pos x="T16" y="T17"/>
                </a:cxn>
                <a:cxn ang="T97">
                  <a:pos x="T18" y="T19"/>
                </a:cxn>
                <a:cxn ang="T98">
                  <a:pos x="T20" y="T21"/>
                </a:cxn>
                <a:cxn ang="T99">
                  <a:pos x="T22" y="T23"/>
                </a:cxn>
                <a:cxn ang="T100">
                  <a:pos x="T24" y="T25"/>
                </a:cxn>
                <a:cxn ang="T101">
                  <a:pos x="T26" y="T27"/>
                </a:cxn>
                <a:cxn ang="T102">
                  <a:pos x="T28" y="T29"/>
                </a:cxn>
                <a:cxn ang="T103">
                  <a:pos x="T30" y="T31"/>
                </a:cxn>
                <a:cxn ang="T104">
                  <a:pos x="T32" y="T33"/>
                </a:cxn>
                <a:cxn ang="T105">
                  <a:pos x="T34" y="T35"/>
                </a:cxn>
                <a:cxn ang="T106">
                  <a:pos x="T36" y="T37"/>
                </a:cxn>
                <a:cxn ang="T107">
                  <a:pos x="T38" y="T39"/>
                </a:cxn>
                <a:cxn ang="T108">
                  <a:pos x="T40" y="T41"/>
                </a:cxn>
                <a:cxn ang="T109">
                  <a:pos x="T42" y="T43"/>
                </a:cxn>
                <a:cxn ang="T110">
                  <a:pos x="T44" y="T45"/>
                </a:cxn>
                <a:cxn ang="T111">
                  <a:pos x="T46" y="T47"/>
                </a:cxn>
                <a:cxn ang="T112">
                  <a:pos x="T48" y="T49"/>
                </a:cxn>
                <a:cxn ang="T113">
                  <a:pos x="T50" y="T51"/>
                </a:cxn>
                <a:cxn ang="T114">
                  <a:pos x="T52" y="T53"/>
                </a:cxn>
                <a:cxn ang="T115">
                  <a:pos x="T54" y="T55"/>
                </a:cxn>
                <a:cxn ang="T116">
                  <a:pos x="T56" y="T57"/>
                </a:cxn>
                <a:cxn ang="T117">
                  <a:pos x="T58" y="T59"/>
                </a:cxn>
                <a:cxn ang="T118">
                  <a:pos x="T60" y="T61"/>
                </a:cxn>
                <a:cxn ang="T119">
                  <a:pos x="T62" y="T63"/>
                </a:cxn>
                <a:cxn ang="T120">
                  <a:pos x="T64" y="T65"/>
                </a:cxn>
                <a:cxn ang="T121">
                  <a:pos x="T66" y="T67"/>
                </a:cxn>
                <a:cxn ang="T122">
                  <a:pos x="T68" y="T69"/>
                </a:cxn>
                <a:cxn ang="T123">
                  <a:pos x="T70" y="T71"/>
                </a:cxn>
                <a:cxn ang="T124">
                  <a:pos x="T72" y="T73"/>
                </a:cxn>
                <a:cxn ang="T125">
                  <a:pos x="T74" y="T75"/>
                </a:cxn>
                <a:cxn ang="T126">
                  <a:pos x="T76" y="T77"/>
                </a:cxn>
                <a:cxn ang="T127">
                  <a:pos x="T78" y="T79"/>
                </a:cxn>
                <a:cxn ang="T128">
                  <a:pos x="T80" y="T81"/>
                </a:cxn>
                <a:cxn ang="T129">
                  <a:pos x="T82" y="T83"/>
                </a:cxn>
                <a:cxn ang="T130">
                  <a:pos x="T84" y="T85"/>
                </a:cxn>
                <a:cxn ang="T131">
                  <a:pos x="T86" y="T87"/>
                </a:cxn>
              </a:cxnLst>
              <a:rect l="T132" t="T133" r="T134" b="T135"/>
              <a:pathLst>
                <a:path w="16384" h="16384">
                  <a:moveTo>
                    <a:pt x="1695" y="4525"/>
                  </a:moveTo>
                  <a:lnTo>
                    <a:pt x="3390" y="2497"/>
                  </a:lnTo>
                  <a:lnTo>
                    <a:pt x="4896" y="2341"/>
                  </a:lnTo>
                  <a:lnTo>
                    <a:pt x="6026" y="780"/>
                  </a:lnTo>
                  <a:lnTo>
                    <a:pt x="6403" y="780"/>
                  </a:lnTo>
                  <a:lnTo>
                    <a:pt x="6968" y="1092"/>
                  </a:lnTo>
                  <a:lnTo>
                    <a:pt x="7721" y="624"/>
                  </a:lnTo>
                  <a:lnTo>
                    <a:pt x="9039" y="780"/>
                  </a:lnTo>
                  <a:lnTo>
                    <a:pt x="9793" y="624"/>
                  </a:lnTo>
                  <a:lnTo>
                    <a:pt x="10546" y="0"/>
                  </a:lnTo>
                  <a:lnTo>
                    <a:pt x="10923" y="156"/>
                  </a:lnTo>
                  <a:lnTo>
                    <a:pt x="10923" y="1248"/>
                  </a:lnTo>
                  <a:lnTo>
                    <a:pt x="11864" y="1872"/>
                  </a:lnTo>
                  <a:lnTo>
                    <a:pt x="12053" y="2965"/>
                  </a:lnTo>
                  <a:lnTo>
                    <a:pt x="12994" y="3589"/>
                  </a:lnTo>
                  <a:lnTo>
                    <a:pt x="12241" y="4213"/>
                  </a:lnTo>
                  <a:lnTo>
                    <a:pt x="11488" y="4837"/>
                  </a:lnTo>
                  <a:lnTo>
                    <a:pt x="11111" y="5617"/>
                  </a:lnTo>
                  <a:lnTo>
                    <a:pt x="10734" y="6866"/>
                  </a:lnTo>
                  <a:lnTo>
                    <a:pt x="10734" y="7958"/>
                  </a:lnTo>
                  <a:lnTo>
                    <a:pt x="11676" y="8582"/>
                  </a:lnTo>
                  <a:lnTo>
                    <a:pt x="11864" y="8894"/>
                  </a:lnTo>
                  <a:lnTo>
                    <a:pt x="12053" y="10299"/>
                  </a:lnTo>
                  <a:lnTo>
                    <a:pt x="12241" y="11079"/>
                  </a:lnTo>
                  <a:lnTo>
                    <a:pt x="13183" y="11547"/>
                  </a:lnTo>
                  <a:lnTo>
                    <a:pt x="14501" y="11703"/>
                  </a:lnTo>
                  <a:lnTo>
                    <a:pt x="15254" y="11859"/>
                  </a:lnTo>
                  <a:lnTo>
                    <a:pt x="16007" y="12015"/>
                  </a:lnTo>
                  <a:lnTo>
                    <a:pt x="16196" y="12639"/>
                  </a:lnTo>
                  <a:lnTo>
                    <a:pt x="16384" y="13575"/>
                  </a:lnTo>
                  <a:lnTo>
                    <a:pt x="16196" y="14512"/>
                  </a:lnTo>
                  <a:lnTo>
                    <a:pt x="15442" y="14824"/>
                  </a:lnTo>
                  <a:lnTo>
                    <a:pt x="15819" y="15448"/>
                  </a:lnTo>
                  <a:lnTo>
                    <a:pt x="15631" y="16072"/>
                  </a:lnTo>
                  <a:lnTo>
                    <a:pt x="14877" y="15448"/>
                  </a:lnTo>
                  <a:lnTo>
                    <a:pt x="14501" y="15916"/>
                  </a:lnTo>
                  <a:lnTo>
                    <a:pt x="13936" y="15916"/>
                  </a:lnTo>
                  <a:lnTo>
                    <a:pt x="13936" y="15292"/>
                  </a:lnTo>
                  <a:lnTo>
                    <a:pt x="13371" y="14512"/>
                  </a:lnTo>
                  <a:lnTo>
                    <a:pt x="12241" y="14980"/>
                  </a:lnTo>
                  <a:lnTo>
                    <a:pt x="13183" y="15136"/>
                  </a:lnTo>
                  <a:lnTo>
                    <a:pt x="12994" y="15604"/>
                  </a:lnTo>
                  <a:lnTo>
                    <a:pt x="12241" y="15760"/>
                  </a:lnTo>
                  <a:lnTo>
                    <a:pt x="11676" y="15916"/>
                  </a:lnTo>
                  <a:lnTo>
                    <a:pt x="10923" y="16228"/>
                  </a:lnTo>
                  <a:lnTo>
                    <a:pt x="9604" y="15292"/>
                  </a:lnTo>
                  <a:lnTo>
                    <a:pt x="9416" y="15916"/>
                  </a:lnTo>
                  <a:lnTo>
                    <a:pt x="7345" y="16072"/>
                  </a:lnTo>
                  <a:lnTo>
                    <a:pt x="7345" y="15760"/>
                  </a:lnTo>
                  <a:lnTo>
                    <a:pt x="6591" y="15760"/>
                  </a:lnTo>
                  <a:lnTo>
                    <a:pt x="5461" y="15916"/>
                  </a:lnTo>
                  <a:lnTo>
                    <a:pt x="5085" y="16384"/>
                  </a:lnTo>
                  <a:lnTo>
                    <a:pt x="3013" y="16072"/>
                  </a:lnTo>
                  <a:lnTo>
                    <a:pt x="1883" y="16072"/>
                  </a:lnTo>
                  <a:lnTo>
                    <a:pt x="1507" y="15760"/>
                  </a:lnTo>
                  <a:lnTo>
                    <a:pt x="565" y="15136"/>
                  </a:lnTo>
                  <a:lnTo>
                    <a:pt x="1318" y="14512"/>
                  </a:lnTo>
                  <a:lnTo>
                    <a:pt x="1507" y="13731"/>
                  </a:lnTo>
                  <a:lnTo>
                    <a:pt x="377" y="12951"/>
                  </a:lnTo>
                  <a:lnTo>
                    <a:pt x="0" y="12483"/>
                  </a:lnTo>
                  <a:lnTo>
                    <a:pt x="753" y="12171"/>
                  </a:lnTo>
                  <a:lnTo>
                    <a:pt x="2072" y="12483"/>
                  </a:lnTo>
                  <a:lnTo>
                    <a:pt x="2260" y="12327"/>
                  </a:lnTo>
                  <a:lnTo>
                    <a:pt x="1695" y="11859"/>
                  </a:lnTo>
                  <a:lnTo>
                    <a:pt x="2637" y="11391"/>
                  </a:lnTo>
                  <a:lnTo>
                    <a:pt x="1883" y="11235"/>
                  </a:lnTo>
                  <a:lnTo>
                    <a:pt x="1318" y="11547"/>
                  </a:lnTo>
                  <a:lnTo>
                    <a:pt x="753" y="11235"/>
                  </a:lnTo>
                  <a:lnTo>
                    <a:pt x="753" y="10455"/>
                  </a:lnTo>
                  <a:lnTo>
                    <a:pt x="1883" y="10923"/>
                  </a:lnTo>
                  <a:lnTo>
                    <a:pt x="2637" y="10767"/>
                  </a:lnTo>
                  <a:lnTo>
                    <a:pt x="3390" y="10611"/>
                  </a:lnTo>
                  <a:lnTo>
                    <a:pt x="4520" y="10767"/>
                  </a:lnTo>
                  <a:lnTo>
                    <a:pt x="4708" y="10299"/>
                  </a:lnTo>
                  <a:lnTo>
                    <a:pt x="3955" y="10299"/>
                  </a:lnTo>
                  <a:lnTo>
                    <a:pt x="3013" y="9986"/>
                  </a:lnTo>
                  <a:lnTo>
                    <a:pt x="2260" y="9674"/>
                  </a:lnTo>
                  <a:lnTo>
                    <a:pt x="2072" y="9362"/>
                  </a:lnTo>
                  <a:lnTo>
                    <a:pt x="2260" y="8738"/>
                  </a:lnTo>
                  <a:lnTo>
                    <a:pt x="2448" y="8114"/>
                  </a:lnTo>
                  <a:lnTo>
                    <a:pt x="2448" y="7490"/>
                  </a:lnTo>
                  <a:lnTo>
                    <a:pt x="2072" y="6710"/>
                  </a:lnTo>
                  <a:lnTo>
                    <a:pt x="1507" y="6085"/>
                  </a:lnTo>
                  <a:lnTo>
                    <a:pt x="2072" y="5929"/>
                  </a:lnTo>
                  <a:lnTo>
                    <a:pt x="2637" y="5617"/>
                  </a:lnTo>
                  <a:lnTo>
                    <a:pt x="2260" y="5305"/>
                  </a:lnTo>
                  <a:lnTo>
                    <a:pt x="1883" y="4993"/>
                  </a:lnTo>
                  <a:lnTo>
                    <a:pt x="1695" y="4525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22" name="d14301"/>
            <xdr:cNvSpPr>
              <a:spLocks/>
            </xdr:cNvSpPr>
          </xdr:nvSpPr>
          <xdr:spPr bwMode="auto">
            <a:xfrm>
              <a:off x="7852758" y="6577542"/>
              <a:ext cx="846658" cy="527373"/>
            </a:xfrm>
            <a:custGeom>
              <a:avLst/>
              <a:gdLst>
                <a:gd name="T0" fmla="*/ 34990125 w 16384"/>
                <a:gd name="T1" fmla="*/ 5581459 h 16384"/>
                <a:gd name="T2" fmla="*/ 39918714 w 16384"/>
                <a:gd name="T3" fmla="*/ 8062692 h 16384"/>
                <a:gd name="T4" fmla="*/ 43862155 w 16384"/>
                <a:gd name="T5" fmla="*/ 8372171 h 16384"/>
                <a:gd name="T6" fmla="*/ 42384380 w 16384"/>
                <a:gd name="T7" fmla="*/ 9613310 h 16384"/>
                <a:gd name="T8" fmla="*/ 43369529 w 16384"/>
                <a:gd name="T9" fmla="*/ 12713534 h 16384"/>
                <a:gd name="T10" fmla="*/ 40903915 w 16384"/>
                <a:gd name="T11" fmla="*/ 13644118 h 16384"/>
                <a:gd name="T12" fmla="*/ 36963165 w 16384"/>
                <a:gd name="T13" fmla="*/ 14884214 h 16384"/>
                <a:gd name="T14" fmla="*/ 35482699 w 16384"/>
                <a:gd name="T15" fmla="*/ 16125352 h 16384"/>
                <a:gd name="T16" fmla="*/ 32034575 w 16384"/>
                <a:gd name="T17" fmla="*/ 15505320 h 16384"/>
                <a:gd name="T18" fmla="*/ 30556801 w 16384"/>
                <a:gd name="T19" fmla="*/ 13644118 h 16384"/>
                <a:gd name="T20" fmla="*/ 28583761 w 16384"/>
                <a:gd name="T21" fmla="*/ 14264182 h 16384"/>
                <a:gd name="T22" fmla="*/ 25135579 w 16384"/>
                <a:gd name="T23" fmla="*/ 14884214 h 16384"/>
                <a:gd name="T24" fmla="*/ 22177390 w 16384"/>
                <a:gd name="T25" fmla="*/ 14884214 h 16384"/>
                <a:gd name="T26" fmla="*/ 19221841 w 16384"/>
                <a:gd name="T27" fmla="*/ 15814799 h 16384"/>
                <a:gd name="T28" fmla="*/ 16263601 w 16384"/>
                <a:gd name="T29" fmla="*/ 16125352 h 16384"/>
                <a:gd name="T30" fmla="*/ 7391568 w 16384"/>
                <a:gd name="T31" fmla="*/ 17365452 h 16384"/>
                <a:gd name="T32" fmla="*/ 6898993 w 16384"/>
                <a:gd name="T33" fmla="*/ 15505320 h 16384"/>
                <a:gd name="T34" fmla="*/ 3943442 w 16384"/>
                <a:gd name="T35" fmla="*/ 13334640 h 16384"/>
                <a:gd name="T36" fmla="*/ 2462976 w 16384"/>
                <a:gd name="T37" fmla="*/ 11783991 h 16384"/>
                <a:gd name="T38" fmla="*/ 492575 w 16384"/>
                <a:gd name="T39" fmla="*/ 10233375 h 16384"/>
                <a:gd name="T40" fmla="*/ 985201 w 16384"/>
                <a:gd name="T41" fmla="*/ 8372171 h 16384"/>
                <a:gd name="T42" fmla="*/ 985201 w 16384"/>
                <a:gd name="T43" fmla="*/ 5271947 h 16384"/>
                <a:gd name="T44" fmla="*/ 0 w 16384"/>
                <a:gd name="T45" fmla="*/ 2790713 h 16384"/>
                <a:gd name="T46" fmla="*/ 3943442 w 16384"/>
                <a:gd name="T47" fmla="*/ 4030809 h 16384"/>
                <a:gd name="T48" fmla="*/ 7391568 w 16384"/>
                <a:gd name="T49" fmla="*/ 2170681 h 16384"/>
                <a:gd name="T50" fmla="*/ 11335008 w 16384"/>
                <a:gd name="T51" fmla="*/ 1550649 h 16384"/>
                <a:gd name="T52" fmla="*/ 14293200 w 16384"/>
                <a:gd name="T53" fmla="*/ 310553 h 16384"/>
                <a:gd name="T54" fmla="*/ 17741376 w 16384"/>
                <a:gd name="T55" fmla="*/ 310553 h 16384"/>
                <a:gd name="T56" fmla="*/ 22177390 w 16384"/>
                <a:gd name="T57" fmla="*/ 930585 h 16384"/>
                <a:gd name="T58" fmla="*/ 26120779 w 16384"/>
                <a:gd name="T59" fmla="*/ 1550649 h 16384"/>
                <a:gd name="T60" fmla="*/ 22669965 w 16384"/>
                <a:gd name="T61" fmla="*/ 4030809 h 16384"/>
                <a:gd name="T62" fmla="*/ 18726524 w 16384"/>
                <a:gd name="T63" fmla="*/ 4651916 h 16384"/>
                <a:gd name="T64" fmla="*/ 16756175 w 16384"/>
                <a:gd name="T65" fmla="*/ 5271947 h 16384"/>
                <a:gd name="T66" fmla="*/ 20206990 w 16384"/>
                <a:gd name="T67" fmla="*/ 6512043 h 16384"/>
                <a:gd name="T68" fmla="*/ 24147740 w 16384"/>
                <a:gd name="T69" fmla="*/ 6512043 h 16384"/>
                <a:gd name="T70" fmla="*/ 28091187 w 16384"/>
                <a:gd name="T71" fmla="*/ 6512043 h 16384"/>
                <a:gd name="T72" fmla="*/ 32527150 w 16384"/>
                <a:gd name="T73" fmla="*/ 7132075 h 16384"/>
                <a:gd name="T74" fmla="*/ 33512350 w 16384"/>
                <a:gd name="T75" fmla="*/ 5892012 h 16384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w 16384"/>
                <a:gd name="T115" fmla="*/ 0 h 16384"/>
                <a:gd name="T116" fmla="*/ 16384 w 16384"/>
                <a:gd name="T117" fmla="*/ 16384 h 16384"/>
              </a:gdLst>
              <a:ahLst/>
              <a:cxnLst>
                <a:cxn ang="T76">
                  <a:pos x="T0" y="T1"/>
                </a:cxn>
                <a:cxn ang="T77">
                  <a:pos x="T2" y="T3"/>
                </a:cxn>
                <a:cxn ang="T78">
                  <a:pos x="T4" y="T5"/>
                </a:cxn>
                <a:cxn ang="T79">
                  <a:pos x="T6" y="T7"/>
                </a:cxn>
                <a:cxn ang="T80">
                  <a:pos x="T8" y="T9"/>
                </a:cxn>
                <a:cxn ang="T81">
                  <a:pos x="T10" y="T11"/>
                </a:cxn>
                <a:cxn ang="T82">
                  <a:pos x="T12" y="T13"/>
                </a:cxn>
                <a:cxn ang="T83">
                  <a:pos x="T14" y="T15"/>
                </a:cxn>
                <a:cxn ang="T84">
                  <a:pos x="T16" y="T17"/>
                </a:cxn>
                <a:cxn ang="T85">
                  <a:pos x="T18" y="T19"/>
                </a:cxn>
                <a:cxn ang="T86">
                  <a:pos x="T20" y="T21"/>
                </a:cxn>
                <a:cxn ang="T87">
                  <a:pos x="T22" y="T23"/>
                </a:cxn>
                <a:cxn ang="T88">
                  <a:pos x="T24" y="T25"/>
                </a:cxn>
                <a:cxn ang="T89">
                  <a:pos x="T26" y="T27"/>
                </a:cxn>
                <a:cxn ang="T90">
                  <a:pos x="T28" y="T29"/>
                </a:cxn>
                <a:cxn ang="T91">
                  <a:pos x="T30" y="T31"/>
                </a:cxn>
                <a:cxn ang="T92">
                  <a:pos x="T32" y="T33"/>
                </a:cxn>
                <a:cxn ang="T93">
                  <a:pos x="T34" y="T35"/>
                </a:cxn>
                <a:cxn ang="T94">
                  <a:pos x="T36" y="T37"/>
                </a:cxn>
                <a:cxn ang="T95">
                  <a:pos x="T38" y="T39"/>
                </a:cxn>
                <a:cxn ang="T96">
                  <a:pos x="T40" y="T41"/>
                </a:cxn>
                <a:cxn ang="T97">
                  <a:pos x="T42" y="T43"/>
                </a:cxn>
                <a:cxn ang="T98">
                  <a:pos x="T44" y="T45"/>
                </a:cxn>
                <a:cxn ang="T99">
                  <a:pos x="T46" y="T47"/>
                </a:cxn>
                <a:cxn ang="T100">
                  <a:pos x="T48" y="T49"/>
                </a:cxn>
                <a:cxn ang="T101">
                  <a:pos x="T50" y="T51"/>
                </a:cxn>
                <a:cxn ang="T102">
                  <a:pos x="T52" y="T53"/>
                </a:cxn>
                <a:cxn ang="T103">
                  <a:pos x="T54" y="T55"/>
                </a:cxn>
                <a:cxn ang="T104">
                  <a:pos x="T56" y="T57"/>
                </a:cxn>
                <a:cxn ang="T105">
                  <a:pos x="T58" y="T59"/>
                </a:cxn>
                <a:cxn ang="T106">
                  <a:pos x="T60" y="T61"/>
                </a:cxn>
                <a:cxn ang="T107">
                  <a:pos x="T62" y="T63"/>
                </a:cxn>
                <a:cxn ang="T108">
                  <a:pos x="T64" y="T65"/>
                </a:cxn>
                <a:cxn ang="T109">
                  <a:pos x="T66" y="T67"/>
                </a:cxn>
                <a:cxn ang="T110">
                  <a:pos x="T68" y="T69"/>
                </a:cxn>
                <a:cxn ang="T111">
                  <a:pos x="T70" y="T71"/>
                </a:cxn>
                <a:cxn ang="T112">
                  <a:pos x="T72" y="T73"/>
                </a:cxn>
                <a:cxn ang="T113">
                  <a:pos x="T74" y="T75"/>
                </a:cxn>
              </a:cxnLst>
              <a:rect l="T114" t="T115" r="T116" b="T117"/>
              <a:pathLst>
                <a:path w="16384" h="16384">
                  <a:moveTo>
                    <a:pt x="12518" y="5559"/>
                  </a:moveTo>
                  <a:lnTo>
                    <a:pt x="13070" y="5266"/>
                  </a:lnTo>
                  <a:lnTo>
                    <a:pt x="13807" y="6729"/>
                  </a:lnTo>
                  <a:lnTo>
                    <a:pt x="14911" y="7607"/>
                  </a:lnTo>
                  <a:lnTo>
                    <a:pt x="15648" y="7899"/>
                  </a:lnTo>
                  <a:lnTo>
                    <a:pt x="16384" y="7899"/>
                  </a:lnTo>
                  <a:lnTo>
                    <a:pt x="16384" y="8485"/>
                  </a:lnTo>
                  <a:lnTo>
                    <a:pt x="15832" y="9070"/>
                  </a:lnTo>
                  <a:lnTo>
                    <a:pt x="15832" y="10533"/>
                  </a:lnTo>
                  <a:lnTo>
                    <a:pt x="16200" y="11995"/>
                  </a:lnTo>
                  <a:lnTo>
                    <a:pt x="16016" y="13166"/>
                  </a:lnTo>
                  <a:lnTo>
                    <a:pt x="15279" y="12873"/>
                  </a:lnTo>
                  <a:lnTo>
                    <a:pt x="14359" y="13458"/>
                  </a:lnTo>
                  <a:lnTo>
                    <a:pt x="13807" y="14043"/>
                  </a:lnTo>
                  <a:lnTo>
                    <a:pt x="13439" y="14336"/>
                  </a:lnTo>
                  <a:lnTo>
                    <a:pt x="13254" y="15214"/>
                  </a:lnTo>
                  <a:lnTo>
                    <a:pt x="12702" y="15214"/>
                  </a:lnTo>
                  <a:lnTo>
                    <a:pt x="11966" y="14629"/>
                  </a:lnTo>
                  <a:lnTo>
                    <a:pt x="11782" y="13458"/>
                  </a:lnTo>
                  <a:lnTo>
                    <a:pt x="11414" y="12873"/>
                  </a:lnTo>
                  <a:lnTo>
                    <a:pt x="11045" y="12581"/>
                  </a:lnTo>
                  <a:lnTo>
                    <a:pt x="10677" y="13458"/>
                  </a:lnTo>
                  <a:lnTo>
                    <a:pt x="10125" y="14043"/>
                  </a:lnTo>
                  <a:lnTo>
                    <a:pt x="9389" y="14043"/>
                  </a:lnTo>
                  <a:lnTo>
                    <a:pt x="9020" y="14043"/>
                  </a:lnTo>
                  <a:lnTo>
                    <a:pt x="8284" y="14043"/>
                  </a:lnTo>
                  <a:lnTo>
                    <a:pt x="7732" y="14043"/>
                  </a:lnTo>
                  <a:lnTo>
                    <a:pt x="7180" y="14921"/>
                  </a:lnTo>
                  <a:lnTo>
                    <a:pt x="7180" y="15214"/>
                  </a:lnTo>
                  <a:lnTo>
                    <a:pt x="6075" y="15214"/>
                  </a:lnTo>
                  <a:lnTo>
                    <a:pt x="3130" y="15799"/>
                  </a:lnTo>
                  <a:lnTo>
                    <a:pt x="2761" y="16384"/>
                  </a:lnTo>
                  <a:lnTo>
                    <a:pt x="1841" y="16384"/>
                  </a:lnTo>
                  <a:lnTo>
                    <a:pt x="2577" y="14629"/>
                  </a:lnTo>
                  <a:lnTo>
                    <a:pt x="2025" y="13751"/>
                  </a:lnTo>
                  <a:lnTo>
                    <a:pt x="1473" y="12581"/>
                  </a:lnTo>
                  <a:lnTo>
                    <a:pt x="1473" y="11410"/>
                  </a:lnTo>
                  <a:lnTo>
                    <a:pt x="920" y="11118"/>
                  </a:lnTo>
                  <a:lnTo>
                    <a:pt x="0" y="10533"/>
                  </a:lnTo>
                  <a:lnTo>
                    <a:pt x="184" y="9655"/>
                  </a:lnTo>
                  <a:lnTo>
                    <a:pt x="552" y="8777"/>
                  </a:lnTo>
                  <a:lnTo>
                    <a:pt x="368" y="7899"/>
                  </a:lnTo>
                  <a:lnTo>
                    <a:pt x="736" y="6729"/>
                  </a:lnTo>
                  <a:lnTo>
                    <a:pt x="368" y="4974"/>
                  </a:lnTo>
                  <a:lnTo>
                    <a:pt x="184" y="3803"/>
                  </a:lnTo>
                  <a:lnTo>
                    <a:pt x="0" y="2633"/>
                  </a:lnTo>
                  <a:lnTo>
                    <a:pt x="736" y="2341"/>
                  </a:lnTo>
                  <a:lnTo>
                    <a:pt x="1473" y="3803"/>
                  </a:lnTo>
                  <a:lnTo>
                    <a:pt x="2209" y="3218"/>
                  </a:lnTo>
                  <a:lnTo>
                    <a:pt x="2761" y="2048"/>
                  </a:lnTo>
                  <a:lnTo>
                    <a:pt x="3498" y="2048"/>
                  </a:lnTo>
                  <a:lnTo>
                    <a:pt x="4234" y="1463"/>
                  </a:lnTo>
                  <a:lnTo>
                    <a:pt x="4786" y="0"/>
                  </a:lnTo>
                  <a:lnTo>
                    <a:pt x="5339" y="293"/>
                  </a:lnTo>
                  <a:lnTo>
                    <a:pt x="6259" y="0"/>
                  </a:lnTo>
                  <a:lnTo>
                    <a:pt x="6627" y="293"/>
                  </a:lnTo>
                  <a:lnTo>
                    <a:pt x="8100" y="293"/>
                  </a:lnTo>
                  <a:lnTo>
                    <a:pt x="8284" y="878"/>
                  </a:lnTo>
                  <a:lnTo>
                    <a:pt x="9204" y="585"/>
                  </a:lnTo>
                  <a:lnTo>
                    <a:pt x="9757" y="1463"/>
                  </a:lnTo>
                  <a:lnTo>
                    <a:pt x="9389" y="2633"/>
                  </a:lnTo>
                  <a:lnTo>
                    <a:pt x="8468" y="3803"/>
                  </a:lnTo>
                  <a:lnTo>
                    <a:pt x="7916" y="3803"/>
                  </a:lnTo>
                  <a:lnTo>
                    <a:pt x="6995" y="4389"/>
                  </a:lnTo>
                  <a:lnTo>
                    <a:pt x="6443" y="4389"/>
                  </a:lnTo>
                  <a:lnTo>
                    <a:pt x="6259" y="4974"/>
                  </a:lnTo>
                  <a:lnTo>
                    <a:pt x="6811" y="6144"/>
                  </a:lnTo>
                  <a:lnTo>
                    <a:pt x="7548" y="6144"/>
                  </a:lnTo>
                  <a:lnTo>
                    <a:pt x="8100" y="6437"/>
                  </a:lnTo>
                  <a:lnTo>
                    <a:pt x="9020" y="6144"/>
                  </a:lnTo>
                  <a:lnTo>
                    <a:pt x="9941" y="5851"/>
                  </a:lnTo>
                  <a:lnTo>
                    <a:pt x="10493" y="6144"/>
                  </a:lnTo>
                  <a:lnTo>
                    <a:pt x="11229" y="6729"/>
                  </a:lnTo>
                  <a:lnTo>
                    <a:pt x="12150" y="6729"/>
                  </a:lnTo>
                  <a:lnTo>
                    <a:pt x="12702" y="5851"/>
                  </a:lnTo>
                  <a:lnTo>
                    <a:pt x="12518" y="5559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23" name="d14341"/>
            <xdr:cNvSpPr>
              <a:spLocks/>
            </xdr:cNvSpPr>
          </xdr:nvSpPr>
          <xdr:spPr bwMode="auto">
            <a:xfrm>
              <a:off x="4218787" y="5986520"/>
              <a:ext cx="960814" cy="500095"/>
            </a:xfrm>
            <a:custGeom>
              <a:avLst/>
              <a:gdLst>
                <a:gd name="T0" fmla="*/ 0 w 16384"/>
                <a:gd name="T1" fmla="*/ 2347818 h 16384"/>
                <a:gd name="T2" fmla="*/ 3876624 w 16384"/>
                <a:gd name="T3" fmla="*/ 2054457 h 16384"/>
                <a:gd name="T4" fmla="*/ 7198978 w 16384"/>
                <a:gd name="T5" fmla="*/ 0 h 16384"/>
                <a:gd name="T6" fmla="*/ 10521275 w 16384"/>
                <a:gd name="T7" fmla="*/ 586723 h 16384"/>
                <a:gd name="T8" fmla="*/ 14952223 w 16384"/>
                <a:gd name="T9" fmla="*/ 0 h 16384"/>
                <a:gd name="T10" fmla="*/ 17165986 w 16384"/>
                <a:gd name="T11" fmla="*/ 880085 h 16384"/>
                <a:gd name="T12" fmla="*/ 20488282 w 16384"/>
                <a:gd name="T13" fmla="*/ 586723 h 16384"/>
                <a:gd name="T14" fmla="*/ 21596876 w 16384"/>
                <a:gd name="T15" fmla="*/ 1467733 h 16384"/>
                <a:gd name="T16" fmla="*/ 28795852 w 16384"/>
                <a:gd name="T17" fmla="*/ 1467733 h 16384"/>
                <a:gd name="T18" fmla="*/ 29901017 w 16384"/>
                <a:gd name="T19" fmla="*/ 2347818 h 16384"/>
                <a:gd name="T20" fmla="*/ 28795852 w 16384"/>
                <a:gd name="T21" fmla="*/ 3815581 h 16384"/>
                <a:gd name="T22" fmla="*/ 30455285 w 16384"/>
                <a:gd name="T23" fmla="*/ 3815581 h 16384"/>
                <a:gd name="T24" fmla="*/ 32118155 w 16384"/>
                <a:gd name="T25" fmla="*/ 5282360 h 16384"/>
                <a:gd name="T26" fmla="*/ 35440509 w 16384"/>
                <a:gd name="T27" fmla="*/ 5870038 h 16384"/>
                <a:gd name="T28" fmla="*/ 35440509 w 16384"/>
                <a:gd name="T29" fmla="*/ 6456761 h 16384"/>
                <a:gd name="T30" fmla="*/ 40422295 w 16384"/>
                <a:gd name="T31" fmla="*/ 6163400 h 16384"/>
                <a:gd name="T32" fmla="*/ 43744649 w 16384"/>
                <a:gd name="T33" fmla="*/ 4695636 h 16384"/>
                <a:gd name="T34" fmla="*/ 47621271 w 16384"/>
                <a:gd name="T35" fmla="*/ 3815581 h 16384"/>
                <a:gd name="T36" fmla="*/ 48729808 w 16384"/>
                <a:gd name="T37" fmla="*/ 2641180 h 16384"/>
                <a:gd name="T38" fmla="*/ 50389299 w 16384"/>
                <a:gd name="T39" fmla="*/ 3815581 h 16384"/>
                <a:gd name="T40" fmla="*/ 54265921 w 16384"/>
                <a:gd name="T41" fmla="*/ 3815581 h 16384"/>
                <a:gd name="T42" fmla="*/ 55374515 w 16384"/>
                <a:gd name="T43" fmla="*/ 4988998 h 16384"/>
                <a:gd name="T44" fmla="*/ 53160756 w 16384"/>
                <a:gd name="T45" fmla="*/ 5870038 h 16384"/>
                <a:gd name="T46" fmla="*/ 51497893 w 16384"/>
                <a:gd name="T47" fmla="*/ 6163400 h 16384"/>
                <a:gd name="T48" fmla="*/ 50389299 w 16384"/>
                <a:gd name="T49" fmla="*/ 8511219 h 16384"/>
                <a:gd name="T50" fmla="*/ 53160756 w 16384"/>
                <a:gd name="T51" fmla="*/ 9684665 h 16384"/>
                <a:gd name="T52" fmla="*/ 44853244 w 16384"/>
                <a:gd name="T53" fmla="*/ 10859036 h 16384"/>
                <a:gd name="T54" fmla="*/ 43193753 w 16384"/>
                <a:gd name="T55" fmla="*/ 12032482 h 16384"/>
                <a:gd name="T56" fmla="*/ 33777646 w 16384"/>
                <a:gd name="T57" fmla="*/ 13206884 h 16384"/>
                <a:gd name="T58" fmla="*/ 11075601 w 16384"/>
                <a:gd name="T59" fmla="*/ 15554701 h 16384"/>
                <a:gd name="T60" fmla="*/ 11075601 w 16384"/>
                <a:gd name="T61" fmla="*/ 13793607 h 16384"/>
                <a:gd name="T62" fmla="*/ 9412739 w 16384"/>
                <a:gd name="T63" fmla="*/ 12032482 h 16384"/>
                <a:gd name="T64" fmla="*/ 9412739 w 16384"/>
                <a:gd name="T65" fmla="*/ 10565705 h 16384"/>
                <a:gd name="T66" fmla="*/ 8307516 w 16384"/>
                <a:gd name="T67" fmla="*/ 8217857 h 16384"/>
                <a:gd name="T68" fmla="*/ 4430892 w 16384"/>
                <a:gd name="T69" fmla="*/ 8217857 h 16384"/>
                <a:gd name="T70" fmla="*/ 2768028 w 16384"/>
                <a:gd name="T71" fmla="*/ 5576676 h 16384"/>
                <a:gd name="T72" fmla="*/ 0 w 16384"/>
                <a:gd name="T73" fmla="*/ 2347818 h 16384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w 16384"/>
                <a:gd name="T112" fmla="*/ 0 h 16384"/>
                <a:gd name="T113" fmla="*/ 16384 w 16384"/>
                <a:gd name="T114" fmla="*/ 16384 h 16384"/>
              </a:gdLst>
              <a:ahLst/>
              <a:cxnLst>
                <a:cxn ang="T74">
                  <a:pos x="T0" y="T1"/>
                </a:cxn>
                <a:cxn ang="T75">
                  <a:pos x="T2" y="T3"/>
                </a:cxn>
                <a:cxn ang="T76">
                  <a:pos x="T4" y="T5"/>
                </a:cxn>
                <a:cxn ang="T77">
                  <a:pos x="T6" y="T7"/>
                </a:cxn>
                <a:cxn ang="T78">
                  <a:pos x="T8" y="T9"/>
                </a:cxn>
                <a:cxn ang="T79">
                  <a:pos x="T10" y="T11"/>
                </a:cxn>
                <a:cxn ang="T80">
                  <a:pos x="T12" y="T13"/>
                </a:cxn>
                <a:cxn ang="T81">
                  <a:pos x="T14" y="T15"/>
                </a:cxn>
                <a:cxn ang="T82">
                  <a:pos x="T16" y="T17"/>
                </a:cxn>
                <a:cxn ang="T83">
                  <a:pos x="T18" y="T19"/>
                </a:cxn>
                <a:cxn ang="T84">
                  <a:pos x="T20" y="T21"/>
                </a:cxn>
                <a:cxn ang="T85">
                  <a:pos x="T22" y="T23"/>
                </a:cxn>
                <a:cxn ang="T86">
                  <a:pos x="T24" y="T25"/>
                </a:cxn>
                <a:cxn ang="T87">
                  <a:pos x="T26" y="T27"/>
                </a:cxn>
                <a:cxn ang="T88">
                  <a:pos x="T28" y="T29"/>
                </a:cxn>
                <a:cxn ang="T89">
                  <a:pos x="T30" y="T31"/>
                </a:cxn>
                <a:cxn ang="T90">
                  <a:pos x="T32" y="T33"/>
                </a:cxn>
                <a:cxn ang="T91">
                  <a:pos x="T34" y="T35"/>
                </a:cxn>
                <a:cxn ang="T92">
                  <a:pos x="T36" y="T37"/>
                </a:cxn>
                <a:cxn ang="T93">
                  <a:pos x="T38" y="T39"/>
                </a:cxn>
                <a:cxn ang="T94">
                  <a:pos x="T40" y="T41"/>
                </a:cxn>
                <a:cxn ang="T95">
                  <a:pos x="T42" y="T43"/>
                </a:cxn>
                <a:cxn ang="T96">
                  <a:pos x="T44" y="T45"/>
                </a:cxn>
                <a:cxn ang="T97">
                  <a:pos x="T46" y="T47"/>
                </a:cxn>
                <a:cxn ang="T98">
                  <a:pos x="T48" y="T49"/>
                </a:cxn>
                <a:cxn ang="T99">
                  <a:pos x="T50" y="T51"/>
                </a:cxn>
                <a:cxn ang="T100">
                  <a:pos x="T52" y="T53"/>
                </a:cxn>
                <a:cxn ang="T101">
                  <a:pos x="T54" y="T55"/>
                </a:cxn>
                <a:cxn ang="T102">
                  <a:pos x="T56" y="T57"/>
                </a:cxn>
                <a:cxn ang="T103">
                  <a:pos x="T58" y="T59"/>
                </a:cxn>
                <a:cxn ang="T104">
                  <a:pos x="T60" y="T61"/>
                </a:cxn>
                <a:cxn ang="T105">
                  <a:pos x="T62" y="T63"/>
                </a:cxn>
                <a:cxn ang="T106">
                  <a:pos x="T64" y="T65"/>
                </a:cxn>
                <a:cxn ang="T107">
                  <a:pos x="T66" y="T67"/>
                </a:cxn>
                <a:cxn ang="T108">
                  <a:pos x="T68" y="T69"/>
                </a:cxn>
                <a:cxn ang="T109">
                  <a:pos x="T70" y="T71"/>
                </a:cxn>
                <a:cxn ang="T110">
                  <a:pos x="T72" y="T73"/>
                </a:cxn>
              </a:cxnLst>
              <a:rect l="T111" t="T112" r="T113" b="T114"/>
              <a:pathLst>
                <a:path w="16384" h="16384">
                  <a:moveTo>
                    <a:pt x="0" y="2473"/>
                  </a:moveTo>
                  <a:lnTo>
                    <a:pt x="1147" y="2164"/>
                  </a:lnTo>
                  <a:lnTo>
                    <a:pt x="2130" y="0"/>
                  </a:lnTo>
                  <a:lnTo>
                    <a:pt x="3113" y="618"/>
                  </a:lnTo>
                  <a:lnTo>
                    <a:pt x="4424" y="0"/>
                  </a:lnTo>
                  <a:lnTo>
                    <a:pt x="5079" y="927"/>
                  </a:lnTo>
                  <a:lnTo>
                    <a:pt x="6062" y="618"/>
                  </a:lnTo>
                  <a:lnTo>
                    <a:pt x="6390" y="1546"/>
                  </a:lnTo>
                  <a:lnTo>
                    <a:pt x="8520" y="1546"/>
                  </a:lnTo>
                  <a:lnTo>
                    <a:pt x="8847" y="2473"/>
                  </a:lnTo>
                  <a:lnTo>
                    <a:pt x="8520" y="4019"/>
                  </a:lnTo>
                  <a:lnTo>
                    <a:pt x="9011" y="4019"/>
                  </a:lnTo>
                  <a:lnTo>
                    <a:pt x="9503" y="5564"/>
                  </a:lnTo>
                  <a:lnTo>
                    <a:pt x="10486" y="6183"/>
                  </a:lnTo>
                  <a:lnTo>
                    <a:pt x="10486" y="6801"/>
                  </a:lnTo>
                  <a:lnTo>
                    <a:pt x="11960" y="6492"/>
                  </a:lnTo>
                  <a:lnTo>
                    <a:pt x="12943" y="4946"/>
                  </a:lnTo>
                  <a:lnTo>
                    <a:pt x="14090" y="4019"/>
                  </a:lnTo>
                  <a:lnTo>
                    <a:pt x="14418" y="2782"/>
                  </a:lnTo>
                  <a:lnTo>
                    <a:pt x="14909" y="4019"/>
                  </a:lnTo>
                  <a:lnTo>
                    <a:pt x="16056" y="4019"/>
                  </a:lnTo>
                  <a:lnTo>
                    <a:pt x="16384" y="5255"/>
                  </a:lnTo>
                  <a:lnTo>
                    <a:pt x="15729" y="6183"/>
                  </a:lnTo>
                  <a:lnTo>
                    <a:pt x="15237" y="6492"/>
                  </a:lnTo>
                  <a:lnTo>
                    <a:pt x="14909" y="8965"/>
                  </a:lnTo>
                  <a:lnTo>
                    <a:pt x="15729" y="10201"/>
                  </a:lnTo>
                  <a:lnTo>
                    <a:pt x="13271" y="11438"/>
                  </a:lnTo>
                  <a:lnTo>
                    <a:pt x="12780" y="12674"/>
                  </a:lnTo>
                  <a:lnTo>
                    <a:pt x="9994" y="13911"/>
                  </a:lnTo>
                  <a:lnTo>
                    <a:pt x="3277" y="16384"/>
                  </a:lnTo>
                  <a:lnTo>
                    <a:pt x="3277" y="14529"/>
                  </a:lnTo>
                  <a:lnTo>
                    <a:pt x="2785" y="12674"/>
                  </a:lnTo>
                  <a:lnTo>
                    <a:pt x="2785" y="11129"/>
                  </a:lnTo>
                  <a:lnTo>
                    <a:pt x="2458" y="8656"/>
                  </a:lnTo>
                  <a:lnTo>
                    <a:pt x="1311" y="8656"/>
                  </a:lnTo>
                  <a:lnTo>
                    <a:pt x="819" y="5874"/>
                  </a:lnTo>
                  <a:lnTo>
                    <a:pt x="0" y="2473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24" name="d14342"/>
            <xdr:cNvSpPr>
              <a:spLocks/>
            </xdr:cNvSpPr>
          </xdr:nvSpPr>
          <xdr:spPr bwMode="auto">
            <a:xfrm>
              <a:off x="4009501" y="6050169"/>
              <a:ext cx="399546" cy="572837"/>
            </a:xfrm>
            <a:custGeom>
              <a:avLst/>
              <a:gdLst>
                <a:gd name="T0" fmla="*/ 5116557 w 16384"/>
                <a:gd name="T1" fmla="*/ 338317 h 16384"/>
                <a:gd name="T2" fmla="*/ 6279714 w 16384"/>
                <a:gd name="T3" fmla="*/ 4053308 h 16384"/>
                <a:gd name="T4" fmla="*/ 6977263 w 16384"/>
                <a:gd name="T5" fmla="*/ 7092979 h 16384"/>
                <a:gd name="T6" fmla="*/ 8605493 w 16384"/>
                <a:gd name="T7" fmla="*/ 7092979 h 16384"/>
                <a:gd name="T8" fmla="*/ 9070517 w 16384"/>
                <a:gd name="T9" fmla="*/ 9795612 h 16384"/>
                <a:gd name="T10" fmla="*/ 9070517 w 16384"/>
                <a:gd name="T11" fmla="*/ 11484605 h 16384"/>
                <a:gd name="T12" fmla="*/ 9768065 w 16384"/>
                <a:gd name="T13" fmla="*/ 13511879 h 16384"/>
                <a:gd name="T14" fmla="*/ 9768065 w 16384"/>
                <a:gd name="T15" fmla="*/ 15537912 h 16384"/>
                <a:gd name="T16" fmla="*/ 8139859 w 16384"/>
                <a:gd name="T17" fmla="*/ 16213233 h 16384"/>
                <a:gd name="T18" fmla="*/ 5814104 w 16384"/>
                <a:gd name="T19" fmla="*/ 17565186 h 16384"/>
                <a:gd name="T20" fmla="*/ 3255827 w 16384"/>
                <a:gd name="T21" fmla="*/ 19254184 h 16384"/>
                <a:gd name="T22" fmla="*/ 930072 w 16384"/>
                <a:gd name="T23" fmla="*/ 20604861 h 16384"/>
                <a:gd name="T24" fmla="*/ 465024 w 16384"/>
                <a:gd name="T25" fmla="*/ 18915867 h 16384"/>
                <a:gd name="T26" fmla="*/ 697548 w 16384"/>
                <a:gd name="T27" fmla="*/ 17226870 h 16384"/>
                <a:gd name="T28" fmla="*/ 1162572 w 16384"/>
                <a:gd name="T29" fmla="*/ 16551549 h 16384"/>
                <a:gd name="T30" fmla="*/ 1162572 w 16384"/>
                <a:gd name="T31" fmla="*/ 15876193 h 16384"/>
                <a:gd name="T32" fmla="*/ 697548 w 16384"/>
                <a:gd name="T33" fmla="*/ 15537912 h 16384"/>
                <a:gd name="T34" fmla="*/ 1162572 w 16384"/>
                <a:gd name="T35" fmla="*/ 14524275 h 16384"/>
                <a:gd name="T36" fmla="*/ 1395682 w 16384"/>
                <a:gd name="T37" fmla="*/ 12835282 h 16384"/>
                <a:gd name="T38" fmla="*/ 1395682 w 16384"/>
                <a:gd name="T39" fmla="*/ 11822886 h 16384"/>
                <a:gd name="T40" fmla="*/ 1162572 w 16384"/>
                <a:gd name="T41" fmla="*/ 10809249 h 16384"/>
                <a:gd name="T42" fmla="*/ 1162572 w 16384"/>
                <a:gd name="T43" fmla="*/ 9458572 h 16384"/>
                <a:gd name="T44" fmla="*/ 1628206 w 16384"/>
                <a:gd name="T45" fmla="*/ 7092979 h 16384"/>
                <a:gd name="T46" fmla="*/ 697548 w 16384"/>
                <a:gd name="T47" fmla="*/ 6417623 h 16384"/>
                <a:gd name="T48" fmla="*/ 232524 w 16384"/>
                <a:gd name="T49" fmla="*/ 5742302 h 16384"/>
                <a:gd name="T50" fmla="*/ 0 w 16384"/>
                <a:gd name="T51" fmla="*/ 4391625 h 16384"/>
                <a:gd name="T52" fmla="*/ 930072 w 16384"/>
                <a:gd name="T53" fmla="*/ 4728665 h 16384"/>
                <a:gd name="T54" fmla="*/ 2558278 w 16384"/>
                <a:gd name="T55" fmla="*/ 1688994 h 16384"/>
                <a:gd name="T56" fmla="*/ 4419009 w 16384"/>
                <a:gd name="T57" fmla="*/ 0 h 16384"/>
                <a:gd name="T58" fmla="*/ 4651508 w 16384"/>
                <a:gd name="T59" fmla="*/ 338317 h 16384"/>
                <a:gd name="T60" fmla="*/ 5116557 w 16384"/>
                <a:gd name="T61" fmla="*/ 338317 h 16384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w 16384"/>
                <a:gd name="T94" fmla="*/ 0 h 16384"/>
                <a:gd name="T95" fmla="*/ 16384 w 16384"/>
                <a:gd name="T96" fmla="*/ 16384 h 16384"/>
              </a:gdLst>
              <a:ahLst/>
              <a:cxnLst>
                <a:cxn ang="T62">
                  <a:pos x="T0" y="T1"/>
                </a:cxn>
                <a:cxn ang="T63">
                  <a:pos x="T2" y="T3"/>
                </a:cxn>
                <a:cxn ang="T64">
                  <a:pos x="T4" y="T5"/>
                </a:cxn>
                <a:cxn ang="T65">
                  <a:pos x="T6" y="T7"/>
                </a:cxn>
                <a:cxn ang="T66">
                  <a:pos x="T8" y="T9"/>
                </a:cxn>
                <a:cxn ang="T67">
                  <a:pos x="T10" y="T11"/>
                </a:cxn>
                <a:cxn ang="T68">
                  <a:pos x="T12" y="T13"/>
                </a:cxn>
                <a:cxn ang="T69">
                  <a:pos x="T14" y="T15"/>
                </a:cxn>
                <a:cxn ang="T70">
                  <a:pos x="T16" y="T17"/>
                </a:cxn>
                <a:cxn ang="T71">
                  <a:pos x="T18" y="T19"/>
                </a:cxn>
                <a:cxn ang="T72">
                  <a:pos x="T20" y="T21"/>
                </a:cxn>
                <a:cxn ang="T73">
                  <a:pos x="T22" y="T23"/>
                </a:cxn>
                <a:cxn ang="T74">
                  <a:pos x="T24" y="T25"/>
                </a:cxn>
                <a:cxn ang="T75">
                  <a:pos x="T26" y="T27"/>
                </a:cxn>
                <a:cxn ang="T76">
                  <a:pos x="T28" y="T29"/>
                </a:cxn>
                <a:cxn ang="T77">
                  <a:pos x="T30" y="T31"/>
                </a:cxn>
                <a:cxn ang="T78">
                  <a:pos x="T32" y="T33"/>
                </a:cxn>
                <a:cxn ang="T79">
                  <a:pos x="T34" y="T35"/>
                </a:cxn>
                <a:cxn ang="T80">
                  <a:pos x="T36" y="T37"/>
                </a:cxn>
                <a:cxn ang="T81">
                  <a:pos x="T38" y="T39"/>
                </a:cxn>
                <a:cxn ang="T82">
                  <a:pos x="T40" y="T41"/>
                </a:cxn>
                <a:cxn ang="T83">
                  <a:pos x="T42" y="T43"/>
                </a:cxn>
                <a:cxn ang="T84">
                  <a:pos x="T44" y="T45"/>
                </a:cxn>
                <a:cxn ang="T85">
                  <a:pos x="T46" y="T47"/>
                </a:cxn>
                <a:cxn ang="T86">
                  <a:pos x="T48" y="T49"/>
                </a:cxn>
                <a:cxn ang="T87">
                  <a:pos x="T50" y="T51"/>
                </a:cxn>
                <a:cxn ang="T88">
                  <a:pos x="T52" y="T53"/>
                </a:cxn>
                <a:cxn ang="T89">
                  <a:pos x="T54" y="T55"/>
                </a:cxn>
                <a:cxn ang="T90">
                  <a:pos x="T56" y="T57"/>
                </a:cxn>
                <a:cxn ang="T91">
                  <a:pos x="T58" y="T59"/>
                </a:cxn>
                <a:cxn ang="T92">
                  <a:pos x="T60" y="T61"/>
                </a:cxn>
              </a:cxnLst>
              <a:rect l="T93" t="T94" r="T95" b="T96"/>
              <a:pathLst>
                <a:path w="16384" h="16384">
                  <a:moveTo>
                    <a:pt x="8582" y="269"/>
                  </a:moveTo>
                  <a:lnTo>
                    <a:pt x="10533" y="3223"/>
                  </a:lnTo>
                  <a:lnTo>
                    <a:pt x="11703" y="5640"/>
                  </a:lnTo>
                  <a:lnTo>
                    <a:pt x="14434" y="5640"/>
                  </a:lnTo>
                  <a:lnTo>
                    <a:pt x="15214" y="7789"/>
                  </a:lnTo>
                  <a:lnTo>
                    <a:pt x="15214" y="9132"/>
                  </a:lnTo>
                  <a:lnTo>
                    <a:pt x="16384" y="10744"/>
                  </a:lnTo>
                  <a:lnTo>
                    <a:pt x="16384" y="12355"/>
                  </a:lnTo>
                  <a:lnTo>
                    <a:pt x="13653" y="12892"/>
                  </a:lnTo>
                  <a:lnTo>
                    <a:pt x="9752" y="13967"/>
                  </a:lnTo>
                  <a:lnTo>
                    <a:pt x="5461" y="15310"/>
                  </a:lnTo>
                  <a:lnTo>
                    <a:pt x="1560" y="16384"/>
                  </a:lnTo>
                  <a:lnTo>
                    <a:pt x="780" y="15041"/>
                  </a:lnTo>
                  <a:lnTo>
                    <a:pt x="1170" y="13698"/>
                  </a:lnTo>
                  <a:lnTo>
                    <a:pt x="1950" y="13161"/>
                  </a:lnTo>
                  <a:lnTo>
                    <a:pt x="1950" y="12624"/>
                  </a:lnTo>
                  <a:lnTo>
                    <a:pt x="1170" y="12355"/>
                  </a:lnTo>
                  <a:lnTo>
                    <a:pt x="1950" y="11549"/>
                  </a:lnTo>
                  <a:lnTo>
                    <a:pt x="2341" y="10206"/>
                  </a:lnTo>
                  <a:lnTo>
                    <a:pt x="2341" y="9401"/>
                  </a:lnTo>
                  <a:lnTo>
                    <a:pt x="1950" y="8595"/>
                  </a:lnTo>
                  <a:lnTo>
                    <a:pt x="1950" y="7521"/>
                  </a:lnTo>
                  <a:lnTo>
                    <a:pt x="2731" y="5640"/>
                  </a:lnTo>
                  <a:lnTo>
                    <a:pt x="1170" y="5103"/>
                  </a:lnTo>
                  <a:lnTo>
                    <a:pt x="390" y="4566"/>
                  </a:lnTo>
                  <a:lnTo>
                    <a:pt x="0" y="3492"/>
                  </a:lnTo>
                  <a:lnTo>
                    <a:pt x="1560" y="3760"/>
                  </a:lnTo>
                  <a:lnTo>
                    <a:pt x="4291" y="1343"/>
                  </a:lnTo>
                  <a:lnTo>
                    <a:pt x="7412" y="0"/>
                  </a:lnTo>
                  <a:lnTo>
                    <a:pt x="7802" y="269"/>
                  </a:lnTo>
                  <a:lnTo>
                    <a:pt x="8582" y="269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25" name="d14383"/>
            <xdr:cNvSpPr>
              <a:spLocks/>
            </xdr:cNvSpPr>
          </xdr:nvSpPr>
          <xdr:spPr bwMode="auto">
            <a:xfrm>
              <a:off x="2506445" y="7950531"/>
              <a:ext cx="627859" cy="645578"/>
            </a:xfrm>
            <a:custGeom>
              <a:avLst/>
              <a:gdLst>
                <a:gd name="T0" fmla="*/ 0 w 16384"/>
                <a:gd name="T1" fmla="*/ 0 h 16384"/>
                <a:gd name="T2" fmla="*/ 1827052 w 16384"/>
                <a:gd name="T3" fmla="*/ 381362 h 16384"/>
                <a:gd name="T4" fmla="*/ 3654104 w 16384"/>
                <a:gd name="T5" fmla="*/ 764329 h 16384"/>
                <a:gd name="T6" fmla="*/ 7674755 w 16384"/>
                <a:gd name="T7" fmla="*/ 2674349 h 16384"/>
                <a:gd name="T8" fmla="*/ 13522496 w 16384"/>
                <a:gd name="T9" fmla="*/ 6113026 h 16384"/>
                <a:gd name="T10" fmla="*/ 14619333 w 16384"/>
                <a:gd name="T11" fmla="*/ 5348698 h 16384"/>
                <a:gd name="T12" fmla="*/ 14984421 w 16384"/>
                <a:gd name="T13" fmla="*/ 6113026 h 16384"/>
                <a:gd name="T14" fmla="*/ 15714674 w 16384"/>
                <a:gd name="T15" fmla="*/ 7260362 h 16384"/>
                <a:gd name="T16" fmla="*/ 17176599 w 16384"/>
                <a:gd name="T17" fmla="*/ 8406052 h 16384"/>
                <a:gd name="T18" fmla="*/ 17908310 w 16384"/>
                <a:gd name="T19" fmla="*/ 9551743 h 16384"/>
                <a:gd name="T20" fmla="*/ 16811473 w 16384"/>
                <a:gd name="T21" fmla="*/ 11080402 h 16384"/>
                <a:gd name="T22" fmla="*/ 16446347 w 16384"/>
                <a:gd name="T23" fmla="*/ 12990422 h 16384"/>
                <a:gd name="T24" fmla="*/ 16081259 w 16384"/>
                <a:gd name="T25" fmla="*/ 14902045 h 16384"/>
                <a:gd name="T26" fmla="*/ 16446347 w 16384"/>
                <a:gd name="T27" fmla="*/ 15283407 h 16384"/>
                <a:gd name="T28" fmla="*/ 16811473 w 16384"/>
                <a:gd name="T29" fmla="*/ 16047736 h 16384"/>
                <a:gd name="T30" fmla="*/ 17543184 w 16384"/>
                <a:gd name="T31" fmla="*/ 17193426 h 16384"/>
                <a:gd name="T32" fmla="*/ 17543184 w 16384"/>
                <a:gd name="T33" fmla="*/ 19103446 h 16384"/>
                <a:gd name="T34" fmla="*/ 16446347 w 16384"/>
                <a:gd name="T35" fmla="*/ 19103446 h 16384"/>
                <a:gd name="T36" fmla="*/ 17543184 w 16384"/>
                <a:gd name="T37" fmla="*/ 19867774 h 16384"/>
                <a:gd name="T38" fmla="*/ 19005109 w 16384"/>
                <a:gd name="T39" fmla="*/ 21396476 h 16384"/>
                <a:gd name="T40" fmla="*/ 20467039 w 16384"/>
                <a:gd name="T41" fmla="*/ 22160805 h 16384"/>
                <a:gd name="T42" fmla="*/ 22294090 w 16384"/>
                <a:gd name="T43" fmla="*/ 22543771 h 16384"/>
                <a:gd name="T44" fmla="*/ 23390889 w 16384"/>
                <a:gd name="T45" fmla="*/ 22925133 h 16384"/>
                <a:gd name="T46" fmla="*/ 23390889 w 16384"/>
                <a:gd name="T47" fmla="*/ 24453791 h 16384"/>
                <a:gd name="T48" fmla="*/ 24121142 w 16384"/>
                <a:gd name="T49" fmla="*/ 25599481 h 16384"/>
                <a:gd name="T50" fmla="*/ 23390889 w 16384"/>
                <a:gd name="T51" fmla="*/ 25982448 h 16384"/>
                <a:gd name="T52" fmla="*/ 22659217 w 16384"/>
                <a:gd name="T53" fmla="*/ 25599481 h 16384"/>
                <a:gd name="T54" fmla="*/ 21928964 w 16384"/>
                <a:gd name="T55" fmla="*/ 25982448 h 16384"/>
                <a:gd name="T56" fmla="*/ 21562380 w 16384"/>
                <a:gd name="T57" fmla="*/ 26363810 h 16384"/>
                <a:gd name="T58" fmla="*/ 20832165 w 16384"/>
                <a:gd name="T59" fmla="*/ 25982448 h 16384"/>
                <a:gd name="T60" fmla="*/ 20100450 w 16384"/>
                <a:gd name="T61" fmla="*/ 25982448 h 16384"/>
                <a:gd name="T62" fmla="*/ 19735323 w 16384"/>
                <a:gd name="T63" fmla="*/ 25218119 h 16384"/>
                <a:gd name="T64" fmla="*/ 18638525 w 16384"/>
                <a:gd name="T65" fmla="*/ 24835153 h 16384"/>
                <a:gd name="T66" fmla="*/ 18638525 w 16384"/>
                <a:gd name="T67" fmla="*/ 23689462 h 16384"/>
                <a:gd name="T68" fmla="*/ 17543184 w 16384"/>
                <a:gd name="T69" fmla="*/ 23689462 h 16384"/>
                <a:gd name="T70" fmla="*/ 16081259 w 16384"/>
                <a:gd name="T71" fmla="*/ 23306495 h 16384"/>
                <a:gd name="T72" fmla="*/ 14984421 w 16384"/>
                <a:gd name="T73" fmla="*/ 22543771 h 16384"/>
                <a:gd name="T74" fmla="*/ 14619333 w 16384"/>
                <a:gd name="T75" fmla="*/ 21779443 h 16384"/>
                <a:gd name="T76" fmla="*/ 14252749 w 16384"/>
                <a:gd name="T77" fmla="*/ 21779443 h 16384"/>
                <a:gd name="T78" fmla="*/ 14619333 w 16384"/>
                <a:gd name="T79" fmla="*/ 21015109 h 16384"/>
                <a:gd name="T80" fmla="*/ 13157370 w 16384"/>
                <a:gd name="T81" fmla="*/ 19103446 h 16384"/>
                <a:gd name="T82" fmla="*/ 11330357 w 16384"/>
                <a:gd name="T83" fmla="*/ 16812064 h 16384"/>
                <a:gd name="T84" fmla="*/ 9501806 w 16384"/>
                <a:gd name="T85" fmla="*/ 16047736 h 16384"/>
                <a:gd name="T86" fmla="*/ 9136718 w 16384"/>
                <a:gd name="T87" fmla="*/ 14519079 h 16384"/>
                <a:gd name="T88" fmla="*/ 9501806 w 16384"/>
                <a:gd name="T89" fmla="*/ 13754750 h 16384"/>
                <a:gd name="T90" fmla="*/ 9868391 w 16384"/>
                <a:gd name="T91" fmla="*/ 12226093 h 16384"/>
                <a:gd name="T92" fmla="*/ 8771592 w 16384"/>
                <a:gd name="T93" fmla="*/ 10316071 h 16384"/>
                <a:gd name="T94" fmla="*/ 5116031 w 16384"/>
                <a:gd name="T95" fmla="*/ 7641724 h 16384"/>
                <a:gd name="T96" fmla="*/ 4385777 w 16384"/>
                <a:gd name="T97" fmla="*/ 4203006 h 16384"/>
                <a:gd name="T98" fmla="*/ 2558764 w 16384"/>
                <a:gd name="T99" fmla="*/ 3820040 h 16384"/>
                <a:gd name="T100" fmla="*/ 1827052 w 16384"/>
                <a:gd name="T101" fmla="*/ 3057316 h 16384"/>
                <a:gd name="T102" fmla="*/ 0 w 16384"/>
                <a:gd name="T103" fmla="*/ 1910020 h 16384"/>
                <a:gd name="T104" fmla="*/ 0 w 16384"/>
                <a:gd name="T105" fmla="*/ 0 h 16384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w 16384"/>
                <a:gd name="T160" fmla="*/ 0 h 16384"/>
                <a:gd name="T161" fmla="*/ 16384 w 16384"/>
                <a:gd name="T162" fmla="*/ 16384 h 16384"/>
              </a:gdLst>
              <a:ahLst/>
              <a:cxnLst>
                <a:cxn ang="T106">
                  <a:pos x="T0" y="T1"/>
                </a:cxn>
                <a:cxn ang="T107">
                  <a:pos x="T2" y="T3"/>
                </a:cxn>
                <a:cxn ang="T108">
                  <a:pos x="T4" y="T5"/>
                </a:cxn>
                <a:cxn ang="T109">
                  <a:pos x="T6" y="T7"/>
                </a:cxn>
                <a:cxn ang="T110">
                  <a:pos x="T8" y="T9"/>
                </a:cxn>
                <a:cxn ang="T111">
                  <a:pos x="T10" y="T11"/>
                </a:cxn>
                <a:cxn ang="T112">
                  <a:pos x="T12" y="T13"/>
                </a:cxn>
                <a:cxn ang="T113">
                  <a:pos x="T14" y="T15"/>
                </a:cxn>
                <a:cxn ang="T114">
                  <a:pos x="T16" y="T17"/>
                </a:cxn>
                <a:cxn ang="T115">
                  <a:pos x="T18" y="T19"/>
                </a:cxn>
                <a:cxn ang="T116">
                  <a:pos x="T20" y="T21"/>
                </a:cxn>
                <a:cxn ang="T117">
                  <a:pos x="T22" y="T23"/>
                </a:cxn>
                <a:cxn ang="T118">
                  <a:pos x="T24" y="T25"/>
                </a:cxn>
                <a:cxn ang="T119">
                  <a:pos x="T26" y="T27"/>
                </a:cxn>
                <a:cxn ang="T120">
                  <a:pos x="T28" y="T29"/>
                </a:cxn>
                <a:cxn ang="T121">
                  <a:pos x="T30" y="T31"/>
                </a:cxn>
                <a:cxn ang="T122">
                  <a:pos x="T32" y="T33"/>
                </a:cxn>
                <a:cxn ang="T123">
                  <a:pos x="T34" y="T35"/>
                </a:cxn>
                <a:cxn ang="T124">
                  <a:pos x="T36" y="T37"/>
                </a:cxn>
                <a:cxn ang="T125">
                  <a:pos x="T38" y="T39"/>
                </a:cxn>
                <a:cxn ang="T126">
                  <a:pos x="T40" y="T41"/>
                </a:cxn>
                <a:cxn ang="T127">
                  <a:pos x="T42" y="T43"/>
                </a:cxn>
                <a:cxn ang="T128">
                  <a:pos x="T44" y="T45"/>
                </a:cxn>
                <a:cxn ang="T129">
                  <a:pos x="T46" y="T47"/>
                </a:cxn>
                <a:cxn ang="T130">
                  <a:pos x="T48" y="T49"/>
                </a:cxn>
                <a:cxn ang="T131">
                  <a:pos x="T50" y="T51"/>
                </a:cxn>
                <a:cxn ang="T132">
                  <a:pos x="T52" y="T53"/>
                </a:cxn>
                <a:cxn ang="T133">
                  <a:pos x="T54" y="T55"/>
                </a:cxn>
                <a:cxn ang="T134">
                  <a:pos x="T56" y="T57"/>
                </a:cxn>
                <a:cxn ang="T135">
                  <a:pos x="T58" y="T59"/>
                </a:cxn>
                <a:cxn ang="T136">
                  <a:pos x="T60" y="T61"/>
                </a:cxn>
                <a:cxn ang="T137">
                  <a:pos x="T62" y="T63"/>
                </a:cxn>
                <a:cxn ang="T138">
                  <a:pos x="T64" y="T65"/>
                </a:cxn>
                <a:cxn ang="T139">
                  <a:pos x="T66" y="T67"/>
                </a:cxn>
                <a:cxn ang="T140">
                  <a:pos x="T68" y="T69"/>
                </a:cxn>
                <a:cxn ang="T141">
                  <a:pos x="T70" y="T71"/>
                </a:cxn>
                <a:cxn ang="T142">
                  <a:pos x="T72" y="T73"/>
                </a:cxn>
                <a:cxn ang="T143">
                  <a:pos x="T74" y="T75"/>
                </a:cxn>
                <a:cxn ang="T144">
                  <a:pos x="T76" y="T77"/>
                </a:cxn>
                <a:cxn ang="T145">
                  <a:pos x="T78" y="T79"/>
                </a:cxn>
                <a:cxn ang="T146">
                  <a:pos x="T80" y="T81"/>
                </a:cxn>
                <a:cxn ang="T147">
                  <a:pos x="T82" y="T83"/>
                </a:cxn>
                <a:cxn ang="T148">
                  <a:pos x="T84" y="T85"/>
                </a:cxn>
                <a:cxn ang="T149">
                  <a:pos x="T86" y="T87"/>
                </a:cxn>
                <a:cxn ang="T150">
                  <a:pos x="T88" y="T89"/>
                </a:cxn>
                <a:cxn ang="T151">
                  <a:pos x="T90" y="T91"/>
                </a:cxn>
                <a:cxn ang="T152">
                  <a:pos x="T92" y="T93"/>
                </a:cxn>
                <a:cxn ang="T153">
                  <a:pos x="T94" y="T95"/>
                </a:cxn>
                <a:cxn ang="T154">
                  <a:pos x="T96" y="T97"/>
                </a:cxn>
                <a:cxn ang="T155">
                  <a:pos x="T98" y="T99"/>
                </a:cxn>
                <a:cxn ang="T156">
                  <a:pos x="T100" y="T101"/>
                </a:cxn>
                <a:cxn ang="T157">
                  <a:pos x="T102" y="T103"/>
                </a:cxn>
                <a:cxn ang="T158">
                  <a:pos x="T104" y="T105"/>
                </a:cxn>
              </a:cxnLst>
              <a:rect l="T159" t="T160" r="T161" b="T162"/>
              <a:pathLst>
                <a:path w="16384" h="16384">
                  <a:moveTo>
                    <a:pt x="0" y="0"/>
                  </a:moveTo>
                  <a:lnTo>
                    <a:pt x="1241" y="237"/>
                  </a:lnTo>
                  <a:lnTo>
                    <a:pt x="2482" y="475"/>
                  </a:lnTo>
                  <a:lnTo>
                    <a:pt x="5213" y="1662"/>
                  </a:lnTo>
                  <a:lnTo>
                    <a:pt x="9185" y="3799"/>
                  </a:lnTo>
                  <a:lnTo>
                    <a:pt x="9930" y="3324"/>
                  </a:lnTo>
                  <a:lnTo>
                    <a:pt x="10178" y="3799"/>
                  </a:lnTo>
                  <a:lnTo>
                    <a:pt x="10674" y="4512"/>
                  </a:lnTo>
                  <a:lnTo>
                    <a:pt x="11667" y="5224"/>
                  </a:lnTo>
                  <a:lnTo>
                    <a:pt x="12164" y="5936"/>
                  </a:lnTo>
                  <a:lnTo>
                    <a:pt x="11419" y="6886"/>
                  </a:lnTo>
                  <a:lnTo>
                    <a:pt x="11171" y="8073"/>
                  </a:lnTo>
                  <a:lnTo>
                    <a:pt x="10923" y="9261"/>
                  </a:lnTo>
                  <a:lnTo>
                    <a:pt x="11171" y="9498"/>
                  </a:lnTo>
                  <a:lnTo>
                    <a:pt x="11419" y="9973"/>
                  </a:lnTo>
                  <a:lnTo>
                    <a:pt x="11916" y="10685"/>
                  </a:lnTo>
                  <a:lnTo>
                    <a:pt x="11916" y="11872"/>
                  </a:lnTo>
                  <a:lnTo>
                    <a:pt x="11171" y="11872"/>
                  </a:lnTo>
                  <a:lnTo>
                    <a:pt x="11916" y="12347"/>
                  </a:lnTo>
                  <a:lnTo>
                    <a:pt x="12909" y="13297"/>
                  </a:lnTo>
                  <a:lnTo>
                    <a:pt x="13902" y="13772"/>
                  </a:lnTo>
                  <a:lnTo>
                    <a:pt x="15143" y="14010"/>
                  </a:lnTo>
                  <a:lnTo>
                    <a:pt x="15888" y="14247"/>
                  </a:lnTo>
                  <a:lnTo>
                    <a:pt x="15888" y="15197"/>
                  </a:lnTo>
                  <a:lnTo>
                    <a:pt x="16384" y="15909"/>
                  </a:lnTo>
                  <a:lnTo>
                    <a:pt x="15888" y="16147"/>
                  </a:lnTo>
                  <a:lnTo>
                    <a:pt x="15391" y="15909"/>
                  </a:lnTo>
                  <a:lnTo>
                    <a:pt x="14895" y="16147"/>
                  </a:lnTo>
                  <a:lnTo>
                    <a:pt x="14646" y="16384"/>
                  </a:lnTo>
                  <a:lnTo>
                    <a:pt x="14150" y="16147"/>
                  </a:lnTo>
                  <a:lnTo>
                    <a:pt x="13653" y="16147"/>
                  </a:lnTo>
                  <a:lnTo>
                    <a:pt x="13405" y="15672"/>
                  </a:lnTo>
                  <a:lnTo>
                    <a:pt x="12660" y="15434"/>
                  </a:lnTo>
                  <a:lnTo>
                    <a:pt x="12660" y="14722"/>
                  </a:lnTo>
                  <a:lnTo>
                    <a:pt x="11916" y="14722"/>
                  </a:lnTo>
                  <a:lnTo>
                    <a:pt x="10923" y="14484"/>
                  </a:lnTo>
                  <a:lnTo>
                    <a:pt x="10178" y="14010"/>
                  </a:lnTo>
                  <a:lnTo>
                    <a:pt x="9930" y="13535"/>
                  </a:lnTo>
                  <a:lnTo>
                    <a:pt x="9681" y="13535"/>
                  </a:lnTo>
                  <a:lnTo>
                    <a:pt x="9930" y="13060"/>
                  </a:lnTo>
                  <a:lnTo>
                    <a:pt x="8937" y="11872"/>
                  </a:lnTo>
                  <a:lnTo>
                    <a:pt x="7696" y="10448"/>
                  </a:lnTo>
                  <a:lnTo>
                    <a:pt x="6454" y="9973"/>
                  </a:lnTo>
                  <a:lnTo>
                    <a:pt x="6206" y="9023"/>
                  </a:lnTo>
                  <a:lnTo>
                    <a:pt x="6454" y="8548"/>
                  </a:lnTo>
                  <a:lnTo>
                    <a:pt x="6703" y="7598"/>
                  </a:lnTo>
                  <a:lnTo>
                    <a:pt x="5958" y="6411"/>
                  </a:lnTo>
                  <a:lnTo>
                    <a:pt x="3475" y="4749"/>
                  </a:lnTo>
                  <a:lnTo>
                    <a:pt x="2979" y="2612"/>
                  </a:lnTo>
                  <a:lnTo>
                    <a:pt x="1738" y="2374"/>
                  </a:lnTo>
                  <a:lnTo>
                    <a:pt x="1241" y="1900"/>
                  </a:lnTo>
                  <a:lnTo>
                    <a:pt x="0" y="1187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  <xdr:sp macro="" textlink="">
          <xdr:nvSpPr>
            <xdr:cNvPr id="426" name="d14384"/>
            <xdr:cNvSpPr>
              <a:spLocks/>
            </xdr:cNvSpPr>
          </xdr:nvSpPr>
          <xdr:spPr bwMode="auto">
            <a:xfrm>
              <a:off x="1583683" y="7750493"/>
              <a:ext cx="1284257" cy="845616"/>
            </a:xfrm>
            <a:custGeom>
              <a:avLst/>
              <a:gdLst>
                <a:gd name="T0" fmla="*/ 71014834 w 16384"/>
                <a:gd name="T1" fmla="*/ 12320157 h 16384"/>
                <a:gd name="T2" fmla="*/ 76250550 w 16384"/>
                <a:gd name="T3" fmla="*/ 14785826 h 16384"/>
                <a:gd name="T4" fmla="*/ 81486266 w 16384"/>
                <a:gd name="T5" fmla="*/ 19714415 h 16384"/>
                <a:gd name="T6" fmla="*/ 91200115 w 16384"/>
                <a:gd name="T7" fmla="*/ 25628205 h 16384"/>
                <a:gd name="T8" fmla="*/ 89709477 w 16384"/>
                <a:gd name="T9" fmla="*/ 28583761 h 16384"/>
                <a:gd name="T10" fmla="*/ 94193713 w 16384"/>
                <a:gd name="T11" fmla="*/ 31542001 h 16384"/>
                <a:gd name="T12" fmla="*/ 100920067 w 16384"/>
                <a:gd name="T13" fmla="*/ 36963165 h 16384"/>
                <a:gd name="T14" fmla="*/ 98677949 w 16384"/>
                <a:gd name="T15" fmla="*/ 37455791 h 16384"/>
                <a:gd name="T16" fmla="*/ 92696875 w 16384"/>
                <a:gd name="T17" fmla="*/ 36963165 h 16384"/>
                <a:gd name="T18" fmla="*/ 82976923 w 16384"/>
                <a:gd name="T19" fmla="*/ 38440939 h 16384"/>
                <a:gd name="T20" fmla="*/ 76995908 w 16384"/>
                <a:gd name="T21" fmla="*/ 42876954 h 16384"/>
                <a:gd name="T22" fmla="*/ 71766314 w 16384"/>
                <a:gd name="T23" fmla="*/ 42876954 h 16384"/>
                <a:gd name="T24" fmla="*/ 65785319 w 16384"/>
                <a:gd name="T25" fmla="*/ 43862155 h 16384"/>
                <a:gd name="T26" fmla="*/ 62046363 w 16384"/>
                <a:gd name="T27" fmla="*/ 43369529 h 16384"/>
                <a:gd name="T28" fmla="*/ 57562127 w 16384"/>
                <a:gd name="T29" fmla="*/ 43369529 h 16384"/>
                <a:gd name="T30" fmla="*/ 50835773 w 16384"/>
                <a:gd name="T31" fmla="*/ 42876954 h 16384"/>
                <a:gd name="T32" fmla="*/ 47096817 w 16384"/>
                <a:gd name="T33" fmla="*/ 41891754 h 16384"/>
                <a:gd name="T34" fmla="*/ 43357940 w 16384"/>
                <a:gd name="T35" fmla="*/ 39918714 h 16384"/>
                <a:gd name="T36" fmla="*/ 32147340 w 16384"/>
                <a:gd name="T37" fmla="*/ 40411340 h 16384"/>
                <a:gd name="T38" fmla="*/ 23924149 w 16384"/>
                <a:gd name="T39" fmla="*/ 38933566 h 16384"/>
                <a:gd name="T40" fmla="*/ 14204192 w 16384"/>
                <a:gd name="T41" fmla="*/ 37455791 h 16384"/>
                <a:gd name="T42" fmla="*/ 7477836 w 16384"/>
                <a:gd name="T43" fmla="*/ 34497551 h 16384"/>
                <a:gd name="T44" fmla="*/ 2242119 w 16384"/>
                <a:gd name="T45" fmla="*/ 34497551 h 16384"/>
                <a:gd name="T46" fmla="*/ 4484237 w 16384"/>
                <a:gd name="T47" fmla="*/ 30061536 h 16384"/>
                <a:gd name="T48" fmla="*/ 2987477 w 16384"/>
                <a:gd name="T49" fmla="*/ 26120779 h 16384"/>
                <a:gd name="T50" fmla="*/ 2987477 w 16384"/>
                <a:gd name="T51" fmla="*/ 22177390 h 16384"/>
                <a:gd name="T52" fmla="*/ 0 w 16384"/>
                <a:gd name="T53" fmla="*/ 18233950 h 16384"/>
                <a:gd name="T54" fmla="*/ 8968474 w 16384"/>
                <a:gd name="T55" fmla="*/ 17741376 h 16384"/>
                <a:gd name="T56" fmla="*/ 14949550 w 16384"/>
                <a:gd name="T57" fmla="*/ 15278400 h 16384"/>
                <a:gd name="T58" fmla="*/ 17943148 w 16384"/>
                <a:gd name="T59" fmla="*/ 13800626 h 16384"/>
                <a:gd name="T60" fmla="*/ 21682031 w 16384"/>
                <a:gd name="T61" fmla="*/ 9364607 h 16384"/>
                <a:gd name="T62" fmla="*/ 32892620 w 16384"/>
                <a:gd name="T63" fmla="*/ 6898993 h 16384"/>
                <a:gd name="T64" fmla="*/ 38873694 w 16384"/>
                <a:gd name="T65" fmla="*/ 3450816 h 16384"/>
                <a:gd name="T66" fmla="*/ 44103219 w 16384"/>
                <a:gd name="T67" fmla="*/ 0 h 16384"/>
                <a:gd name="T68" fmla="*/ 47096817 w 16384"/>
                <a:gd name="T69" fmla="*/ 2958241 h 16384"/>
                <a:gd name="T70" fmla="*/ 53823249 w 16384"/>
                <a:gd name="T71" fmla="*/ 4928591 h 16384"/>
                <a:gd name="T72" fmla="*/ 59058965 w 16384"/>
                <a:gd name="T73" fmla="*/ 5421217 h 16384"/>
                <a:gd name="T74" fmla="*/ 66530598 w 16384"/>
                <a:gd name="T75" fmla="*/ 8872033 h 16384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w 16384"/>
                <a:gd name="T115" fmla="*/ 0 h 16384"/>
                <a:gd name="T116" fmla="*/ 16384 w 16384"/>
                <a:gd name="T117" fmla="*/ 16384 h 16384"/>
              </a:gdLst>
              <a:ahLst/>
              <a:cxnLst>
                <a:cxn ang="T76">
                  <a:pos x="T0" y="T1"/>
                </a:cxn>
                <a:cxn ang="T77">
                  <a:pos x="T2" y="T3"/>
                </a:cxn>
                <a:cxn ang="T78">
                  <a:pos x="T4" y="T5"/>
                </a:cxn>
                <a:cxn ang="T79">
                  <a:pos x="T6" y="T7"/>
                </a:cxn>
                <a:cxn ang="T80">
                  <a:pos x="T8" y="T9"/>
                </a:cxn>
                <a:cxn ang="T81">
                  <a:pos x="T10" y="T11"/>
                </a:cxn>
                <a:cxn ang="T82">
                  <a:pos x="T12" y="T13"/>
                </a:cxn>
                <a:cxn ang="T83">
                  <a:pos x="T14" y="T15"/>
                </a:cxn>
                <a:cxn ang="T84">
                  <a:pos x="T16" y="T17"/>
                </a:cxn>
                <a:cxn ang="T85">
                  <a:pos x="T18" y="T19"/>
                </a:cxn>
                <a:cxn ang="T86">
                  <a:pos x="T20" y="T21"/>
                </a:cxn>
                <a:cxn ang="T87">
                  <a:pos x="T22" y="T23"/>
                </a:cxn>
                <a:cxn ang="T88">
                  <a:pos x="T24" y="T25"/>
                </a:cxn>
                <a:cxn ang="T89">
                  <a:pos x="T26" y="T27"/>
                </a:cxn>
                <a:cxn ang="T90">
                  <a:pos x="T28" y="T29"/>
                </a:cxn>
                <a:cxn ang="T91">
                  <a:pos x="T30" y="T31"/>
                </a:cxn>
                <a:cxn ang="T92">
                  <a:pos x="T32" y="T33"/>
                </a:cxn>
                <a:cxn ang="T93">
                  <a:pos x="T34" y="T35"/>
                </a:cxn>
                <a:cxn ang="T94">
                  <a:pos x="T36" y="T37"/>
                </a:cxn>
                <a:cxn ang="T95">
                  <a:pos x="T38" y="T39"/>
                </a:cxn>
                <a:cxn ang="T96">
                  <a:pos x="T40" y="T41"/>
                </a:cxn>
                <a:cxn ang="T97">
                  <a:pos x="T42" y="T43"/>
                </a:cxn>
                <a:cxn ang="T98">
                  <a:pos x="T44" y="T45"/>
                </a:cxn>
                <a:cxn ang="T99">
                  <a:pos x="T46" y="T47"/>
                </a:cxn>
                <a:cxn ang="T100">
                  <a:pos x="T48" y="T49"/>
                </a:cxn>
                <a:cxn ang="T101">
                  <a:pos x="T50" y="T51"/>
                </a:cxn>
                <a:cxn ang="T102">
                  <a:pos x="T52" y="T53"/>
                </a:cxn>
                <a:cxn ang="T103">
                  <a:pos x="T54" y="T55"/>
                </a:cxn>
                <a:cxn ang="T104">
                  <a:pos x="T56" y="T57"/>
                </a:cxn>
                <a:cxn ang="T105">
                  <a:pos x="T58" y="T59"/>
                </a:cxn>
                <a:cxn ang="T106">
                  <a:pos x="T60" y="T61"/>
                </a:cxn>
                <a:cxn ang="T107">
                  <a:pos x="T62" y="T63"/>
                </a:cxn>
                <a:cxn ang="T108">
                  <a:pos x="T64" y="T65"/>
                </a:cxn>
                <a:cxn ang="T109">
                  <a:pos x="T66" y="T67"/>
                </a:cxn>
                <a:cxn ang="T110">
                  <a:pos x="T68" y="T69"/>
                </a:cxn>
                <a:cxn ang="T111">
                  <a:pos x="T70" y="T71"/>
                </a:cxn>
                <a:cxn ang="T112">
                  <a:pos x="T72" y="T73"/>
                </a:cxn>
                <a:cxn ang="T113">
                  <a:pos x="T74" y="T75"/>
                </a:cxn>
              </a:cxnLst>
              <a:rect l="T114" t="T115" r="T116" b="T117"/>
              <a:pathLst>
                <a:path w="16384" h="16384">
                  <a:moveTo>
                    <a:pt x="11529" y="3682"/>
                  </a:moveTo>
                  <a:lnTo>
                    <a:pt x="11529" y="4602"/>
                  </a:lnTo>
                  <a:lnTo>
                    <a:pt x="12136" y="5155"/>
                  </a:lnTo>
                  <a:lnTo>
                    <a:pt x="12379" y="5523"/>
                  </a:lnTo>
                  <a:lnTo>
                    <a:pt x="12986" y="5707"/>
                  </a:lnTo>
                  <a:lnTo>
                    <a:pt x="13229" y="7364"/>
                  </a:lnTo>
                  <a:lnTo>
                    <a:pt x="14442" y="8652"/>
                  </a:lnTo>
                  <a:lnTo>
                    <a:pt x="14806" y="9573"/>
                  </a:lnTo>
                  <a:lnTo>
                    <a:pt x="14685" y="10309"/>
                  </a:lnTo>
                  <a:lnTo>
                    <a:pt x="14564" y="10677"/>
                  </a:lnTo>
                  <a:lnTo>
                    <a:pt x="14685" y="11414"/>
                  </a:lnTo>
                  <a:lnTo>
                    <a:pt x="15292" y="11782"/>
                  </a:lnTo>
                  <a:lnTo>
                    <a:pt x="15899" y="12886"/>
                  </a:lnTo>
                  <a:lnTo>
                    <a:pt x="16384" y="13807"/>
                  </a:lnTo>
                  <a:lnTo>
                    <a:pt x="16263" y="14175"/>
                  </a:lnTo>
                  <a:lnTo>
                    <a:pt x="16020" y="13991"/>
                  </a:lnTo>
                  <a:lnTo>
                    <a:pt x="15899" y="13623"/>
                  </a:lnTo>
                  <a:lnTo>
                    <a:pt x="15049" y="13807"/>
                  </a:lnTo>
                  <a:lnTo>
                    <a:pt x="14078" y="13623"/>
                  </a:lnTo>
                  <a:lnTo>
                    <a:pt x="13471" y="14359"/>
                  </a:lnTo>
                  <a:lnTo>
                    <a:pt x="12986" y="15279"/>
                  </a:lnTo>
                  <a:lnTo>
                    <a:pt x="12500" y="16016"/>
                  </a:lnTo>
                  <a:lnTo>
                    <a:pt x="12136" y="15648"/>
                  </a:lnTo>
                  <a:lnTo>
                    <a:pt x="11651" y="16016"/>
                  </a:lnTo>
                  <a:lnTo>
                    <a:pt x="11165" y="16200"/>
                  </a:lnTo>
                  <a:lnTo>
                    <a:pt x="10680" y="16384"/>
                  </a:lnTo>
                  <a:lnTo>
                    <a:pt x="10316" y="16384"/>
                  </a:lnTo>
                  <a:lnTo>
                    <a:pt x="10073" y="16200"/>
                  </a:lnTo>
                  <a:lnTo>
                    <a:pt x="9588" y="16200"/>
                  </a:lnTo>
                  <a:lnTo>
                    <a:pt x="9345" y="16200"/>
                  </a:lnTo>
                  <a:lnTo>
                    <a:pt x="8859" y="16200"/>
                  </a:lnTo>
                  <a:lnTo>
                    <a:pt x="8253" y="16016"/>
                  </a:lnTo>
                  <a:lnTo>
                    <a:pt x="8010" y="16016"/>
                  </a:lnTo>
                  <a:lnTo>
                    <a:pt x="7646" y="15648"/>
                  </a:lnTo>
                  <a:lnTo>
                    <a:pt x="7403" y="15279"/>
                  </a:lnTo>
                  <a:lnTo>
                    <a:pt x="7039" y="14911"/>
                  </a:lnTo>
                  <a:lnTo>
                    <a:pt x="6190" y="15095"/>
                  </a:lnTo>
                  <a:lnTo>
                    <a:pt x="5219" y="15095"/>
                  </a:lnTo>
                  <a:lnTo>
                    <a:pt x="4490" y="14359"/>
                  </a:lnTo>
                  <a:lnTo>
                    <a:pt x="3884" y="14543"/>
                  </a:lnTo>
                  <a:lnTo>
                    <a:pt x="3155" y="13623"/>
                  </a:lnTo>
                  <a:lnTo>
                    <a:pt x="2306" y="13991"/>
                  </a:lnTo>
                  <a:lnTo>
                    <a:pt x="1578" y="13070"/>
                  </a:lnTo>
                  <a:lnTo>
                    <a:pt x="1214" y="12886"/>
                  </a:lnTo>
                  <a:lnTo>
                    <a:pt x="485" y="13623"/>
                  </a:lnTo>
                  <a:lnTo>
                    <a:pt x="364" y="12886"/>
                  </a:lnTo>
                  <a:lnTo>
                    <a:pt x="485" y="11966"/>
                  </a:lnTo>
                  <a:lnTo>
                    <a:pt x="728" y="11229"/>
                  </a:lnTo>
                  <a:lnTo>
                    <a:pt x="121" y="10677"/>
                  </a:lnTo>
                  <a:lnTo>
                    <a:pt x="485" y="9757"/>
                  </a:lnTo>
                  <a:lnTo>
                    <a:pt x="364" y="8836"/>
                  </a:lnTo>
                  <a:lnTo>
                    <a:pt x="485" y="8284"/>
                  </a:lnTo>
                  <a:lnTo>
                    <a:pt x="243" y="7916"/>
                  </a:lnTo>
                  <a:lnTo>
                    <a:pt x="0" y="6811"/>
                  </a:lnTo>
                  <a:lnTo>
                    <a:pt x="728" y="6443"/>
                  </a:lnTo>
                  <a:lnTo>
                    <a:pt x="1456" y="6627"/>
                  </a:lnTo>
                  <a:lnTo>
                    <a:pt x="2063" y="6443"/>
                  </a:lnTo>
                  <a:lnTo>
                    <a:pt x="2427" y="5707"/>
                  </a:lnTo>
                  <a:lnTo>
                    <a:pt x="2670" y="5707"/>
                  </a:lnTo>
                  <a:lnTo>
                    <a:pt x="2913" y="5155"/>
                  </a:lnTo>
                  <a:lnTo>
                    <a:pt x="3034" y="4418"/>
                  </a:lnTo>
                  <a:lnTo>
                    <a:pt x="3520" y="3498"/>
                  </a:lnTo>
                  <a:lnTo>
                    <a:pt x="4490" y="2945"/>
                  </a:lnTo>
                  <a:lnTo>
                    <a:pt x="5340" y="2577"/>
                  </a:lnTo>
                  <a:lnTo>
                    <a:pt x="5825" y="1473"/>
                  </a:lnTo>
                  <a:lnTo>
                    <a:pt x="6311" y="1289"/>
                  </a:lnTo>
                  <a:lnTo>
                    <a:pt x="6675" y="736"/>
                  </a:lnTo>
                  <a:lnTo>
                    <a:pt x="7160" y="0"/>
                  </a:lnTo>
                  <a:lnTo>
                    <a:pt x="7646" y="184"/>
                  </a:lnTo>
                  <a:lnTo>
                    <a:pt x="7646" y="1105"/>
                  </a:lnTo>
                  <a:lnTo>
                    <a:pt x="8010" y="1289"/>
                  </a:lnTo>
                  <a:lnTo>
                    <a:pt x="8738" y="1841"/>
                  </a:lnTo>
                  <a:lnTo>
                    <a:pt x="9102" y="1657"/>
                  </a:lnTo>
                  <a:lnTo>
                    <a:pt x="9588" y="2025"/>
                  </a:lnTo>
                  <a:lnTo>
                    <a:pt x="10073" y="3130"/>
                  </a:lnTo>
                  <a:lnTo>
                    <a:pt x="10801" y="3314"/>
                  </a:lnTo>
                  <a:lnTo>
                    <a:pt x="11529" y="3682"/>
                  </a:lnTo>
                  <a:close/>
                </a:path>
              </a:pathLst>
            </a:custGeom>
            <a:grp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</xdr:spPr>
          <xdr:txBody>
            <a:bodyPr/>
            <a:lstStyle/>
            <a:p>
              <a:endParaRPr lang="ja-JP" altLang="en-US"/>
            </a:p>
          </xdr:txBody>
        </xdr:sp>
      </xdr:grpSp>
      <xdr:grpSp>
        <xdr:nvGrpSpPr>
          <xdr:cNvPr id="149569" name="グループ化 423"/>
          <xdr:cNvGrpSpPr>
            <a:grpSpLocks/>
          </xdr:cNvGrpSpPr>
        </xdr:nvGrpSpPr>
        <xdr:grpSpPr bwMode="auto">
          <a:xfrm>
            <a:off x="12371614" y="9282793"/>
            <a:ext cx="10133240" cy="7502978"/>
            <a:chOff x="12382500" y="9791700"/>
            <a:chExt cx="10010775" cy="7505700"/>
          </a:xfrm>
        </xdr:grpSpPr>
        <xdr:sp macro="" textlink="">
          <xdr:nvSpPr>
            <xdr:cNvPr id="149570" name="d14402"/>
            <xdr:cNvSpPr>
              <a:spLocks/>
            </xdr:cNvSpPr>
          </xdr:nvSpPr>
          <xdr:spPr bwMode="auto">
            <a:xfrm>
              <a:off x="15230475" y="11582400"/>
              <a:ext cx="1543050" cy="1333500"/>
            </a:xfrm>
            <a:custGeom>
              <a:avLst/>
              <a:gdLst>
                <a:gd name="T0" fmla="*/ 2147483646 w 16384"/>
                <a:gd name="T1" fmla="*/ 2147483646 h 16384"/>
                <a:gd name="T2" fmla="*/ 2147483646 w 16384"/>
                <a:gd name="T3" fmla="*/ 2147483646 h 16384"/>
                <a:gd name="T4" fmla="*/ 2147483646 w 16384"/>
                <a:gd name="T5" fmla="*/ 2147483646 h 16384"/>
                <a:gd name="T6" fmla="*/ 2147483646 w 16384"/>
                <a:gd name="T7" fmla="*/ 2147483646 h 16384"/>
                <a:gd name="T8" fmla="*/ 2147483646 w 16384"/>
                <a:gd name="T9" fmla="*/ 2147483646 h 16384"/>
                <a:gd name="T10" fmla="*/ 2147483646 w 16384"/>
                <a:gd name="T11" fmla="*/ 2147483646 h 16384"/>
                <a:gd name="T12" fmla="*/ 2147483646 w 16384"/>
                <a:gd name="T13" fmla="*/ 2147483646 h 16384"/>
                <a:gd name="T14" fmla="*/ 2147483646 w 16384"/>
                <a:gd name="T15" fmla="*/ 2147483646 h 16384"/>
                <a:gd name="T16" fmla="*/ 2147483646 w 16384"/>
                <a:gd name="T17" fmla="*/ 2147483646 h 16384"/>
                <a:gd name="T18" fmla="*/ 0 w 16384"/>
                <a:gd name="T19" fmla="*/ 2147483646 h 16384"/>
                <a:gd name="T20" fmla="*/ 2147483646 w 16384"/>
                <a:gd name="T21" fmla="*/ 2147483646 h 16384"/>
                <a:gd name="T22" fmla="*/ 2147483646 w 16384"/>
                <a:gd name="T23" fmla="*/ 2147483646 h 16384"/>
                <a:gd name="T24" fmla="*/ 0 w 16384"/>
                <a:gd name="T25" fmla="*/ 2147483646 h 16384"/>
                <a:gd name="T26" fmla="*/ 2147483646 w 16384"/>
                <a:gd name="T27" fmla="*/ 2147483646 h 16384"/>
                <a:gd name="T28" fmla="*/ 2147483646 w 16384"/>
                <a:gd name="T29" fmla="*/ 2147483646 h 16384"/>
                <a:gd name="T30" fmla="*/ 2147483646 w 16384"/>
                <a:gd name="T31" fmla="*/ 2147483646 h 16384"/>
                <a:gd name="T32" fmla="*/ 2147483646 w 16384"/>
                <a:gd name="T33" fmla="*/ 2147483646 h 16384"/>
                <a:gd name="T34" fmla="*/ 2147483646 w 16384"/>
                <a:gd name="T35" fmla="*/ 2147483646 h 16384"/>
                <a:gd name="T36" fmla="*/ 2147483646 w 16384"/>
                <a:gd name="T37" fmla="*/ 2147483646 h 16384"/>
                <a:gd name="T38" fmla="*/ 2147483646 w 16384"/>
                <a:gd name="T39" fmla="*/ 2147483646 h 16384"/>
                <a:gd name="T40" fmla="*/ 2147483646 w 16384"/>
                <a:gd name="T41" fmla="*/ 2147483646 h 16384"/>
                <a:gd name="T42" fmla="*/ 2147483646 w 16384"/>
                <a:gd name="T43" fmla="*/ 2147483646 h 16384"/>
                <a:gd name="T44" fmla="*/ 2147483646 w 16384"/>
                <a:gd name="T45" fmla="*/ 2147483646 h 16384"/>
                <a:gd name="T46" fmla="*/ 2147483646 w 16384"/>
                <a:gd name="T47" fmla="*/ 2147483646 h 16384"/>
                <a:gd name="T48" fmla="*/ 2147483646 w 16384"/>
                <a:gd name="T49" fmla="*/ 2147483646 h 16384"/>
                <a:gd name="T50" fmla="*/ 2147483646 w 16384"/>
                <a:gd name="T51" fmla="*/ 2147483646 h 16384"/>
                <a:gd name="T52" fmla="*/ 2147483646 w 16384"/>
                <a:gd name="T53" fmla="*/ 2147483646 h 16384"/>
                <a:gd name="T54" fmla="*/ 2147483646 w 16384"/>
                <a:gd name="T55" fmla="*/ 2147483646 h 16384"/>
                <a:gd name="T56" fmla="*/ 2147483646 w 16384"/>
                <a:gd name="T57" fmla="*/ 0 h 16384"/>
                <a:gd name="T58" fmla="*/ 2147483646 w 16384"/>
                <a:gd name="T59" fmla="*/ 2147483646 h 16384"/>
                <a:gd name="T60" fmla="*/ 2147483646 w 16384"/>
                <a:gd name="T61" fmla="*/ 2147483646 h 16384"/>
                <a:gd name="T62" fmla="*/ 2147483646 w 16384"/>
                <a:gd name="T63" fmla="*/ 2147483646 h 16384"/>
                <a:gd name="T64" fmla="*/ 2147483646 w 16384"/>
                <a:gd name="T65" fmla="*/ 2147483646 h 16384"/>
                <a:gd name="T66" fmla="*/ 2147483646 w 16384"/>
                <a:gd name="T67" fmla="*/ 2147483646 h 16384"/>
                <a:gd name="T68" fmla="*/ 2147483646 w 16384"/>
                <a:gd name="T69" fmla="*/ 2147483646 h 16384"/>
                <a:gd name="T70" fmla="*/ 2147483646 w 16384"/>
                <a:gd name="T71" fmla="*/ 2147483646 h 16384"/>
                <a:gd name="T72" fmla="*/ 2147483646 w 16384"/>
                <a:gd name="T73" fmla="*/ 2147483646 h 16384"/>
                <a:gd name="T74" fmla="*/ 2147483646 w 16384"/>
                <a:gd name="T75" fmla="*/ 2147483646 h 16384"/>
                <a:gd name="T76" fmla="*/ 2147483646 w 16384"/>
                <a:gd name="T77" fmla="*/ 2147483646 h 16384"/>
                <a:gd name="T78" fmla="*/ 2147483646 w 16384"/>
                <a:gd name="T79" fmla="*/ 2147483646 h 16384"/>
                <a:gd name="T80" fmla="*/ 2147483646 w 16384"/>
                <a:gd name="T81" fmla="*/ 2147483646 h 16384"/>
                <a:gd name="T82" fmla="*/ 2147483646 w 16384"/>
                <a:gd name="T83" fmla="*/ 2147483646 h 16384"/>
                <a:gd name="T84" fmla="*/ 2147483646 w 16384"/>
                <a:gd name="T85" fmla="*/ 2147483646 h 16384"/>
                <a:gd name="T86" fmla="*/ 2147483646 w 16384"/>
                <a:gd name="T87" fmla="*/ 2147483646 h 16384"/>
                <a:gd name="T88" fmla="*/ 2147483646 w 16384"/>
                <a:gd name="T89" fmla="*/ 2147483646 h 16384"/>
                <a:gd name="T90" fmla="*/ 2147483646 w 16384"/>
                <a:gd name="T91" fmla="*/ 2147483646 h 16384"/>
                <a:gd name="T92" fmla="*/ 2147483646 w 16384"/>
                <a:gd name="T93" fmla="*/ 2147483646 h 16384"/>
                <a:gd name="T94" fmla="*/ 2147483646 w 16384"/>
                <a:gd name="T95" fmla="*/ 2147483646 h 16384"/>
                <a:gd name="T96" fmla="*/ 2147483646 w 16384"/>
                <a:gd name="T97" fmla="*/ 2147483646 h 16384"/>
                <a:gd name="T98" fmla="*/ 2147483646 w 16384"/>
                <a:gd name="T99" fmla="*/ 2147483646 h 16384"/>
                <a:gd name="T100" fmla="*/ 2147483646 w 16384"/>
                <a:gd name="T101" fmla="*/ 2147483646 h 16384"/>
                <a:gd name="T102" fmla="*/ 2147483646 w 16384"/>
                <a:gd name="T103" fmla="*/ 2147483646 h 16384"/>
                <a:gd name="T104" fmla="*/ 2147483646 w 16384"/>
                <a:gd name="T105" fmla="*/ 2147483646 h 16384"/>
                <a:gd name="T106" fmla="*/ 2147483646 w 16384"/>
                <a:gd name="T107" fmla="*/ 2147483646 h 16384"/>
                <a:gd name="T108" fmla="*/ 2147483646 w 16384"/>
                <a:gd name="T109" fmla="*/ 2147483646 h 16384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w 16384"/>
                <a:gd name="T166" fmla="*/ 0 h 16384"/>
                <a:gd name="T167" fmla="*/ 16384 w 16384"/>
                <a:gd name="T168" fmla="*/ 16384 h 16384"/>
              </a:gdLst>
              <a:ahLst/>
              <a:cxnLst>
                <a:cxn ang="T110">
                  <a:pos x="T0" y="T1"/>
                </a:cxn>
                <a:cxn ang="T111">
                  <a:pos x="T2" y="T3"/>
                </a:cxn>
                <a:cxn ang="T112">
                  <a:pos x="T4" y="T5"/>
                </a:cxn>
                <a:cxn ang="T113">
                  <a:pos x="T6" y="T7"/>
                </a:cxn>
                <a:cxn ang="T114">
                  <a:pos x="T8" y="T9"/>
                </a:cxn>
                <a:cxn ang="T115">
                  <a:pos x="T10" y="T11"/>
                </a:cxn>
                <a:cxn ang="T116">
                  <a:pos x="T12" y="T13"/>
                </a:cxn>
                <a:cxn ang="T117">
                  <a:pos x="T14" y="T15"/>
                </a:cxn>
                <a:cxn ang="T118">
                  <a:pos x="T16" y="T17"/>
                </a:cxn>
                <a:cxn ang="T119">
                  <a:pos x="T18" y="T19"/>
                </a:cxn>
                <a:cxn ang="T120">
                  <a:pos x="T20" y="T21"/>
                </a:cxn>
                <a:cxn ang="T121">
                  <a:pos x="T22" y="T23"/>
                </a:cxn>
                <a:cxn ang="T122">
                  <a:pos x="T24" y="T25"/>
                </a:cxn>
                <a:cxn ang="T123">
                  <a:pos x="T26" y="T27"/>
                </a:cxn>
                <a:cxn ang="T124">
                  <a:pos x="T28" y="T29"/>
                </a:cxn>
                <a:cxn ang="T125">
                  <a:pos x="T30" y="T31"/>
                </a:cxn>
                <a:cxn ang="T126">
                  <a:pos x="T32" y="T33"/>
                </a:cxn>
                <a:cxn ang="T127">
                  <a:pos x="T34" y="T35"/>
                </a:cxn>
                <a:cxn ang="T128">
                  <a:pos x="T36" y="T37"/>
                </a:cxn>
                <a:cxn ang="T129">
                  <a:pos x="T38" y="T39"/>
                </a:cxn>
                <a:cxn ang="T130">
                  <a:pos x="T40" y="T41"/>
                </a:cxn>
                <a:cxn ang="T131">
                  <a:pos x="T42" y="T43"/>
                </a:cxn>
                <a:cxn ang="T132">
                  <a:pos x="T44" y="T45"/>
                </a:cxn>
                <a:cxn ang="T133">
                  <a:pos x="T46" y="T47"/>
                </a:cxn>
                <a:cxn ang="T134">
                  <a:pos x="T48" y="T49"/>
                </a:cxn>
                <a:cxn ang="T135">
                  <a:pos x="T50" y="T51"/>
                </a:cxn>
                <a:cxn ang="T136">
                  <a:pos x="T52" y="T53"/>
                </a:cxn>
                <a:cxn ang="T137">
                  <a:pos x="T54" y="T55"/>
                </a:cxn>
                <a:cxn ang="T138">
                  <a:pos x="T56" y="T57"/>
                </a:cxn>
                <a:cxn ang="T139">
                  <a:pos x="T58" y="T59"/>
                </a:cxn>
                <a:cxn ang="T140">
                  <a:pos x="T60" y="T61"/>
                </a:cxn>
                <a:cxn ang="T141">
                  <a:pos x="T62" y="T63"/>
                </a:cxn>
                <a:cxn ang="T142">
                  <a:pos x="T64" y="T65"/>
                </a:cxn>
                <a:cxn ang="T143">
                  <a:pos x="T66" y="T67"/>
                </a:cxn>
                <a:cxn ang="T144">
                  <a:pos x="T68" y="T69"/>
                </a:cxn>
                <a:cxn ang="T145">
                  <a:pos x="T70" y="T71"/>
                </a:cxn>
                <a:cxn ang="T146">
                  <a:pos x="T72" y="T73"/>
                </a:cxn>
                <a:cxn ang="T147">
                  <a:pos x="T74" y="T75"/>
                </a:cxn>
                <a:cxn ang="T148">
                  <a:pos x="T76" y="T77"/>
                </a:cxn>
                <a:cxn ang="T149">
                  <a:pos x="T78" y="T79"/>
                </a:cxn>
                <a:cxn ang="T150">
                  <a:pos x="T80" y="T81"/>
                </a:cxn>
                <a:cxn ang="T151">
                  <a:pos x="T82" y="T83"/>
                </a:cxn>
                <a:cxn ang="T152">
                  <a:pos x="T84" y="T85"/>
                </a:cxn>
                <a:cxn ang="T153">
                  <a:pos x="T86" y="T87"/>
                </a:cxn>
                <a:cxn ang="T154">
                  <a:pos x="T88" y="T89"/>
                </a:cxn>
                <a:cxn ang="T155">
                  <a:pos x="T90" y="T91"/>
                </a:cxn>
                <a:cxn ang="T156">
                  <a:pos x="T92" y="T93"/>
                </a:cxn>
                <a:cxn ang="T157">
                  <a:pos x="T94" y="T95"/>
                </a:cxn>
                <a:cxn ang="T158">
                  <a:pos x="T96" y="T97"/>
                </a:cxn>
                <a:cxn ang="T159">
                  <a:pos x="T98" y="T99"/>
                </a:cxn>
                <a:cxn ang="T160">
                  <a:pos x="T100" y="T101"/>
                </a:cxn>
                <a:cxn ang="T161">
                  <a:pos x="T102" y="T103"/>
                </a:cxn>
                <a:cxn ang="T162">
                  <a:pos x="T104" y="T105"/>
                </a:cxn>
                <a:cxn ang="T163">
                  <a:pos x="T106" y="T107"/>
                </a:cxn>
                <a:cxn ang="T164">
                  <a:pos x="T108" y="T109"/>
                </a:cxn>
              </a:cxnLst>
              <a:rect l="T165" t="T166" r="T167" b="T168"/>
              <a:pathLst>
                <a:path w="16384" h="16384">
                  <a:moveTo>
                    <a:pt x="7889" y="15331"/>
                  </a:moveTo>
                  <a:lnTo>
                    <a:pt x="8091" y="14863"/>
                  </a:lnTo>
                  <a:lnTo>
                    <a:pt x="7181" y="14160"/>
                  </a:lnTo>
                  <a:lnTo>
                    <a:pt x="6473" y="13926"/>
                  </a:lnTo>
                  <a:lnTo>
                    <a:pt x="6372" y="13809"/>
                  </a:lnTo>
                  <a:lnTo>
                    <a:pt x="5664" y="14160"/>
                  </a:lnTo>
                  <a:lnTo>
                    <a:pt x="5461" y="14277"/>
                  </a:lnTo>
                  <a:lnTo>
                    <a:pt x="5158" y="14160"/>
                  </a:lnTo>
                  <a:lnTo>
                    <a:pt x="4956" y="14863"/>
                  </a:lnTo>
                  <a:lnTo>
                    <a:pt x="4551" y="14980"/>
                  </a:lnTo>
                  <a:lnTo>
                    <a:pt x="4147" y="15565"/>
                  </a:lnTo>
                  <a:lnTo>
                    <a:pt x="3944" y="15565"/>
                  </a:lnTo>
                  <a:lnTo>
                    <a:pt x="3135" y="15799"/>
                  </a:lnTo>
                  <a:lnTo>
                    <a:pt x="2427" y="15916"/>
                  </a:lnTo>
                  <a:lnTo>
                    <a:pt x="2326" y="16384"/>
                  </a:lnTo>
                  <a:lnTo>
                    <a:pt x="2023" y="16267"/>
                  </a:lnTo>
                  <a:lnTo>
                    <a:pt x="1416" y="15331"/>
                  </a:lnTo>
                  <a:lnTo>
                    <a:pt x="809" y="15097"/>
                  </a:lnTo>
                  <a:lnTo>
                    <a:pt x="202" y="14980"/>
                  </a:lnTo>
                  <a:lnTo>
                    <a:pt x="0" y="14980"/>
                  </a:lnTo>
                  <a:lnTo>
                    <a:pt x="202" y="14512"/>
                  </a:lnTo>
                  <a:lnTo>
                    <a:pt x="101" y="14043"/>
                  </a:lnTo>
                  <a:lnTo>
                    <a:pt x="303" y="13575"/>
                  </a:lnTo>
                  <a:lnTo>
                    <a:pt x="303" y="12639"/>
                  </a:lnTo>
                  <a:lnTo>
                    <a:pt x="101" y="12405"/>
                  </a:lnTo>
                  <a:lnTo>
                    <a:pt x="0" y="12054"/>
                  </a:lnTo>
                  <a:lnTo>
                    <a:pt x="0" y="11469"/>
                  </a:lnTo>
                  <a:lnTo>
                    <a:pt x="202" y="11235"/>
                  </a:lnTo>
                  <a:lnTo>
                    <a:pt x="202" y="10533"/>
                  </a:lnTo>
                  <a:lnTo>
                    <a:pt x="607" y="10064"/>
                  </a:lnTo>
                  <a:lnTo>
                    <a:pt x="1214" y="9362"/>
                  </a:lnTo>
                  <a:lnTo>
                    <a:pt x="2023" y="8192"/>
                  </a:lnTo>
                  <a:lnTo>
                    <a:pt x="2832" y="7256"/>
                  </a:lnTo>
                  <a:lnTo>
                    <a:pt x="3135" y="6671"/>
                  </a:lnTo>
                  <a:lnTo>
                    <a:pt x="3641" y="6203"/>
                  </a:lnTo>
                  <a:lnTo>
                    <a:pt x="4147" y="6203"/>
                  </a:lnTo>
                  <a:lnTo>
                    <a:pt x="4551" y="5851"/>
                  </a:lnTo>
                  <a:lnTo>
                    <a:pt x="4956" y="5149"/>
                  </a:lnTo>
                  <a:lnTo>
                    <a:pt x="5360" y="4798"/>
                  </a:lnTo>
                  <a:lnTo>
                    <a:pt x="5562" y="4681"/>
                  </a:lnTo>
                  <a:lnTo>
                    <a:pt x="5866" y="4213"/>
                  </a:lnTo>
                  <a:lnTo>
                    <a:pt x="6169" y="3862"/>
                  </a:lnTo>
                  <a:lnTo>
                    <a:pt x="6574" y="3511"/>
                  </a:lnTo>
                  <a:lnTo>
                    <a:pt x="6877" y="2692"/>
                  </a:lnTo>
                  <a:lnTo>
                    <a:pt x="7282" y="2458"/>
                  </a:lnTo>
                  <a:lnTo>
                    <a:pt x="7282" y="2107"/>
                  </a:lnTo>
                  <a:lnTo>
                    <a:pt x="6978" y="1755"/>
                  </a:lnTo>
                  <a:lnTo>
                    <a:pt x="6877" y="1521"/>
                  </a:lnTo>
                  <a:lnTo>
                    <a:pt x="7383" y="1053"/>
                  </a:lnTo>
                  <a:lnTo>
                    <a:pt x="7787" y="702"/>
                  </a:lnTo>
                  <a:lnTo>
                    <a:pt x="7889" y="819"/>
                  </a:lnTo>
                  <a:lnTo>
                    <a:pt x="8495" y="1872"/>
                  </a:lnTo>
                  <a:lnTo>
                    <a:pt x="8597" y="1755"/>
                  </a:lnTo>
                  <a:lnTo>
                    <a:pt x="9203" y="1638"/>
                  </a:lnTo>
                  <a:lnTo>
                    <a:pt x="9203" y="1170"/>
                  </a:lnTo>
                  <a:lnTo>
                    <a:pt x="9507" y="1170"/>
                  </a:lnTo>
                  <a:lnTo>
                    <a:pt x="9507" y="585"/>
                  </a:lnTo>
                  <a:lnTo>
                    <a:pt x="10316" y="0"/>
                  </a:lnTo>
                  <a:lnTo>
                    <a:pt x="10417" y="585"/>
                  </a:lnTo>
                  <a:lnTo>
                    <a:pt x="10215" y="936"/>
                  </a:lnTo>
                  <a:lnTo>
                    <a:pt x="9911" y="1638"/>
                  </a:lnTo>
                  <a:lnTo>
                    <a:pt x="10114" y="2458"/>
                  </a:lnTo>
                  <a:lnTo>
                    <a:pt x="10316" y="2809"/>
                  </a:lnTo>
                  <a:lnTo>
                    <a:pt x="10720" y="3043"/>
                  </a:lnTo>
                  <a:lnTo>
                    <a:pt x="10822" y="3394"/>
                  </a:lnTo>
                  <a:lnTo>
                    <a:pt x="11125" y="3511"/>
                  </a:lnTo>
                  <a:lnTo>
                    <a:pt x="11327" y="3979"/>
                  </a:lnTo>
                  <a:lnTo>
                    <a:pt x="11934" y="4213"/>
                  </a:lnTo>
                  <a:lnTo>
                    <a:pt x="12237" y="5032"/>
                  </a:lnTo>
                  <a:lnTo>
                    <a:pt x="12440" y="5734"/>
                  </a:lnTo>
                  <a:lnTo>
                    <a:pt x="12844" y="5968"/>
                  </a:lnTo>
                  <a:lnTo>
                    <a:pt x="13148" y="6320"/>
                  </a:lnTo>
                  <a:lnTo>
                    <a:pt x="13653" y="6320"/>
                  </a:lnTo>
                  <a:lnTo>
                    <a:pt x="13957" y="6788"/>
                  </a:lnTo>
                  <a:lnTo>
                    <a:pt x="14058" y="7373"/>
                  </a:lnTo>
                  <a:lnTo>
                    <a:pt x="14462" y="7841"/>
                  </a:lnTo>
                  <a:lnTo>
                    <a:pt x="14462" y="8426"/>
                  </a:lnTo>
                  <a:lnTo>
                    <a:pt x="14564" y="8777"/>
                  </a:lnTo>
                  <a:lnTo>
                    <a:pt x="14766" y="9128"/>
                  </a:lnTo>
                  <a:lnTo>
                    <a:pt x="15170" y="9245"/>
                  </a:lnTo>
                  <a:lnTo>
                    <a:pt x="15272" y="9713"/>
                  </a:lnTo>
                  <a:lnTo>
                    <a:pt x="15373" y="10299"/>
                  </a:lnTo>
                  <a:lnTo>
                    <a:pt x="15575" y="10416"/>
                  </a:lnTo>
                  <a:lnTo>
                    <a:pt x="15979" y="10650"/>
                  </a:lnTo>
                  <a:lnTo>
                    <a:pt x="16283" y="10767"/>
                  </a:lnTo>
                  <a:lnTo>
                    <a:pt x="16384" y="11352"/>
                  </a:lnTo>
                  <a:lnTo>
                    <a:pt x="16384" y="11820"/>
                  </a:lnTo>
                  <a:lnTo>
                    <a:pt x="16384" y="12288"/>
                  </a:lnTo>
                  <a:lnTo>
                    <a:pt x="16081" y="12522"/>
                  </a:lnTo>
                  <a:lnTo>
                    <a:pt x="16081" y="13341"/>
                  </a:lnTo>
                  <a:lnTo>
                    <a:pt x="15878" y="13692"/>
                  </a:lnTo>
                  <a:lnTo>
                    <a:pt x="15575" y="13692"/>
                  </a:lnTo>
                  <a:lnTo>
                    <a:pt x="15474" y="13575"/>
                  </a:lnTo>
                  <a:lnTo>
                    <a:pt x="14867" y="13926"/>
                  </a:lnTo>
                  <a:lnTo>
                    <a:pt x="14462" y="13575"/>
                  </a:lnTo>
                  <a:lnTo>
                    <a:pt x="13856" y="13575"/>
                  </a:lnTo>
                  <a:lnTo>
                    <a:pt x="13249" y="13809"/>
                  </a:lnTo>
                  <a:lnTo>
                    <a:pt x="12844" y="13692"/>
                  </a:lnTo>
                  <a:lnTo>
                    <a:pt x="12339" y="13809"/>
                  </a:lnTo>
                  <a:lnTo>
                    <a:pt x="11934" y="13926"/>
                  </a:lnTo>
                  <a:lnTo>
                    <a:pt x="11732" y="13809"/>
                  </a:lnTo>
                  <a:lnTo>
                    <a:pt x="11327" y="14043"/>
                  </a:lnTo>
                  <a:lnTo>
                    <a:pt x="10720" y="14160"/>
                  </a:lnTo>
                  <a:lnTo>
                    <a:pt x="10114" y="13575"/>
                  </a:lnTo>
                  <a:lnTo>
                    <a:pt x="9608" y="14043"/>
                  </a:lnTo>
                  <a:lnTo>
                    <a:pt x="9304" y="14043"/>
                  </a:lnTo>
                  <a:lnTo>
                    <a:pt x="9102" y="14395"/>
                  </a:lnTo>
                  <a:lnTo>
                    <a:pt x="9001" y="14746"/>
                  </a:lnTo>
                  <a:lnTo>
                    <a:pt x="8394" y="15097"/>
                  </a:lnTo>
                  <a:lnTo>
                    <a:pt x="7889" y="15331"/>
                  </a:lnTo>
                  <a:close/>
                </a:path>
              </a:pathLst>
            </a:custGeom>
            <a:no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  <xdr:sp macro="" textlink="">
          <xdr:nvSpPr>
            <xdr:cNvPr id="149571" name="d14401"/>
            <xdr:cNvSpPr>
              <a:spLocks/>
            </xdr:cNvSpPr>
          </xdr:nvSpPr>
          <xdr:spPr bwMode="auto">
            <a:xfrm>
              <a:off x="16163925" y="11391900"/>
              <a:ext cx="1276350" cy="819150"/>
            </a:xfrm>
            <a:custGeom>
              <a:avLst/>
              <a:gdLst>
                <a:gd name="T0" fmla="*/ 2147483646 w 16384"/>
                <a:gd name="T1" fmla="*/ 2147483646 h 16384"/>
                <a:gd name="T2" fmla="*/ 2147483646 w 16384"/>
                <a:gd name="T3" fmla="*/ 2147483646 h 16384"/>
                <a:gd name="T4" fmla="*/ 2147483646 w 16384"/>
                <a:gd name="T5" fmla="*/ 2147483646 h 16384"/>
                <a:gd name="T6" fmla="*/ 2147483646 w 16384"/>
                <a:gd name="T7" fmla="*/ 2147483646 h 16384"/>
                <a:gd name="T8" fmla="*/ 2147483646 w 16384"/>
                <a:gd name="T9" fmla="*/ 2147483646 h 16384"/>
                <a:gd name="T10" fmla="*/ 2147483646 w 16384"/>
                <a:gd name="T11" fmla="*/ 2147483646 h 16384"/>
                <a:gd name="T12" fmla="*/ 2147483646 w 16384"/>
                <a:gd name="T13" fmla="*/ 2147483646 h 16384"/>
                <a:gd name="T14" fmla="*/ 2147483646 w 16384"/>
                <a:gd name="T15" fmla="*/ 2147483646 h 16384"/>
                <a:gd name="T16" fmla="*/ 2147483646 w 16384"/>
                <a:gd name="T17" fmla="*/ 2147483646 h 16384"/>
                <a:gd name="T18" fmla="*/ 2147483646 w 16384"/>
                <a:gd name="T19" fmla="*/ 2147483646 h 16384"/>
                <a:gd name="T20" fmla="*/ 2147483646 w 16384"/>
                <a:gd name="T21" fmla="*/ 2147483646 h 16384"/>
                <a:gd name="T22" fmla="*/ 2147483646 w 16384"/>
                <a:gd name="T23" fmla="*/ 2147483646 h 16384"/>
                <a:gd name="T24" fmla="*/ 2147483646 w 16384"/>
                <a:gd name="T25" fmla="*/ 2147483646 h 16384"/>
                <a:gd name="T26" fmla="*/ 2147483646 w 16384"/>
                <a:gd name="T27" fmla="*/ 2147483646 h 16384"/>
                <a:gd name="T28" fmla="*/ 2147483646 w 16384"/>
                <a:gd name="T29" fmla="*/ 2147483646 h 16384"/>
                <a:gd name="T30" fmla="*/ 2147483646 w 16384"/>
                <a:gd name="T31" fmla="*/ 2147483646 h 16384"/>
                <a:gd name="T32" fmla="*/ 2147483646 w 16384"/>
                <a:gd name="T33" fmla="*/ 2147483646 h 16384"/>
                <a:gd name="T34" fmla="*/ 2147483646 w 16384"/>
                <a:gd name="T35" fmla="*/ 2147483646 h 16384"/>
                <a:gd name="T36" fmla="*/ 2147483646 w 16384"/>
                <a:gd name="T37" fmla="*/ 2147483646 h 16384"/>
                <a:gd name="T38" fmla="*/ 2147483646 w 16384"/>
                <a:gd name="T39" fmla="*/ 2147483646 h 16384"/>
                <a:gd name="T40" fmla="*/ 2147483646 w 16384"/>
                <a:gd name="T41" fmla="*/ 2147483646 h 16384"/>
                <a:gd name="T42" fmla="*/ 2147483646 w 16384"/>
                <a:gd name="T43" fmla="*/ 2147483646 h 16384"/>
                <a:gd name="T44" fmla="*/ 2147483646 w 16384"/>
                <a:gd name="T45" fmla="*/ 2147483646 h 16384"/>
                <a:gd name="T46" fmla="*/ 2147483646 w 16384"/>
                <a:gd name="T47" fmla="*/ 2147483646 h 16384"/>
                <a:gd name="T48" fmla="*/ 2147483646 w 16384"/>
                <a:gd name="T49" fmla="*/ 2147483646 h 16384"/>
                <a:gd name="T50" fmla="*/ 2147483646 w 16384"/>
                <a:gd name="T51" fmla="*/ 2147483646 h 16384"/>
                <a:gd name="T52" fmla="*/ 2147483646 w 16384"/>
                <a:gd name="T53" fmla="*/ 2147483646 h 16384"/>
                <a:gd name="T54" fmla="*/ 2147483646 w 16384"/>
                <a:gd name="T55" fmla="*/ 2147483646 h 16384"/>
                <a:gd name="T56" fmla="*/ 2147483646 w 16384"/>
                <a:gd name="T57" fmla="*/ 2147483646 h 16384"/>
                <a:gd name="T58" fmla="*/ 2147483646 w 16384"/>
                <a:gd name="T59" fmla="*/ 2147483646 h 16384"/>
                <a:gd name="T60" fmla="*/ 2147483646 w 16384"/>
                <a:gd name="T61" fmla="*/ 2147483646 h 16384"/>
                <a:gd name="T62" fmla="*/ 2147483646 w 16384"/>
                <a:gd name="T63" fmla="*/ 2147483646 h 16384"/>
                <a:gd name="T64" fmla="*/ 2147483646 w 16384"/>
                <a:gd name="T65" fmla="*/ 2147483646 h 16384"/>
                <a:gd name="T66" fmla="*/ 2147483646 w 16384"/>
                <a:gd name="T67" fmla="*/ 2147483646 h 16384"/>
                <a:gd name="T68" fmla="*/ 2147483646 w 16384"/>
                <a:gd name="T69" fmla="*/ 0 h 16384"/>
                <a:gd name="T70" fmla="*/ 2147483646 w 16384"/>
                <a:gd name="T71" fmla="*/ 2147483646 h 16384"/>
                <a:gd name="T72" fmla="*/ 2147483646 w 16384"/>
                <a:gd name="T73" fmla="*/ 2147483646 h 16384"/>
                <a:gd name="T74" fmla="*/ 2147483646 w 16384"/>
                <a:gd name="T75" fmla="*/ 2147483646 h 16384"/>
                <a:gd name="T76" fmla="*/ 2147483646 w 16384"/>
                <a:gd name="T77" fmla="*/ 2147483646 h 16384"/>
                <a:gd name="T78" fmla="*/ 2147483646 w 16384"/>
                <a:gd name="T79" fmla="*/ 2147483646 h 16384"/>
                <a:gd name="T80" fmla="*/ 2147483646 w 16384"/>
                <a:gd name="T81" fmla="*/ 2147483646 h 16384"/>
                <a:gd name="T82" fmla="*/ 2147483646 w 16384"/>
                <a:gd name="T83" fmla="*/ 2147483646 h 16384"/>
                <a:gd name="T84" fmla="*/ 2147483646 w 16384"/>
                <a:gd name="T85" fmla="*/ 2147483646 h 16384"/>
                <a:gd name="T86" fmla="*/ 2147483646 w 16384"/>
                <a:gd name="T87" fmla="*/ 2147483646 h 16384"/>
                <a:gd name="T88" fmla="*/ 2147483646 w 16384"/>
                <a:gd name="T89" fmla="*/ 2147483646 h 16384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w 16384"/>
                <a:gd name="T136" fmla="*/ 0 h 16384"/>
                <a:gd name="T137" fmla="*/ 16384 w 16384"/>
                <a:gd name="T138" fmla="*/ 16384 h 16384"/>
              </a:gdLst>
              <a:ahLst/>
              <a:cxnLst>
                <a:cxn ang="T90">
                  <a:pos x="T0" y="T1"/>
                </a:cxn>
                <a:cxn ang="T91">
                  <a:pos x="T2" y="T3"/>
                </a:cxn>
                <a:cxn ang="T92">
                  <a:pos x="T4" y="T5"/>
                </a:cxn>
                <a:cxn ang="T93">
                  <a:pos x="T6" y="T7"/>
                </a:cxn>
                <a:cxn ang="T94">
                  <a:pos x="T8" y="T9"/>
                </a:cxn>
                <a:cxn ang="T95">
                  <a:pos x="T10" y="T11"/>
                </a:cxn>
                <a:cxn ang="T96">
                  <a:pos x="T12" y="T13"/>
                </a:cxn>
                <a:cxn ang="T97">
                  <a:pos x="T14" y="T15"/>
                </a:cxn>
                <a:cxn ang="T98">
                  <a:pos x="T16" y="T17"/>
                </a:cxn>
                <a:cxn ang="T99">
                  <a:pos x="T18" y="T19"/>
                </a:cxn>
                <a:cxn ang="T100">
                  <a:pos x="T20" y="T21"/>
                </a:cxn>
                <a:cxn ang="T101">
                  <a:pos x="T22" y="T23"/>
                </a:cxn>
                <a:cxn ang="T102">
                  <a:pos x="T24" y="T25"/>
                </a:cxn>
                <a:cxn ang="T103">
                  <a:pos x="T26" y="T27"/>
                </a:cxn>
                <a:cxn ang="T104">
                  <a:pos x="T28" y="T29"/>
                </a:cxn>
                <a:cxn ang="T105">
                  <a:pos x="T30" y="T31"/>
                </a:cxn>
                <a:cxn ang="T106">
                  <a:pos x="T32" y="T33"/>
                </a:cxn>
                <a:cxn ang="T107">
                  <a:pos x="T34" y="T35"/>
                </a:cxn>
                <a:cxn ang="T108">
                  <a:pos x="T36" y="T37"/>
                </a:cxn>
                <a:cxn ang="T109">
                  <a:pos x="T38" y="T39"/>
                </a:cxn>
                <a:cxn ang="T110">
                  <a:pos x="T40" y="T41"/>
                </a:cxn>
                <a:cxn ang="T111">
                  <a:pos x="T42" y="T43"/>
                </a:cxn>
                <a:cxn ang="T112">
                  <a:pos x="T44" y="T45"/>
                </a:cxn>
                <a:cxn ang="T113">
                  <a:pos x="T46" y="T47"/>
                </a:cxn>
                <a:cxn ang="T114">
                  <a:pos x="T48" y="T49"/>
                </a:cxn>
                <a:cxn ang="T115">
                  <a:pos x="T50" y="T51"/>
                </a:cxn>
                <a:cxn ang="T116">
                  <a:pos x="T52" y="T53"/>
                </a:cxn>
                <a:cxn ang="T117">
                  <a:pos x="T54" y="T55"/>
                </a:cxn>
                <a:cxn ang="T118">
                  <a:pos x="T56" y="T57"/>
                </a:cxn>
                <a:cxn ang="T119">
                  <a:pos x="T58" y="T59"/>
                </a:cxn>
                <a:cxn ang="T120">
                  <a:pos x="T60" y="T61"/>
                </a:cxn>
                <a:cxn ang="T121">
                  <a:pos x="T62" y="T63"/>
                </a:cxn>
                <a:cxn ang="T122">
                  <a:pos x="T64" y="T65"/>
                </a:cxn>
                <a:cxn ang="T123">
                  <a:pos x="T66" y="T67"/>
                </a:cxn>
                <a:cxn ang="T124">
                  <a:pos x="T68" y="T69"/>
                </a:cxn>
                <a:cxn ang="T125">
                  <a:pos x="T70" y="T71"/>
                </a:cxn>
                <a:cxn ang="T126">
                  <a:pos x="T72" y="T73"/>
                </a:cxn>
                <a:cxn ang="T127">
                  <a:pos x="T74" y="T75"/>
                </a:cxn>
                <a:cxn ang="T128">
                  <a:pos x="T76" y="T77"/>
                </a:cxn>
                <a:cxn ang="T129">
                  <a:pos x="T78" y="T79"/>
                </a:cxn>
                <a:cxn ang="T130">
                  <a:pos x="T80" y="T81"/>
                </a:cxn>
                <a:cxn ang="T131">
                  <a:pos x="T82" y="T83"/>
                </a:cxn>
                <a:cxn ang="T132">
                  <a:pos x="T84" y="T85"/>
                </a:cxn>
                <a:cxn ang="T133">
                  <a:pos x="T86" y="T87"/>
                </a:cxn>
                <a:cxn ang="T134">
                  <a:pos x="T88" y="T89"/>
                </a:cxn>
              </a:cxnLst>
              <a:rect l="T135" t="T136" r="T137" b="T138"/>
              <a:pathLst>
                <a:path w="16384" h="16384">
                  <a:moveTo>
                    <a:pt x="16262" y="8573"/>
                  </a:moveTo>
                  <a:lnTo>
                    <a:pt x="15773" y="9145"/>
                  </a:lnTo>
                  <a:lnTo>
                    <a:pt x="15895" y="9335"/>
                  </a:lnTo>
                  <a:lnTo>
                    <a:pt x="16384" y="9526"/>
                  </a:lnTo>
                  <a:lnTo>
                    <a:pt x="16384" y="10478"/>
                  </a:lnTo>
                  <a:lnTo>
                    <a:pt x="15161" y="11050"/>
                  </a:lnTo>
                  <a:lnTo>
                    <a:pt x="15284" y="12002"/>
                  </a:lnTo>
                  <a:lnTo>
                    <a:pt x="15406" y="12955"/>
                  </a:lnTo>
                  <a:lnTo>
                    <a:pt x="15406" y="13336"/>
                  </a:lnTo>
                  <a:lnTo>
                    <a:pt x="15161" y="13336"/>
                  </a:lnTo>
                  <a:lnTo>
                    <a:pt x="15284" y="13717"/>
                  </a:lnTo>
                  <a:lnTo>
                    <a:pt x="15039" y="13907"/>
                  </a:lnTo>
                  <a:lnTo>
                    <a:pt x="15161" y="14288"/>
                  </a:lnTo>
                  <a:lnTo>
                    <a:pt x="14917" y="14669"/>
                  </a:lnTo>
                  <a:lnTo>
                    <a:pt x="15039" y="15812"/>
                  </a:lnTo>
                  <a:lnTo>
                    <a:pt x="14795" y="16193"/>
                  </a:lnTo>
                  <a:lnTo>
                    <a:pt x="14550" y="16384"/>
                  </a:lnTo>
                  <a:lnTo>
                    <a:pt x="14061" y="16003"/>
                  </a:lnTo>
                  <a:lnTo>
                    <a:pt x="13450" y="14669"/>
                  </a:lnTo>
                  <a:lnTo>
                    <a:pt x="12349" y="14098"/>
                  </a:lnTo>
                  <a:lnTo>
                    <a:pt x="11493" y="14098"/>
                  </a:lnTo>
                  <a:lnTo>
                    <a:pt x="11126" y="13526"/>
                  </a:lnTo>
                  <a:lnTo>
                    <a:pt x="10393" y="13717"/>
                  </a:lnTo>
                  <a:lnTo>
                    <a:pt x="10393" y="12383"/>
                  </a:lnTo>
                  <a:lnTo>
                    <a:pt x="9904" y="11240"/>
                  </a:lnTo>
                  <a:lnTo>
                    <a:pt x="10026" y="10288"/>
                  </a:lnTo>
                  <a:lnTo>
                    <a:pt x="9170" y="9716"/>
                  </a:lnTo>
                  <a:lnTo>
                    <a:pt x="8681" y="10288"/>
                  </a:lnTo>
                  <a:lnTo>
                    <a:pt x="8192" y="9907"/>
                  </a:lnTo>
                  <a:lnTo>
                    <a:pt x="7947" y="10288"/>
                  </a:lnTo>
                  <a:lnTo>
                    <a:pt x="7336" y="10288"/>
                  </a:lnTo>
                  <a:lnTo>
                    <a:pt x="6603" y="11812"/>
                  </a:lnTo>
                  <a:lnTo>
                    <a:pt x="5502" y="12574"/>
                  </a:lnTo>
                  <a:lnTo>
                    <a:pt x="5013" y="12193"/>
                  </a:lnTo>
                  <a:lnTo>
                    <a:pt x="4646" y="12574"/>
                  </a:lnTo>
                  <a:lnTo>
                    <a:pt x="4524" y="13717"/>
                  </a:lnTo>
                  <a:lnTo>
                    <a:pt x="4524" y="14098"/>
                  </a:lnTo>
                  <a:lnTo>
                    <a:pt x="3913" y="14098"/>
                  </a:lnTo>
                  <a:lnTo>
                    <a:pt x="3546" y="13526"/>
                  </a:lnTo>
                  <a:lnTo>
                    <a:pt x="3057" y="13145"/>
                  </a:lnTo>
                  <a:lnTo>
                    <a:pt x="2812" y="12002"/>
                  </a:lnTo>
                  <a:lnTo>
                    <a:pt x="2445" y="10669"/>
                  </a:lnTo>
                  <a:lnTo>
                    <a:pt x="1712" y="10288"/>
                  </a:lnTo>
                  <a:lnTo>
                    <a:pt x="1467" y="9526"/>
                  </a:lnTo>
                  <a:lnTo>
                    <a:pt x="1100" y="9335"/>
                  </a:lnTo>
                  <a:lnTo>
                    <a:pt x="978" y="8764"/>
                  </a:lnTo>
                  <a:lnTo>
                    <a:pt x="489" y="8383"/>
                  </a:lnTo>
                  <a:lnTo>
                    <a:pt x="245" y="7811"/>
                  </a:lnTo>
                  <a:lnTo>
                    <a:pt x="0" y="6477"/>
                  </a:lnTo>
                  <a:lnTo>
                    <a:pt x="367" y="5334"/>
                  </a:lnTo>
                  <a:lnTo>
                    <a:pt x="611" y="4763"/>
                  </a:lnTo>
                  <a:lnTo>
                    <a:pt x="489" y="3810"/>
                  </a:lnTo>
                  <a:lnTo>
                    <a:pt x="611" y="3429"/>
                  </a:lnTo>
                  <a:lnTo>
                    <a:pt x="978" y="2858"/>
                  </a:lnTo>
                  <a:lnTo>
                    <a:pt x="1467" y="2286"/>
                  </a:lnTo>
                  <a:lnTo>
                    <a:pt x="1956" y="2286"/>
                  </a:lnTo>
                  <a:lnTo>
                    <a:pt x="2568" y="2096"/>
                  </a:lnTo>
                  <a:lnTo>
                    <a:pt x="3057" y="1715"/>
                  </a:lnTo>
                  <a:lnTo>
                    <a:pt x="3301" y="2096"/>
                  </a:lnTo>
                  <a:lnTo>
                    <a:pt x="3668" y="2096"/>
                  </a:lnTo>
                  <a:lnTo>
                    <a:pt x="3790" y="2477"/>
                  </a:lnTo>
                  <a:lnTo>
                    <a:pt x="4524" y="2667"/>
                  </a:lnTo>
                  <a:lnTo>
                    <a:pt x="4768" y="3239"/>
                  </a:lnTo>
                  <a:lnTo>
                    <a:pt x="5013" y="3239"/>
                  </a:lnTo>
                  <a:lnTo>
                    <a:pt x="5135" y="2667"/>
                  </a:lnTo>
                  <a:lnTo>
                    <a:pt x="5135" y="1905"/>
                  </a:lnTo>
                  <a:lnTo>
                    <a:pt x="5380" y="1334"/>
                  </a:lnTo>
                  <a:lnTo>
                    <a:pt x="5991" y="1143"/>
                  </a:lnTo>
                  <a:lnTo>
                    <a:pt x="5991" y="572"/>
                  </a:lnTo>
                  <a:lnTo>
                    <a:pt x="6725" y="0"/>
                  </a:lnTo>
                  <a:lnTo>
                    <a:pt x="7092" y="381"/>
                  </a:lnTo>
                  <a:lnTo>
                    <a:pt x="7458" y="381"/>
                  </a:lnTo>
                  <a:lnTo>
                    <a:pt x="7703" y="572"/>
                  </a:lnTo>
                  <a:lnTo>
                    <a:pt x="8192" y="1143"/>
                  </a:lnTo>
                  <a:lnTo>
                    <a:pt x="8559" y="1524"/>
                  </a:lnTo>
                  <a:lnTo>
                    <a:pt x="8803" y="2477"/>
                  </a:lnTo>
                  <a:lnTo>
                    <a:pt x="9048" y="2667"/>
                  </a:lnTo>
                  <a:lnTo>
                    <a:pt x="9415" y="3620"/>
                  </a:lnTo>
                  <a:lnTo>
                    <a:pt x="9659" y="3810"/>
                  </a:lnTo>
                  <a:lnTo>
                    <a:pt x="10026" y="4191"/>
                  </a:lnTo>
                  <a:lnTo>
                    <a:pt x="10271" y="4763"/>
                  </a:lnTo>
                  <a:lnTo>
                    <a:pt x="10637" y="5334"/>
                  </a:lnTo>
                  <a:lnTo>
                    <a:pt x="11004" y="5144"/>
                  </a:lnTo>
                  <a:lnTo>
                    <a:pt x="11493" y="4572"/>
                  </a:lnTo>
                  <a:lnTo>
                    <a:pt x="11860" y="4763"/>
                  </a:lnTo>
                  <a:lnTo>
                    <a:pt x="12105" y="4382"/>
                  </a:lnTo>
                  <a:lnTo>
                    <a:pt x="13083" y="4953"/>
                  </a:lnTo>
                  <a:lnTo>
                    <a:pt x="14305" y="6096"/>
                  </a:lnTo>
                  <a:lnTo>
                    <a:pt x="15406" y="7430"/>
                  </a:lnTo>
                  <a:lnTo>
                    <a:pt x="16262" y="8573"/>
                  </a:lnTo>
                  <a:close/>
                </a:path>
              </a:pathLst>
            </a:custGeom>
            <a:noFill/>
            <a:ln w="9525" cap="flat">
              <a:solidFill>
                <a:srgbClr val="000000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  <xdr:grpSp>
          <xdr:nvGrpSpPr>
            <xdr:cNvPr id="149572" name="グループ化 422"/>
            <xdr:cNvGrpSpPr>
              <a:grpSpLocks/>
            </xdr:cNvGrpSpPr>
          </xdr:nvGrpSpPr>
          <xdr:grpSpPr bwMode="auto">
            <a:xfrm>
              <a:off x="12382500" y="9791700"/>
              <a:ext cx="10010775" cy="7505700"/>
              <a:chOff x="12382500" y="9791700"/>
              <a:chExt cx="10010775" cy="7505700"/>
            </a:xfrm>
          </xdr:grpSpPr>
          <xdr:grpSp>
            <xdr:nvGrpSpPr>
              <xdr:cNvPr id="149573" name="グループ化 421"/>
              <xdr:cNvGrpSpPr>
                <a:grpSpLocks/>
              </xdr:cNvGrpSpPr>
            </xdr:nvGrpSpPr>
            <xdr:grpSpPr bwMode="auto">
              <a:xfrm>
                <a:off x="18516600" y="10239375"/>
                <a:ext cx="3876675" cy="7058025"/>
                <a:chOff x="18516600" y="10239375"/>
                <a:chExt cx="3876675" cy="7058025"/>
              </a:xfrm>
            </xdr:grpSpPr>
            <xdr:sp macro="" textlink="">
              <xdr:nvSpPr>
                <xdr:cNvPr id="149600" name="d14130"/>
                <xdr:cNvSpPr>
                  <a:spLocks/>
                </xdr:cNvSpPr>
              </xdr:nvSpPr>
              <xdr:spPr bwMode="auto">
                <a:xfrm>
                  <a:off x="18516600" y="10239375"/>
                  <a:ext cx="3876675" cy="2095500"/>
                </a:xfrm>
                <a:custGeom>
                  <a:avLst/>
                  <a:gdLst>
                    <a:gd name="T0" fmla="*/ 2147483646 w 16384"/>
                    <a:gd name="T1" fmla="*/ 2147483646 h 16384"/>
                    <a:gd name="T2" fmla="*/ 2147483646 w 16384"/>
                    <a:gd name="T3" fmla="*/ 2147483646 h 16384"/>
                    <a:gd name="T4" fmla="*/ 2147483646 w 16384"/>
                    <a:gd name="T5" fmla="*/ 2147483646 h 16384"/>
                    <a:gd name="T6" fmla="*/ 2147483646 w 16384"/>
                    <a:gd name="T7" fmla="*/ 2147483646 h 16384"/>
                    <a:gd name="T8" fmla="*/ 2147483646 w 16384"/>
                    <a:gd name="T9" fmla="*/ 2147483646 h 16384"/>
                    <a:gd name="T10" fmla="*/ 2147483646 w 16384"/>
                    <a:gd name="T11" fmla="*/ 2147483646 h 16384"/>
                    <a:gd name="T12" fmla="*/ 2147483646 w 16384"/>
                    <a:gd name="T13" fmla="*/ 2147483646 h 16384"/>
                    <a:gd name="T14" fmla="*/ 2147483646 w 16384"/>
                    <a:gd name="T15" fmla="*/ 2147483646 h 16384"/>
                    <a:gd name="T16" fmla="*/ 2147483646 w 16384"/>
                    <a:gd name="T17" fmla="*/ 2147483646 h 16384"/>
                    <a:gd name="T18" fmla="*/ 2147483646 w 16384"/>
                    <a:gd name="T19" fmla="*/ 2147483646 h 16384"/>
                    <a:gd name="T20" fmla="*/ 2147483646 w 16384"/>
                    <a:gd name="T21" fmla="*/ 2147483646 h 16384"/>
                    <a:gd name="T22" fmla="*/ 2147483646 w 16384"/>
                    <a:gd name="T23" fmla="*/ 2147483646 h 16384"/>
                    <a:gd name="T24" fmla="*/ 2147483646 w 16384"/>
                    <a:gd name="T25" fmla="*/ 2147483646 h 16384"/>
                    <a:gd name="T26" fmla="*/ 2147483646 w 16384"/>
                    <a:gd name="T27" fmla="*/ 2147483646 h 16384"/>
                    <a:gd name="T28" fmla="*/ 2147483646 w 16384"/>
                    <a:gd name="T29" fmla="*/ 2147483646 h 16384"/>
                    <a:gd name="T30" fmla="*/ 2147483646 w 16384"/>
                    <a:gd name="T31" fmla="*/ 2147483646 h 16384"/>
                    <a:gd name="T32" fmla="*/ 2147483646 w 16384"/>
                    <a:gd name="T33" fmla="*/ 2147483646 h 16384"/>
                    <a:gd name="T34" fmla="*/ 2147483646 w 16384"/>
                    <a:gd name="T35" fmla="*/ 2147483646 h 16384"/>
                    <a:gd name="T36" fmla="*/ 2147483646 w 16384"/>
                    <a:gd name="T37" fmla="*/ 2147483646 h 16384"/>
                    <a:gd name="T38" fmla="*/ 2147483646 w 16384"/>
                    <a:gd name="T39" fmla="*/ 2147483646 h 16384"/>
                    <a:gd name="T40" fmla="*/ 2147483646 w 16384"/>
                    <a:gd name="T41" fmla="*/ 2147483646 h 16384"/>
                    <a:gd name="T42" fmla="*/ 2147483646 w 16384"/>
                    <a:gd name="T43" fmla="*/ 2147483646 h 16384"/>
                    <a:gd name="T44" fmla="*/ 2147483646 w 16384"/>
                    <a:gd name="T45" fmla="*/ 2147483646 h 16384"/>
                    <a:gd name="T46" fmla="*/ 2147483646 w 16384"/>
                    <a:gd name="T47" fmla="*/ 2147483646 h 16384"/>
                    <a:gd name="T48" fmla="*/ 2147483646 w 16384"/>
                    <a:gd name="T49" fmla="*/ 2147483646 h 16384"/>
                    <a:gd name="T50" fmla="*/ 2147483646 w 16384"/>
                    <a:gd name="T51" fmla="*/ 2147483646 h 16384"/>
                    <a:gd name="T52" fmla="*/ 2147483646 w 16384"/>
                    <a:gd name="T53" fmla="*/ 2147483646 h 16384"/>
                    <a:gd name="T54" fmla="*/ 2147483646 w 16384"/>
                    <a:gd name="T55" fmla="*/ 2147483646 h 16384"/>
                    <a:gd name="T56" fmla="*/ 2147483646 w 16384"/>
                    <a:gd name="T57" fmla="*/ 2147483646 h 16384"/>
                    <a:gd name="T58" fmla="*/ 2147483646 w 16384"/>
                    <a:gd name="T59" fmla="*/ 2147483646 h 16384"/>
                    <a:gd name="T60" fmla="*/ 2147483646 w 16384"/>
                    <a:gd name="T61" fmla="*/ 2147483646 h 16384"/>
                    <a:gd name="T62" fmla="*/ 2147483646 w 16384"/>
                    <a:gd name="T63" fmla="*/ 2147483646 h 16384"/>
                    <a:gd name="T64" fmla="*/ 2147483646 w 16384"/>
                    <a:gd name="T65" fmla="*/ 2147483646 h 16384"/>
                    <a:gd name="T66" fmla="*/ 2147483646 w 16384"/>
                    <a:gd name="T67" fmla="*/ 2147483646 h 16384"/>
                    <a:gd name="T68" fmla="*/ 2147483646 w 16384"/>
                    <a:gd name="T69" fmla="*/ 2147483646 h 16384"/>
                    <a:gd name="T70" fmla="*/ 2147483646 w 16384"/>
                    <a:gd name="T71" fmla="*/ 2147483646 h 16384"/>
                    <a:gd name="T72" fmla="*/ 2147483646 w 16384"/>
                    <a:gd name="T73" fmla="*/ 2147483646 h 16384"/>
                    <a:gd name="T74" fmla="*/ 2147483646 w 16384"/>
                    <a:gd name="T75" fmla="*/ 2147483646 h 16384"/>
                    <a:gd name="T76" fmla="*/ 2147483646 w 16384"/>
                    <a:gd name="T77" fmla="*/ 2147483646 h 16384"/>
                    <a:gd name="T78" fmla="*/ 2147483646 w 16384"/>
                    <a:gd name="T79" fmla="*/ 2147483646 h 16384"/>
                    <a:gd name="T80" fmla="*/ 2147483646 w 16384"/>
                    <a:gd name="T81" fmla="*/ 2147483646 h 16384"/>
                    <a:gd name="T82" fmla="*/ 2147483646 w 16384"/>
                    <a:gd name="T83" fmla="*/ 2147483646 h 16384"/>
                    <a:gd name="T84" fmla="*/ 2147483646 w 16384"/>
                    <a:gd name="T85" fmla="*/ 2147483646 h 16384"/>
                    <a:gd name="T86" fmla="*/ 2147483646 w 16384"/>
                    <a:gd name="T87" fmla="*/ 2147483646 h 16384"/>
                    <a:gd name="T88" fmla="*/ 2147483646 w 16384"/>
                    <a:gd name="T89" fmla="*/ 2147483646 h 16384"/>
                    <a:gd name="T90" fmla="*/ 2147483646 w 16384"/>
                    <a:gd name="T91" fmla="*/ 2147483646 h 16384"/>
                    <a:gd name="T92" fmla="*/ 2147483646 w 16384"/>
                    <a:gd name="T93" fmla="*/ 2147483646 h 16384"/>
                    <a:gd name="T94" fmla="*/ 2147483646 w 16384"/>
                    <a:gd name="T95" fmla="*/ 2147483646 h 16384"/>
                    <a:gd name="T96" fmla="*/ 0 60000 65536"/>
                    <a:gd name="T97" fmla="*/ 0 60000 65536"/>
                    <a:gd name="T98" fmla="*/ 0 60000 65536"/>
                    <a:gd name="T99" fmla="*/ 0 60000 65536"/>
                    <a:gd name="T100" fmla="*/ 0 60000 65536"/>
                    <a:gd name="T101" fmla="*/ 0 60000 65536"/>
                    <a:gd name="T102" fmla="*/ 0 60000 65536"/>
                    <a:gd name="T103" fmla="*/ 0 60000 65536"/>
                    <a:gd name="T104" fmla="*/ 0 60000 65536"/>
                    <a:gd name="T105" fmla="*/ 0 60000 65536"/>
                    <a:gd name="T106" fmla="*/ 0 60000 65536"/>
                    <a:gd name="T107" fmla="*/ 0 60000 65536"/>
                    <a:gd name="T108" fmla="*/ 0 60000 65536"/>
                    <a:gd name="T109" fmla="*/ 0 60000 65536"/>
                    <a:gd name="T110" fmla="*/ 0 60000 65536"/>
                    <a:gd name="T111" fmla="*/ 0 60000 65536"/>
                    <a:gd name="T112" fmla="*/ 0 60000 65536"/>
                    <a:gd name="T113" fmla="*/ 0 60000 65536"/>
                    <a:gd name="T114" fmla="*/ 0 60000 65536"/>
                    <a:gd name="T115" fmla="*/ 0 60000 65536"/>
                    <a:gd name="T116" fmla="*/ 0 60000 65536"/>
                    <a:gd name="T117" fmla="*/ 0 60000 65536"/>
                    <a:gd name="T118" fmla="*/ 0 60000 65536"/>
                    <a:gd name="T119" fmla="*/ 0 60000 65536"/>
                    <a:gd name="T120" fmla="*/ 0 60000 65536"/>
                    <a:gd name="T121" fmla="*/ 0 60000 65536"/>
                    <a:gd name="T122" fmla="*/ 0 60000 65536"/>
                    <a:gd name="T123" fmla="*/ 0 60000 65536"/>
                    <a:gd name="T124" fmla="*/ 0 60000 65536"/>
                    <a:gd name="T125" fmla="*/ 0 60000 65536"/>
                    <a:gd name="T126" fmla="*/ 0 60000 65536"/>
                    <a:gd name="T127" fmla="*/ 0 60000 65536"/>
                    <a:gd name="T128" fmla="*/ 0 60000 65536"/>
                    <a:gd name="T129" fmla="*/ 0 60000 65536"/>
                    <a:gd name="T130" fmla="*/ 0 60000 65536"/>
                    <a:gd name="T131" fmla="*/ 0 60000 65536"/>
                    <a:gd name="T132" fmla="*/ 0 60000 65536"/>
                    <a:gd name="T133" fmla="*/ 0 60000 65536"/>
                    <a:gd name="T134" fmla="*/ 0 60000 65536"/>
                    <a:gd name="T135" fmla="*/ 0 60000 65536"/>
                    <a:gd name="T136" fmla="*/ 0 60000 65536"/>
                    <a:gd name="T137" fmla="*/ 0 60000 65536"/>
                    <a:gd name="T138" fmla="*/ 0 60000 65536"/>
                    <a:gd name="T139" fmla="*/ 0 60000 65536"/>
                    <a:gd name="T140" fmla="*/ 0 60000 65536"/>
                    <a:gd name="T141" fmla="*/ 0 60000 65536"/>
                    <a:gd name="T142" fmla="*/ 0 60000 65536"/>
                    <a:gd name="T143" fmla="*/ 0 60000 65536"/>
                    <a:gd name="T144" fmla="*/ 0 w 16384"/>
                    <a:gd name="T145" fmla="*/ 0 h 16384"/>
                    <a:gd name="T146" fmla="*/ 16384 w 16384"/>
                    <a:gd name="T147" fmla="*/ 16384 h 16384"/>
                  </a:gdLst>
                  <a:ahLst/>
                  <a:cxnLst>
                    <a:cxn ang="T96">
                      <a:pos x="T0" y="T1"/>
                    </a:cxn>
                    <a:cxn ang="T97">
                      <a:pos x="T2" y="T3"/>
                    </a:cxn>
                    <a:cxn ang="T98">
                      <a:pos x="T4" y="T5"/>
                    </a:cxn>
                    <a:cxn ang="T99">
                      <a:pos x="T6" y="T7"/>
                    </a:cxn>
                    <a:cxn ang="T100">
                      <a:pos x="T8" y="T9"/>
                    </a:cxn>
                    <a:cxn ang="T101">
                      <a:pos x="T10" y="T11"/>
                    </a:cxn>
                    <a:cxn ang="T102">
                      <a:pos x="T12" y="T13"/>
                    </a:cxn>
                    <a:cxn ang="T103">
                      <a:pos x="T14" y="T15"/>
                    </a:cxn>
                    <a:cxn ang="T104">
                      <a:pos x="T16" y="T17"/>
                    </a:cxn>
                    <a:cxn ang="T105">
                      <a:pos x="T18" y="T19"/>
                    </a:cxn>
                    <a:cxn ang="T106">
                      <a:pos x="T20" y="T21"/>
                    </a:cxn>
                    <a:cxn ang="T107">
                      <a:pos x="T22" y="T23"/>
                    </a:cxn>
                    <a:cxn ang="T108">
                      <a:pos x="T24" y="T25"/>
                    </a:cxn>
                    <a:cxn ang="T109">
                      <a:pos x="T26" y="T27"/>
                    </a:cxn>
                    <a:cxn ang="T110">
                      <a:pos x="T28" y="T29"/>
                    </a:cxn>
                    <a:cxn ang="T111">
                      <a:pos x="T30" y="T31"/>
                    </a:cxn>
                    <a:cxn ang="T112">
                      <a:pos x="T32" y="T33"/>
                    </a:cxn>
                    <a:cxn ang="T113">
                      <a:pos x="T34" y="T35"/>
                    </a:cxn>
                    <a:cxn ang="T114">
                      <a:pos x="T36" y="T37"/>
                    </a:cxn>
                    <a:cxn ang="T115">
                      <a:pos x="T38" y="T39"/>
                    </a:cxn>
                    <a:cxn ang="T116">
                      <a:pos x="T40" y="T41"/>
                    </a:cxn>
                    <a:cxn ang="T117">
                      <a:pos x="T42" y="T43"/>
                    </a:cxn>
                    <a:cxn ang="T118">
                      <a:pos x="T44" y="T45"/>
                    </a:cxn>
                    <a:cxn ang="T119">
                      <a:pos x="T46" y="T47"/>
                    </a:cxn>
                    <a:cxn ang="T120">
                      <a:pos x="T48" y="T49"/>
                    </a:cxn>
                    <a:cxn ang="T121">
                      <a:pos x="T50" y="T51"/>
                    </a:cxn>
                    <a:cxn ang="T122">
                      <a:pos x="T52" y="T53"/>
                    </a:cxn>
                    <a:cxn ang="T123">
                      <a:pos x="T54" y="T55"/>
                    </a:cxn>
                    <a:cxn ang="T124">
                      <a:pos x="T56" y="T57"/>
                    </a:cxn>
                    <a:cxn ang="T125">
                      <a:pos x="T58" y="T59"/>
                    </a:cxn>
                    <a:cxn ang="T126">
                      <a:pos x="T60" y="T61"/>
                    </a:cxn>
                    <a:cxn ang="T127">
                      <a:pos x="T62" y="T63"/>
                    </a:cxn>
                    <a:cxn ang="T128">
                      <a:pos x="T64" y="T65"/>
                    </a:cxn>
                    <a:cxn ang="T129">
                      <a:pos x="T66" y="T67"/>
                    </a:cxn>
                    <a:cxn ang="T130">
                      <a:pos x="T68" y="T69"/>
                    </a:cxn>
                    <a:cxn ang="T131">
                      <a:pos x="T70" y="T71"/>
                    </a:cxn>
                    <a:cxn ang="T132">
                      <a:pos x="T72" y="T73"/>
                    </a:cxn>
                    <a:cxn ang="T133">
                      <a:pos x="T74" y="T75"/>
                    </a:cxn>
                    <a:cxn ang="T134">
                      <a:pos x="T76" y="T77"/>
                    </a:cxn>
                    <a:cxn ang="T135">
                      <a:pos x="T78" y="T79"/>
                    </a:cxn>
                    <a:cxn ang="T136">
                      <a:pos x="T80" y="T81"/>
                    </a:cxn>
                    <a:cxn ang="T137">
                      <a:pos x="T82" y="T83"/>
                    </a:cxn>
                    <a:cxn ang="T138">
                      <a:pos x="T84" y="T85"/>
                    </a:cxn>
                    <a:cxn ang="T139">
                      <a:pos x="T86" y="T87"/>
                    </a:cxn>
                    <a:cxn ang="T140">
                      <a:pos x="T88" y="T89"/>
                    </a:cxn>
                    <a:cxn ang="T141">
                      <a:pos x="T90" y="T91"/>
                    </a:cxn>
                    <a:cxn ang="T142">
                      <a:pos x="T92" y="T93"/>
                    </a:cxn>
                    <a:cxn ang="T143">
                      <a:pos x="T94" y="T95"/>
                    </a:cxn>
                  </a:cxnLst>
                  <a:rect l="T144" t="T145" r="T146" b="T147"/>
                  <a:pathLst>
                    <a:path w="16384" h="16384">
                      <a:moveTo>
                        <a:pt x="14371" y="10650"/>
                      </a:moveTo>
                      <a:lnTo>
                        <a:pt x="15780" y="11841"/>
                      </a:lnTo>
                      <a:lnTo>
                        <a:pt x="16183" y="12362"/>
                      </a:lnTo>
                      <a:lnTo>
                        <a:pt x="16384" y="12958"/>
                      </a:lnTo>
                      <a:lnTo>
                        <a:pt x="15659" y="14373"/>
                      </a:lnTo>
                      <a:lnTo>
                        <a:pt x="15257" y="13331"/>
                      </a:lnTo>
                      <a:lnTo>
                        <a:pt x="15378" y="12958"/>
                      </a:lnTo>
                      <a:lnTo>
                        <a:pt x="15176" y="13033"/>
                      </a:lnTo>
                      <a:lnTo>
                        <a:pt x="15015" y="12288"/>
                      </a:lnTo>
                      <a:lnTo>
                        <a:pt x="14814" y="12214"/>
                      </a:lnTo>
                      <a:lnTo>
                        <a:pt x="14854" y="12586"/>
                      </a:lnTo>
                      <a:lnTo>
                        <a:pt x="15217" y="14075"/>
                      </a:lnTo>
                      <a:lnTo>
                        <a:pt x="14532" y="14522"/>
                      </a:lnTo>
                      <a:lnTo>
                        <a:pt x="14411" y="13480"/>
                      </a:lnTo>
                      <a:lnTo>
                        <a:pt x="14291" y="13554"/>
                      </a:lnTo>
                      <a:lnTo>
                        <a:pt x="14452" y="14597"/>
                      </a:lnTo>
                      <a:lnTo>
                        <a:pt x="13606" y="15341"/>
                      </a:lnTo>
                      <a:lnTo>
                        <a:pt x="13606" y="13777"/>
                      </a:lnTo>
                      <a:lnTo>
                        <a:pt x="13486" y="13777"/>
                      </a:lnTo>
                      <a:lnTo>
                        <a:pt x="13526" y="15490"/>
                      </a:lnTo>
                      <a:lnTo>
                        <a:pt x="13003" y="16012"/>
                      </a:lnTo>
                      <a:lnTo>
                        <a:pt x="12680" y="15043"/>
                      </a:lnTo>
                      <a:lnTo>
                        <a:pt x="12560" y="15118"/>
                      </a:lnTo>
                      <a:lnTo>
                        <a:pt x="12680" y="15639"/>
                      </a:lnTo>
                      <a:lnTo>
                        <a:pt x="12842" y="16235"/>
                      </a:lnTo>
                      <a:lnTo>
                        <a:pt x="12600" y="16384"/>
                      </a:lnTo>
                      <a:lnTo>
                        <a:pt x="12157" y="15118"/>
                      </a:lnTo>
                      <a:lnTo>
                        <a:pt x="11956" y="15267"/>
                      </a:lnTo>
                      <a:lnTo>
                        <a:pt x="11755" y="13852"/>
                      </a:lnTo>
                      <a:lnTo>
                        <a:pt x="11634" y="13405"/>
                      </a:lnTo>
                      <a:lnTo>
                        <a:pt x="11473" y="13256"/>
                      </a:lnTo>
                      <a:lnTo>
                        <a:pt x="11513" y="12958"/>
                      </a:lnTo>
                      <a:lnTo>
                        <a:pt x="11473" y="12586"/>
                      </a:lnTo>
                      <a:lnTo>
                        <a:pt x="11352" y="12139"/>
                      </a:lnTo>
                      <a:lnTo>
                        <a:pt x="11272" y="11916"/>
                      </a:lnTo>
                      <a:lnTo>
                        <a:pt x="11312" y="11096"/>
                      </a:lnTo>
                      <a:lnTo>
                        <a:pt x="11030" y="11096"/>
                      </a:lnTo>
                      <a:lnTo>
                        <a:pt x="10829" y="11245"/>
                      </a:lnTo>
                      <a:lnTo>
                        <a:pt x="10466" y="11692"/>
                      </a:lnTo>
                      <a:lnTo>
                        <a:pt x="10144" y="11394"/>
                      </a:lnTo>
                      <a:lnTo>
                        <a:pt x="9943" y="11320"/>
                      </a:lnTo>
                      <a:lnTo>
                        <a:pt x="9903" y="11171"/>
                      </a:lnTo>
                      <a:lnTo>
                        <a:pt x="9903" y="10873"/>
                      </a:lnTo>
                      <a:lnTo>
                        <a:pt x="10064" y="9607"/>
                      </a:lnTo>
                      <a:lnTo>
                        <a:pt x="9903" y="9384"/>
                      </a:lnTo>
                      <a:lnTo>
                        <a:pt x="9742" y="9235"/>
                      </a:lnTo>
                      <a:lnTo>
                        <a:pt x="9621" y="9011"/>
                      </a:lnTo>
                      <a:lnTo>
                        <a:pt x="9420" y="9086"/>
                      </a:lnTo>
                      <a:lnTo>
                        <a:pt x="9138" y="9011"/>
                      </a:lnTo>
                      <a:lnTo>
                        <a:pt x="8856" y="8788"/>
                      </a:lnTo>
                      <a:lnTo>
                        <a:pt x="8534" y="8639"/>
                      </a:lnTo>
                      <a:lnTo>
                        <a:pt x="8413" y="8788"/>
                      </a:lnTo>
                      <a:lnTo>
                        <a:pt x="8252" y="8713"/>
                      </a:lnTo>
                      <a:lnTo>
                        <a:pt x="7971" y="8937"/>
                      </a:lnTo>
                      <a:lnTo>
                        <a:pt x="7729" y="8490"/>
                      </a:lnTo>
                      <a:lnTo>
                        <a:pt x="7407" y="8490"/>
                      </a:lnTo>
                      <a:lnTo>
                        <a:pt x="7165" y="8118"/>
                      </a:lnTo>
                      <a:lnTo>
                        <a:pt x="7045" y="8192"/>
                      </a:lnTo>
                      <a:lnTo>
                        <a:pt x="6843" y="8192"/>
                      </a:lnTo>
                      <a:lnTo>
                        <a:pt x="6562" y="8043"/>
                      </a:lnTo>
                      <a:lnTo>
                        <a:pt x="6441" y="7969"/>
                      </a:lnTo>
                      <a:lnTo>
                        <a:pt x="6079" y="7969"/>
                      </a:lnTo>
                      <a:lnTo>
                        <a:pt x="5918" y="7745"/>
                      </a:lnTo>
                      <a:lnTo>
                        <a:pt x="5676" y="7671"/>
                      </a:lnTo>
                      <a:lnTo>
                        <a:pt x="5555" y="7075"/>
                      </a:lnTo>
                      <a:lnTo>
                        <a:pt x="5394" y="6405"/>
                      </a:lnTo>
                      <a:lnTo>
                        <a:pt x="5153" y="6256"/>
                      </a:lnTo>
                      <a:lnTo>
                        <a:pt x="5112" y="5883"/>
                      </a:lnTo>
                      <a:lnTo>
                        <a:pt x="4831" y="5883"/>
                      </a:lnTo>
                      <a:lnTo>
                        <a:pt x="4509" y="5585"/>
                      </a:lnTo>
                      <a:lnTo>
                        <a:pt x="4227" y="5437"/>
                      </a:lnTo>
                      <a:lnTo>
                        <a:pt x="3985" y="5437"/>
                      </a:lnTo>
                      <a:lnTo>
                        <a:pt x="3704" y="5288"/>
                      </a:lnTo>
                      <a:lnTo>
                        <a:pt x="3744" y="5734"/>
                      </a:lnTo>
                      <a:lnTo>
                        <a:pt x="3704" y="5883"/>
                      </a:lnTo>
                      <a:lnTo>
                        <a:pt x="3784" y="6181"/>
                      </a:lnTo>
                      <a:lnTo>
                        <a:pt x="3784" y="6479"/>
                      </a:lnTo>
                      <a:lnTo>
                        <a:pt x="3744" y="6628"/>
                      </a:lnTo>
                      <a:lnTo>
                        <a:pt x="3502" y="6554"/>
                      </a:lnTo>
                      <a:lnTo>
                        <a:pt x="3583" y="6703"/>
                      </a:lnTo>
                      <a:lnTo>
                        <a:pt x="3704" y="7075"/>
                      </a:lnTo>
                      <a:lnTo>
                        <a:pt x="3623" y="7149"/>
                      </a:lnTo>
                      <a:lnTo>
                        <a:pt x="3704" y="7224"/>
                      </a:lnTo>
                      <a:lnTo>
                        <a:pt x="3422" y="7745"/>
                      </a:lnTo>
                      <a:lnTo>
                        <a:pt x="3261" y="7820"/>
                      </a:lnTo>
                      <a:lnTo>
                        <a:pt x="3019" y="8118"/>
                      </a:lnTo>
                      <a:lnTo>
                        <a:pt x="2979" y="8118"/>
                      </a:lnTo>
                      <a:lnTo>
                        <a:pt x="2979" y="7820"/>
                      </a:lnTo>
                      <a:lnTo>
                        <a:pt x="2898" y="7745"/>
                      </a:lnTo>
                      <a:lnTo>
                        <a:pt x="2858" y="7671"/>
                      </a:lnTo>
                      <a:lnTo>
                        <a:pt x="2818" y="7447"/>
                      </a:lnTo>
                      <a:lnTo>
                        <a:pt x="2737" y="7298"/>
                      </a:lnTo>
                      <a:lnTo>
                        <a:pt x="2335" y="6554"/>
                      </a:lnTo>
                      <a:lnTo>
                        <a:pt x="2214" y="6330"/>
                      </a:lnTo>
                      <a:lnTo>
                        <a:pt x="2134" y="5734"/>
                      </a:lnTo>
                      <a:lnTo>
                        <a:pt x="1973" y="5734"/>
                      </a:lnTo>
                      <a:lnTo>
                        <a:pt x="1771" y="5437"/>
                      </a:lnTo>
                      <a:lnTo>
                        <a:pt x="1691" y="5213"/>
                      </a:lnTo>
                      <a:lnTo>
                        <a:pt x="1570" y="5288"/>
                      </a:lnTo>
                      <a:lnTo>
                        <a:pt x="1570" y="5064"/>
                      </a:lnTo>
                      <a:lnTo>
                        <a:pt x="1449" y="4990"/>
                      </a:lnTo>
                      <a:lnTo>
                        <a:pt x="1409" y="4617"/>
                      </a:lnTo>
                      <a:lnTo>
                        <a:pt x="1208" y="4617"/>
                      </a:lnTo>
                      <a:lnTo>
                        <a:pt x="926" y="3947"/>
                      </a:lnTo>
                      <a:lnTo>
                        <a:pt x="805" y="3873"/>
                      </a:lnTo>
                      <a:lnTo>
                        <a:pt x="845" y="3500"/>
                      </a:lnTo>
                      <a:lnTo>
                        <a:pt x="725" y="3500"/>
                      </a:lnTo>
                      <a:lnTo>
                        <a:pt x="282" y="4022"/>
                      </a:lnTo>
                      <a:lnTo>
                        <a:pt x="161" y="4022"/>
                      </a:lnTo>
                      <a:lnTo>
                        <a:pt x="161" y="3575"/>
                      </a:lnTo>
                      <a:lnTo>
                        <a:pt x="0" y="3202"/>
                      </a:lnTo>
                      <a:lnTo>
                        <a:pt x="40" y="3053"/>
                      </a:lnTo>
                      <a:lnTo>
                        <a:pt x="161" y="2755"/>
                      </a:lnTo>
                      <a:lnTo>
                        <a:pt x="201" y="2532"/>
                      </a:lnTo>
                      <a:lnTo>
                        <a:pt x="362" y="2458"/>
                      </a:lnTo>
                      <a:lnTo>
                        <a:pt x="523" y="2160"/>
                      </a:lnTo>
                      <a:lnTo>
                        <a:pt x="604" y="1787"/>
                      </a:lnTo>
                      <a:lnTo>
                        <a:pt x="805" y="1862"/>
                      </a:lnTo>
                      <a:lnTo>
                        <a:pt x="845" y="2309"/>
                      </a:lnTo>
                      <a:lnTo>
                        <a:pt x="1047" y="2383"/>
                      </a:lnTo>
                      <a:lnTo>
                        <a:pt x="1328" y="2383"/>
                      </a:lnTo>
                      <a:lnTo>
                        <a:pt x="1409" y="2607"/>
                      </a:lnTo>
                      <a:lnTo>
                        <a:pt x="1328" y="3053"/>
                      </a:lnTo>
                      <a:lnTo>
                        <a:pt x="1530" y="3202"/>
                      </a:lnTo>
                      <a:lnTo>
                        <a:pt x="1650" y="3500"/>
                      </a:lnTo>
                      <a:lnTo>
                        <a:pt x="1811" y="3649"/>
                      </a:lnTo>
                      <a:lnTo>
                        <a:pt x="2013" y="3947"/>
                      </a:lnTo>
                      <a:lnTo>
                        <a:pt x="2214" y="3947"/>
                      </a:lnTo>
                      <a:lnTo>
                        <a:pt x="2415" y="3947"/>
                      </a:lnTo>
                      <a:lnTo>
                        <a:pt x="2415" y="3798"/>
                      </a:lnTo>
                      <a:lnTo>
                        <a:pt x="2295" y="3426"/>
                      </a:lnTo>
                      <a:lnTo>
                        <a:pt x="2214" y="3128"/>
                      </a:lnTo>
                      <a:lnTo>
                        <a:pt x="2214" y="2755"/>
                      </a:lnTo>
                      <a:lnTo>
                        <a:pt x="2254" y="2607"/>
                      </a:lnTo>
                      <a:lnTo>
                        <a:pt x="2496" y="2458"/>
                      </a:lnTo>
                      <a:lnTo>
                        <a:pt x="2576" y="2160"/>
                      </a:lnTo>
                      <a:lnTo>
                        <a:pt x="2697" y="1936"/>
                      </a:lnTo>
                      <a:lnTo>
                        <a:pt x="3019" y="1862"/>
                      </a:lnTo>
                      <a:lnTo>
                        <a:pt x="3140" y="1787"/>
                      </a:lnTo>
                      <a:lnTo>
                        <a:pt x="3220" y="1415"/>
                      </a:lnTo>
                      <a:lnTo>
                        <a:pt x="3341" y="1192"/>
                      </a:lnTo>
                      <a:lnTo>
                        <a:pt x="3583" y="1043"/>
                      </a:lnTo>
                      <a:lnTo>
                        <a:pt x="3502" y="521"/>
                      </a:lnTo>
                      <a:lnTo>
                        <a:pt x="3583" y="298"/>
                      </a:lnTo>
                      <a:lnTo>
                        <a:pt x="3663" y="0"/>
                      </a:lnTo>
                      <a:lnTo>
                        <a:pt x="4066" y="149"/>
                      </a:lnTo>
                      <a:lnTo>
                        <a:pt x="4428" y="372"/>
                      </a:lnTo>
                      <a:lnTo>
                        <a:pt x="4871" y="819"/>
                      </a:lnTo>
                      <a:lnTo>
                        <a:pt x="5193" y="819"/>
                      </a:lnTo>
                      <a:lnTo>
                        <a:pt x="5475" y="819"/>
                      </a:lnTo>
                      <a:lnTo>
                        <a:pt x="5636" y="1043"/>
                      </a:lnTo>
                      <a:lnTo>
                        <a:pt x="5797" y="1787"/>
                      </a:lnTo>
                      <a:lnTo>
                        <a:pt x="6159" y="2160"/>
                      </a:lnTo>
                      <a:lnTo>
                        <a:pt x="6481" y="2234"/>
                      </a:lnTo>
                      <a:lnTo>
                        <a:pt x="6642" y="2532"/>
                      </a:lnTo>
                      <a:lnTo>
                        <a:pt x="7004" y="2681"/>
                      </a:lnTo>
                      <a:lnTo>
                        <a:pt x="7407" y="2904"/>
                      </a:lnTo>
                      <a:lnTo>
                        <a:pt x="7769" y="2979"/>
                      </a:lnTo>
                      <a:lnTo>
                        <a:pt x="7850" y="2979"/>
                      </a:lnTo>
                      <a:lnTo>
                        <a:pt x="8091" y="3128"/>
                      </a:lnTo>
                      <a:lnTo>
                        <a:pt x="8373" y="3426"/>
                      </a:lnTo>
                      <a:lnTo>
                        <a:pt x="8695" y="3798"/>
                      </a:lnTo>
                      <a:lnTo>
                        <a:pt x="9017" y="4319"/>
                      </a:lnTo>
                      <a:lnTo>
                        <a:pt x="9339" y="4692"/>
                      </a:lnTo>
                      <a:lnTo>
                        <a:pt x="9500" y="5064"/>
                      </a:lnTo>
                      <a:lnTo>
                        <a:pt x="9702" y="5139"/>
                      </a:lnTo>
                      <a:lnTo>
                        <a:pt x="9822" y="5585"/>
                      </a:lnTo>
                      <a:lnTo>
                        <a:pt x="10265" y="5734"/>
                      </a:lnTo>
                      <a:lnTo>
                        <a:pt x="10466" y="5958"/>
                      </a:lnTo>
                      <a:lnTo>
                        <a:pt x="10627" y="6405"/>
                      </a:lnTo>
                      <a:lnTo>
                        <a:pt x="10748" y="6777"/>
                      </a:lnTo>
                      <a:lnTo>
                        <a:pt x="10829" y="7447"/>
                      </a:lnTo>
                      <a:lnTo>
                        <a:pt x="10909" y="8192"/>
                      </a:lnTo>
                      <a:lnTo>
                        <a:pt x="11111" y="8788"/>
                      </a:lnTo>
                      <a:lnTo>
                        <a:pt x="11352" y="9086"/>
                      </a:lnTo>
                      <a:lnTo>
                        <a:pt x="11513" y="9160"/>
                      </a:lnTo>
                      <a:lnTo>
                        <a:pt x="11795" y="9309"/>
                      </a:lnTo>
                      <a:lnTo>
                        <a:pt x="12036" y="9458"/>
                      </a:lnTo>
                      <a:lnTo>
                        <a:pt x="12157" y="9607"/>
                      </a:lnTo>
                      <a:lnTo>
                        <a:pt x="12197" y="9905"/>
                      </a:lnTo>
                      <a:lnTo>
                        <a:pt x="12077" y="10352"/>
                      </a:lnTo>
                      <a:lnTo>
                        <a:pt x="11916" y="10873"/>
                      </a:lnTo>
                      <a:lnTo>
                        <a:pt x="11956" y="11096"/>
                      </a:lnTo>
                      <a:lnTo>
                        <a:pt x="11916" y="11320"/>
                      </a:lnTo>
                      <a:lnTo>
                        <a:pt x="12358" y="11543"/>
                      </a:lnTo>
                      <a:lnTo>
                        <a:pt x="12680" y="11469"/>
                      </a:lnTo>
                      <a:lnTo>
                        <a:pt x="12922" y="11171"/>
                      </a:lnTo>
                      <a:lnTo>
                        <a:pt x="13204" y="10873"/>
                      </a:lnTo>
                      <a:lnTo>
                        <a:pt x="13566" y="10873"/>
                      </a:lnTo>
                      <a:lnTo>
                        <a:pt x="13848" y="10873"/>
                      </a:lnTo>
                      <a:lnTo>
                        <a:pt x="14089" y="10799"/>
                      </a:lnTo>
                      <a:lnTo>
                        <a:pt x="14371" y="10650"/>
                      </a:lnTo>
                      <a:close/>
                    </a:path>
                  </a:pathLst>
                </a:custGeom>
                <a:noFill/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xdr:spPr>
            </xdr:sp>
            <xdr:sp macro="" textlink="">
              <xdr:nvSpPr>
                <xdr:cNvPr id="149601" name="d14100_1"/>
                <xdr:cNvSpPr>
                  <a:spLocks/>
                </xdr:cNvSpPr>
              </xdr:nvSpPr>
              <xdr:spPr bwMode="auto">
                <a:xfrm>
                  <a:off x="21059775" y="12620625"/>
                  <a:ext cx="200025" cy="142875"/>
                </a:xfrm>
                <a:custGeom>
                  <a:avLst/>
                  <a:gdLst>
                    <a:gd name="T0" fmla="*/ 0 w 16384"/>
                    <a:gd name="T1" fmla="*/ 2147483646 h 16384"/>
                    <a:gd name="T2" fmla="*/ 2147483646 w 16384"/>
                    <a:gd name="T3" fmla="*/ 0 h 16384"/>
                    <a:gd name="T4" fmla="*/ 2147483646 w 16384"/>
                    <a:gd name="T5" fmla="*/ 2147483646 h 16384"/>
                    <a:gd name="T6" fmla="*/ 2147483646 w 16384"/>
                    <a:gd name="T7" fmla="*/ 2147483646 h 16384"/>
                    <a:gd name="T8" fmla="*/ 2147483646 w 16384"/>
                    <a:gd name="T9" fmla="*/ 2147483646 h 16384"/>
                    <a:gd name="T10" fmla="*/ 2147483646 w 16384"/>
                    <a:gd name="T11" fmla="*/ 2147483646 h 16384"/>
                    <a:gd name="T12" fmla="*/ 0 w 16384"/>
                    <a:gd name="T13" fmla="*/ 2147483646 h 16384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w 16384"/>
                    <a:gd name="T22" fmla="*/ 0 h 16384"/>
                    <a:gd name="T23" fmla="*/ 16384 w 16384"/>
                    <a:gd name="T24" fmla="*/ 16384 h 16384"/>
                  </a:gdLst>
                  <a:ahLst/>
                  <a:cxnLst>
                    <a:cxn ang="T14">
                      <a:pos x="T0" y="T1"/>
                    </a:cxn>
                    <a:cxn ang="T15">
                      <a:pos x="T2" y="T3"/>
                    </a:cxn>
                    <a:cxn ang="T16">
                      <a:pos x="T4" y="T5"/>
                    </a:cxn>
                    <a:cxn ang="T17">
                      <a:pos x="T6" y="T7"/>
                    </a:cxn>
                    <a:cxn ang="T18">
                      <a:pos x="T8" y="T9"/>
                    </a:cxn>
                    <a:cxn ang="T19">
                      <a:pos x="T10" y="T11"/>
                    </a:cxn>
                    <a:cxn ang="T20">
                      <a:pos x="T12" y="T13"/>
                    </a:cxn>
                  </a:cxnLst>
                  <a:rect l="T21" t="T22" r="T23" b="T24"/>
                  <a:pathLst>
                    <a:path w="16384" h="16384">
                      <a:moveTo>
                        <a:pt x="0" y="6554"/>
                      </a:moveTo>
                      <a:lnTo>
                        <a:pt x="13263" y="0"/>
                      </a:lnTo>
                      <a:lnTo>
                        <a:pt x="16384" y="6554"/>
                      </a:lnTo>
                      <a:lnTo>
                        <a:pt x="7802" y="10923"/>
                      </a:lnTo>
                      <a:lnTo>
                        <a:pt x="7802" y="14199"/>
                      </a:lnTo>
                      <a:lnTo>
                        <a:pt x="1560" y="16384"/>
                      </a:lnTo>
                      <a:lnTo>
                        <a:pt x="0" y="6554"/>
                      </a:lnTo>
                      <a:close/>
                    </a:path>
                  </a:pathLst>
                </a:custGeom>
                <a:noFill/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xdr:spPr>
            </xdr:sp>
            <xdr:sp macro="" textlink="">
              <xdr:nvSpPr>
                <xdr:cNvPr id="149602" name="d14130_1"/>
                <xdr:cNvSpPr>
                  <a:spLocks/>
                </xdr:cNvSpPr>
              </xdr:nvSpPr>
              <xdr:spPr bwMode="auto">
                <a:xfrm>
                  <a:off x="21536025" y="12277725"/>
                  <a:ext cx="285750" cy="238125"/>
                </a:xfrm>
                <a:custGeom>
                  <a:avLst/>
                  <a:gdLst>
                    <a:gd name="T0" fmla="*/ 0 w 16384"/>
                    <a:gd name="T1" fmla="*/ 2147483646 h 16384"/>
                    <a:gd name="T2" fmla="*/ 2147483646 w 16384"/>
                    <a:gd name="T3" fmla="*/ 0 h 16384"/>
                    <a:gd name="T4" fmla="*/ 2147483646 w 16384"/>
                    <a:gd name="T5" fmla="*/ 2147483646 h 16384"/>
                    <a:gd name="T6" fmla="*/ 2147483646 w 16384"/>
                    <a:gd name="T7" fmla="*/ 2147483646 h 16384"/>
                    <a:gd name="T8" fmla="*/ 0 w 16384"/>
                    <a:gd name="T9" fmla="*/ 2147483646 h 16384"/>
                    <a:gd name="T10" fmla="*/ 0 60000 65536"/>
                    <a:gd name="T11" fmla="*/ 0 60000 65536"/>
                    <a:gd name="T12" fmla="*/ 0 60000 65536"/>
                    <a:gd name="T13" fmla="*/ 0 60000 65536"/>
                    <a:gd name="T14" fmla="*/ 0 60000 65536"/>
                    <a:gd name="T15" fmla="*/ 0 w 16384"/>
                    <a:gd name="T16" fmla="*/ 0 h 16384"/>
                    <a:gd name="T17" fmla="*/ 16384 w 16384"/>
                    <a:gd name="T18" fmla="*/ 16384 h 16384"/>
                  </a:gdLst>
                  <a:ahLst/>
                  <a:cxnLst>
                    <a:cxn ang="T10">
                      <a:pos x="T0" y="T1"/>
                    </a:cxn>
                    <a:cxn ang="T11">
                      <a:pos x="T2" y="T3"/>
                    </a:cxn>
                    <a:cxn ang="T12">
                      <a:pos x="T4" y="T5"/>
                    </a:cxn>
                    <a:cxn ang="T13">
                      <a:pos x="T6" y="T7"/>
                    </a:cxn>
                    <a:cxn ang="T14">
                      <a:pos x="T8" y="T9"/>
                    </a:cxn>
                  </a:cxnLst>
                  <a:rect l="T15" t="T16" r="T17" b="T18"/>
                  <a:pathLst>
                    <a:path w="16384" h="16384">
                      <a:moveTo>
                        <a:pt x="0" y="7864"/>
                      </a:moveTo>
                      <a:lnTo>
                        <a:pt x="12561" y="0"/>
                      </a:lnTo>
                      <a:lnTo>
                        <a:pt x="16384" y="8520"/>
                      </a:lnTo>
                      <a:lnTo>
                        <a:pt x="4369" y="16384"/>
                      </a:lnTo>
                      <a:lnTo>
                        <a:pt x="0" y="7864"/>
                      </a:lnTo>
                      <a:close/>
                    </a:path>
                  </a:pathLst>
                </a:custGeom>
                <a:noFill/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xdr:spPr>
            </xdr:sp>
            <xdr:sp macro="" textlink="">
              <xdr:nvSpPr>
                <xdr:cNvPr id="149603" name="d14210_1"/>
                <xdr:cNvSpPr>
                  <a:spLocks/>
                </xdr:cNvSpPr>
              </xdr:nvSpPr>
              <xdr:spPr bwMode="auto">
                <a:xfrm>
                  <a:off x="20288250" y="17164050"/>
                  <a:ext cx="257175" cy="133350"/>
                </a:xfrm>
                <a:custGeom>
                  <a:avLst/>
                  <a:gdLst>
                    <a:gd name="T0" fmla="*/ 2147483646 w 16384"/>
                    <a:gd name="T1" fmla="*/ 2147483646 h 16384"/>
                    <a:gd name="T2" fmla="*/ 2147483646 w 16384"/>
                    <a:gd name="T3" fmla="*/ 2147483646 h 16384"/>
                    <a:gd name="T4" fmla="*/ 2147483646 w 16384"/>
                    <a:gd name="T5" fmla="*/ 2147483646 h 16384"/>
                    <a:gd name="T6" fmla="*/ 2147483646 w 16384"/>
                    <a:gd name="T7" fmla="*/ 2147483646 h 16384"/>
                    <a:gd name="T8" fmla="*/ 2147483646 w 16384"/>
                    <a:gd name="T9" fmla="*/ 2147483646 h 16384"/>
                    <a:gd name="T10" fmla="*/ 2147483646 w 16384"/>
                    <a:gd name="T11" fmla="*/ 2147483646 h 16384"/>
                    <a:gd name="T12" fmla="*/ 2147483646 w 16384"/>
                    <a:gd name="T13" fmla="*/ 2147483646 h 16384"/>
                    <a:gd name="T14" fmla="*/ 2147483646 w 16384"/>
                    <a:gd name="T15" fmla="*/ 2147483646 h 16384"/>
                    <a:gd name="T16" fmla="*/ 2147483646 w 16384"/>
                    <a:gd name="T17" fmla="*/ 2147483646 h 16384"/>
                    <a:gd name="T18" fmla="*/ 2147483646 w 16384"/>
                    <a:gd name="T19" fmla="*/ 2147483646 h 16384"/>
                    <a:gd name="T20" fmla="*/ 0 w 16384"/>
                    <a:gd name="T21" fmla="*/ 2147483646 h 16384"/>
                    <a:gd name="T22" fmla="*/ 2147483646 w 16384"/>
                    <a:gd name="T23" fmla="*/ 2147483646 h 16384"/>
                    <a:gd name="T24" fmla="*/ 2147483646 w 16384"/>
                    <a:gd name="T25" fmla="*/ 0 h 16384"/>
                    <a:gd name="T26" fmla="*/ 2147483646 w 16384"/>
                    <a:gd name="T27" fmla="*/ 2147483646 h 16384"/>
                    <a:gd name="T28" fmla="*/ 2147483646 w 16384"/>
                    <a:gd name="T29" fmla="*/ 2147483646 h 16384"/>
                    <a:gd name="T30" fmla="*/ 2147483646 w 16384"/>
                    <a:gd name="T31" fmla="*/ 2147483646 h 16384"/>
                    <a:gd name="T32" fmla="*/ 2147483646 w 16384"/>
                    <a:gd name="T33" fmla="*/ 2147483646 h 16384"/>
                    <a:gd name="T34" fmla="*/ 0 60000 65536"/>
                    <a:gd name="T35" fmla="*/ 0 60000 65536"/>
                    <a:gd name="T36" fmla="*/ 0 60000 65536"/>
                    <a:gd name="T37" fmla="*/ 0 60000 65536"/>
                    <a:gd name="T38" fmla="*/ 0 60000 65536"/>
                    <a:gd name="T39" fmla="*/ 0 60000 65536"/>
                    <a:gd name="T40" fmla="*/ 0 60000 65536"/>
                    <a:gd name="T41" fmla="*/ 0 60000 65536"/>
                    <a:gd name="T42" fmla="*/ 0 60000 65536"/>
                    <a:gd name="T43" fmla="*/ 0 60000 65536"/>
                    <a:gd name="T44" fmla="*/ 0 60000 65536"/>
                    <a:gd name="T45" fmla="*/ 0 60000 65536"/>
                    <a:gd name="T46" fmla="*/ 0 60000 65536"/>
                    <a:gd name="T47" fmla="*/ 0 60000 65536"/>
                    <a:gd name="T48" fmla="*/ 0 60000 65536"/>
                    <a:gd name="T49" fmla="*/ 0 60000 65536"/>
                    <a:gd name="T50" fmla="*/ 0 60000 65536"/>
                    <a:gd name="T51" fmla="*/ 0 w 16384"/>
                    <a:gd name="T52" fmla="*/ 0 h 16384"/>
                    <a:gd name="T53" fmla="*/ 16384 w 16384"/>
                    <a:gd name="T54" fmla="*/ 16384 h 16384"/>
                  </a:gdLst>
                  <a:ahLst/>
                  <a:cxnLst>
                    <a:cxn ang="T34">
                      <a:pos x="T0" y="T1"/>
                    </a:cxn>
                    <a:cxn ang="T35">
                      <a:pos x="T2" y="T3"/>
                    </a:cxn>
                    <a:cxn ang="T36">
                      <a:pos x="T4" y="T5"/>
                    </a:cxn>
                    <a:cxn ang="T37">
                      <a:pos x="T6" y="T7"/>
                    </a:cxn>
                    <a:cxn ang="T38">
                      <a:pos x="T8" y="T9"/>
                    </a:cxn>
                    <a:cxn ang="T39">
                      <a:pos x="T10" y="T11"/>
                    </a:cxn>
                    <a:cxn ang="T40">
                      <a:pos x="T12" y="T13"/>
                    </a:cxn>
                    <a:cxn ang="T41">
                      <a:pos x="T14" y="T15"/>
                    </a:cxn>
                    <a:cxn ang="T42">
                      <a:pos x="T16" y="T17"/>
                    </a:cxn>
                    <a:cxn ang="T43">
                      <a:pos x="T18" y="T19"/>
                    </a:cxn>
                    <a:cxn ang="T44">
                      <a:pos x="T20" y="T21"/>
                    </a:cxn>
                    <a:cxn ang="T45">
                      <a:pos x="T22" y="T23"/>
                    </a:cxn>
                    <a:cxn ang="T46">
                      <a:pos x="T24" y="T25"/>
                    </a:cxn>
                    <a:cxn ang="T47">
                      <a:pos x="T26" y="T27"/>
                    </a:cxn>
                    <a:cxn ang="T48">
                      <a:pos x="T28" y="T29"/>
                    </a:cxn>
                    <a:cxn ang="T49">
                      <a:pos x="T30" y="T31"/>
                    </a:cxn>
                    <a:cxn ang="T50">
                      <a:pos x="T32" y="T33"/>
                    </a:cxn>
                  </a:cxnLst>
                  <a:rect l="T51" t="T52" r="T53" b="T54"/>
                  <a:pathLst>
                    <a:path w="16384" h="16384">
                      <a:moveTo>
                        <a:pt x="13957" y="5851"/>
                      </a:moveTo>
                      <a:lnTo>
                        <a:pt x="13957" y="9362"/>
                      </a:lnTo>
                      <a:lnTo>
                        <a:pt x="16384" y="14043"/>
                      </a:lnTo>
                      <a:lnTo>
                        <a:pt x="15777" y="16384"/>
                      </a:lnTo>
                      <a:lnTo>
                        <a:pt x="12743" y="15214"/>
                      </a:lnTo>
                      <a:lnTo>
                        <a:pt x="9709" y="9362"/>
                      </a:lnTo>
                      <a:lnTo>
                        <a:pt x="6675" y="11703"/>
                      </a:lnTo>
                      <a:lnTo>
                        <a:pt x="5461" y="9362"/>
                      </a:lnTo>
                      <a:lnTo>
                        <a:pt x="2427" y="9362"/>
                      </a:lnTo>
                      <a:lnTo>
                        <a:pt x="1214" y="8192"/>
                      </a:lnTo>
                      <a:lnTo>
                        <a:pt x="0" y="4681"/>
                      </a:lnTo>
                      <a:lnTo>
                        <a:pt x="1820" y="3511"/>
                      </a:lnTo>
                      <a:lnTo>
                        <a:pt x="1214" y="0"/>
                      </a:lnTo>
                      <a:lnTo>
                        <a:pt x="4248" y="2341"/>
                      </a:lnTo>
                      <a:lnTo>
                        <a:pt x="5461" y="2341"/>
                      </a:lnTo>
                      <a:lnTo>
                        <a:pt x="9709" y="2341"/>
                      </a:lnTo>
                      <a:lnTo>
                        <a:pt x="13957" y="5851"/>
                      </a:lnTo>
                      <a:close/>
                    </a:path>
                  </a:pathLst>
                </a:custGeom>
                <a:noFill/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xdr:spPr>
            </xdr:sp>
            <xdr:sp macro="" textlink="">
              <xdr:nvSpPr>
                <xdr:cNvPr id="149604" name="d14100_2"/>
                <xdr:cNvSpPr>
                  <a:spLocks/>
                </xdr:cNvSpPr>
              </xdr:nvSpPr>
              <xdr:spPr bwMode="auto">
                <a:xfrm>
                  <a:off x="21383625" y="12392025"/>
                  <a:ext cx="228600" cy="209550"/>
                </a:xfrm>
                <a:custGeom>
                  <a:avLst/>
                  <a:gdLst>
                    <a:gd name="T0" fmla="*/ 2147483646 w 16384"/>
                    <a:gd name="T1" fmla="*/ 0 h 16384"/>
                    <a:gd name="T2" fmla="*/ 2147483646 w 16384"/>
                    <a:gd name="T3" fmla="*/ 2147483646 h 16384"/>
                    <a:gd name="T4" fmla="*/ 2147483646 w 16384"/>
                    <a:gd name="T5" fmla="*/ 2147483646 h 16384"/>
                    <a:gd name="T6" fmla="*/ 0 w 16384"/>
                    <a:gd name="T7" fmla="*/ 2147483646 h 16384"/>
                    <a:gd name="T8" fmla="*/ 2147483646 w 16384"/>
                    <a:gd name="T9" fmla="*/ 0 h 16384"/>
                    <a:gd name="T10" fmla="*/ 0 60000 65536"/>
                    <a:gd name="T11" fmla="*/ 0 60000 65536"/>
                    <a:gd name="T12" fmla="*/ 0 60000 65536"/>
                    <a:gd name="T13" fmla="*/ 0 60000 65536"/>
                    <a:gd name="T14" fmla="*/ 0 60000 65536"/>
                    <a:gd name="T15" fmla="*/ 0 w 16384"/>
                    <a:gd name="T16" fmla="*/ 0 h 16384"/>
                    <a:gd name="T17" fmla="*/ 16384 w 16384"/>
                    <a:gd name="T18" fmla="*/ 16384 h 16384"/>
                  </a:gdLst>
                  <a:ahLst/>
                  <a:cxnLst>
                    <a:cxn ang="T10">
                      <a:pos x="T0" y="T1"/>
                    </a:cxn>
                    <a:cxn ang="T11">
                      <a:pos x="T2" y="T3"/>
                    </a:cxn>
                    <a:cxn ang="T12">
                      <a:pos x="T4" y="T5"/>
                    </a:cxn>
                    <a:cxn ang="T13">
                      <a:pos x="T6" y="T7"/>
                    </a:cxn>
                    <a:cxn ang="T14">
                      <a:pos x="T8" y="T9"/>
                    </a:cxn>
                  </a:cxnLst>
                  <a:rect l="T15" t="T16" r="T17" b="T18"/>
                  <a:pathLst>
                    <a:path w="16384" h="16384">
                      <a:moveTo>
                        <a:pt x="10923" y="0"/>
                      </a:moveTo>
                      <a:lnTo>
                        <a:pt x="16384" y="9681"/>
                      </a:lnTo>
                      <a:lnTo>
                        <a:pt x="4779" y="16384"/>
                      </a:lnTo>
                      <a:lnTo>
                        <a:pt x="0" y="6703"/>
                      </a:lnTo>
                      <a:lnTo>
                        <a:pt x="10923" y="0"/>
                      </a:lnTo>
                      <a:close/>
                    </a:path>
                  </a:pathLst>
                </a:custGeom>
                <a:noFill/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xdr:spPr>
            </xdr:sp>
            <xdr:sp macro="" textlink="">
              <xdr:nvSpPr>
                <xdr:cNvPr id="149605" name="d14130_2"/>
                <xdr:cNvSpPr>
                  <a:spLocks/>
                </xdr:cNvSpPr>
              </xdr:nvSpPr>
              <xdr:spPr bwMode="auto">
                <a:xfrm>
                  <a:off x="21802725" y="12134850"/>
                  <a:ext cx="323850" cy="219075"/>
                </a:xfrm>
                <a:custGeom>
                  <a:avLst/>
                  <a:gdLst>
                    <a:gd name="T0" fmla="*/ 0 w 16384"/>
                    <a:gd name="T1" fmla="*/ 2147483646 h 16384"/>
                    <a:gd name="T2" fmla="*/ 2147483646 w 16384"/>
                    <a:gd name="T3" fmla="*/ 0 h 16384"/>
                    <a:gd name="T4" fmla="*/ 2147483646 w 16384"/>
                    <a:gd name="T5" fmla="*/ 0 h 16384"/>
                    <a:gd name="T6" fmla="*/ 2147483646 w 16384"/>
                    <a:gd name="T7" fmla="*/ 2147483646 h 16384"/>
                    <a:gd name="T8" fmla="*/ 2147483646 w 16384"/>
                    <a:gd name="T9" fmla="*/ 2147483646 h 16384"/>
                    <a:gd name="T10" fmla="*/ 0 w 16384"/>
                    <a:gd name="T11" fmla="*/ 2147483646 h 16384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6384"/>
                    <a:gd name="T19" fmla="*/ 0 h 16384"/>
                    <a:gd name="T20" fmla="*/ 16384 w 16384"/>
                    <a:gd name="T21" fmla="*/ 16384 h 16384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6384" h="16384">
                      <a:moveTo>
                        <a:pt x="0" y="9973"/>
                      </a:moveTo>
                      <a:lnTo>
                        <a:pt x="13011" y="0"/>
                      </a:lnTo>
                      <a:lnTo>
                        <a:pt x="15902" y="0"/>
                      </a:lnTo>
                      <a:lnTo>
                        <a:pt x="16384" y="4274"/>
                      </a:lnTo>
                      <a:lnTo>
                        <a:pt x="2409" y="16384"/>
                      </a:lnTo>
                      <a:lnTo>
                        <a:pt x="0" y="9973"/>
                      </a:lnTo>
                      <a:close/>
                    </a:path>
                  </a:pathLst>
                </a:custGeom>
                <a:noFill/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xdr:spPr>
            </xdr:sp>
          </xdr:grpSp>
          <xdr:grpSp>
            <xdr:nvGrpSpPr>
              <xdr:cNvPr id="149574" name="グループ化 420"/>
              <xdr:cNvGrpSpPr>
                <a:grpSpLocks/>
              </xdr:cNvGrpSpPr>
            </xdr:nvGrpSpPr>
            <xdr:grpSpPr bwMode="auto">
              <a:xfrm>
                <a:off x="12382500" y="9791700"/>
                <a:ext cx="9115425" cy="6838950"/>
                <a:chOff x="12382500" y="9791700"/>
                <a:chExt cx="9115425" cy="6838950"/>
              </a:xfrm>
            </xdr:grpSpPr>
            <xdr:sp macro="" textlink="">
              <xdr:nvSpPr>
                <xdr:cNvPr id="149576" name="d14217"/>
                <xdr:cNvSpPr>
                  <a:spLocks/>
                </xdr:cNvSpPr>
              </xdr:nvSpPr>
              <xdr:spPr bwMode="auto">
                <a:xfrm>
                  <a:off x="13392150" y="14201775"/>
                  <a:ext cx="1485900" cy="1104900"/>
                </a:xfrm>
                <a:custGeom>
                  <a:avLst/>
                  <a:gdLst>
                    <a:gd name="T0" fmla="*/ 2147483646 w 16384"/>
                    <a:gd name="T1" fmla="*/ 2147483646 h 16384"/>
                    <a:gd name="T2" fmla="*/ 2147483646 w 16384"/>
                    <a:gd name="T3" fmla="*/ 2147483646 h 16384"/>
                    <a:gd name="T4" fmla="*/ 2147483646 w 16384"/>
                    <a:gd name="T5" fmla="*/ 2147483646 h 16384"/>
                    <a:gd name="T6" fmla="*/ 2147483646 w 16384"/>
                    <a:gd name="T7" fmla="*/ 2147483646 h 16384"/>
                    <a:gd name="T8" fmla="*/ 2147483646 w 16384"/>
                    <a:gd name="T9" fmla="*/ 2147483646 h 16384"/>
                    <a:gd name="T10" fmla="*/ 2147483646 w 16384"/>
                    <a:gd name="T11" fmla="*/ 2147483646 h 16384"/>
                    <a:gd name="T12" fmla="*/ 2147483646 w 16384"/>
                    <a:gd name="T13" fmla="*/ 2147483646 h 16384"/>
                    <a:gd name="T14" fmla="*/ 2147483646 w 16384"/>
                    <a:gd name="T15" fmla="*/ 2147483646 h 16384"/>
                    <a:gd name="T16" fmla="*/ 2147483646 w 16384"/>
                    <a:gd name="T17" fmla="*/ 2147483646 h 16384"/>
                    <a:gd name="T18" fmla="*/ 2147483646 w 16384"/>
                    <a:gd name="T19" fmla="*/ 2147483646 h 16384"/>
                    <a:gd name="T20" fmla="*/ 2147483646 w 16384"/>
                    <a:gd name="T21" fmla="*/ 2147483646 h 16384"/>
                    <a:gd name="T22" fmla="*/ 2147483646 w 16384"/>
                    <a:gd name="T23" fmla="*/ 2147483646 h 16384"/>
                    <a:gd name="T24" fmla="*/ 2147483646 w 16384"/>
                    <a:gd name="T25" fmla="*/ 2147483646 h 16384"/>
                    <a:gd name="T26" fmla="*/ 2147483646 w 16384"/>
                    <a:gd name="T27" fmla="*/ 2147483646 h 16384"/>
                    <a:gd name="T28" fmla="*/ 2147483646 w 16384"/>
                    <a:gd name="T29" fmla="*/ 2147483646 h 16384"/>
                    <a:gd name="T30" fmla="*/ 2147483646 w 16384"/>
                    <a:gd name="T31" fmla="*/ 2147483646 h 16384"/>
                    <a:gd name="T32" fmla="*/ 2147483646 w 16384"/>
                    <a:gd name="T33" fmla="*/ 2147483646 h 16384"/>
                    <a:gd name="T34" fmla="*/ 2147483646 w 16384"/>
                    <a:gd name="T35" fmla="*/ 2147483646 h 16384"/>
                    <a:gd name="T36" fmla="*/ 2147483646 w 16384"/>
                    <a:gd name="T37" fmla="*/ 2147483646 h 16384"/>
                    <a:gd name="T38" fmla="*/ 2147483646 w 16384"/>
                    <a:gd name="T39" fmla="*/ 2147483646 h 16384"/>
                    <a:gd name="T40" fmla="*/ 2147483646 w 16384"/>
                    <a:gd name="T41" fmla="*/ 2147483646 h 16384"/>
                    <a:gd name="T42" fmla="*/ 2147483646 w 16384"/>
                    <a:gd name="T43" fmla="*/ 2147483646 h 16384"/>
                    <a:gd name="T44" fmla="*/ 2147483646 w 16384"/>
                    <a:gd name="T45" fmla="*/ 2147483646 h 16384"/>
                    <a:gd name="T46" fmla="*/ 2147483646 w 16384"/>
                    <a:gd name="T47" fmla="*/ 2147483646 h 16384"/>
                    <a:gd name="T48" fmla="*/ 0 w 16384"/>
                    <a:gd name="T49" fmla="*/ 2147483646 h 16384"/>
                    <a:gd name="T50" fmla="*/ 2147483646 w 16384"/>
                    <a:gd name="T51" fmla="*/ 2147483646 h 16384"/>
                    <a:gd name="T52" fmla="*/ 2147483646 w 16384"/>
                    <a:gd name="T53" fmla="*/ 2147483646 h 16384"/>
                    <a:gd name="T54" fmla="*/ 2147483646 w 16384"/>
                    <a:gd name="T55" fmla="*/ 2147483646 h 16384"/>
                    <a:gd name="T56" fmla="*/ 2147483646 w 16384"/>
                    <a:gd name="T57" fmla="*/ 2147483646 h 16384"/>
                    <a:gd name="T58" fmla="*/ 2147483646 w 16384"/>
                    <a:gd name="T59" fmla="*/ 2147483646 h 16384"/>
                    <a:gd name="T60" fmla="*/ 2147483646 w 16384"/>
                    <a:gd name="T61" fmla="*/ 2147483646 h 16384"/>
                    <a:gd name="T62" fmla="*/ 2147483646 w 16384"/>
                    <a:gd name="T63" fmla="*/ 2147483646 h 16384"/>
                    <a:gd name="T64" fmla="*/ 2147483646 w 16384"/>
                    <a:gd name="T65" fmla="*/ 2147483646 h 16384"/>
                    <a:gd name="T66" fmla="*/ 2147483646 w 16384"/>
                    <a:gd name="T67" fmla="*/ 2147483646 h 16384"/>
                    <a:gd name="T68" fmla="*/ 2147483646 w 16384"/>
                    <a:gd name="T69" fmla="*/ 2147483646 h 16384"/>
                    <a:gd name="T70" fmla="*/ 2147483646 w 16384"/>
                    <a:gd name="T71" fmla="*/ 2147483646 h 16384"/>
                    <a:gd name="T72" fmla="*/ 2147483646 w 16384"/>
                    <a:gd name="T73" fmla="*/ 2147483646 h 16384"/>
                    <a:gd name="T74" fmla="*/ 2147483646 w 16384"/>
                    <a:gd name="T75" fmla="*/ 2147483646 h 16384"/>
                    <a:gd name="T76" fmla="*/ 2147483646 w 16384"/>
                    <a:gd name="T77" fmla="*/ 2147483646 h 16384"/>
                    <a:gd name="T78" fmla="*/ 2147483646 w 16384"/>
                    <a:gd name="T79" fmla="*/ 2147483646 h 16384"/>
                    <a:gd name="T80" fmla="*/ 2147483646 w 16384"/>
                    <a:gd name="T81" fmla="*/ 2147483646 h 16384"/>
                    <a:gd name="T82" fmla="*/ 2147483646 w 16384"/>
                    <a:gd name="T83" fmla="*/ 2147483646 h 16384"/>
                    <a:gd name="T84" fmla="*/ 2147483646 w 16384"/>
                    <a:gd name="T85" fmla="*/ 2147483646 h 16384"/>
                    <a:gd name="T86" fmla="*/ 2147483646 w 16384"/>
                    <a:gd name="T87" fmla="*/ 0 h 16384"/>
                    <a:gd name="T88" fmla="*/ 2147483646 w 16384"/>
                    <a:gd name="T89" fmla="*/ 2147483646 h 16384"/>
                    <a:gd name="T90" fmla="*/ 2147483646 w 16384"/>
                    <a:gd name="T91" fmla="*/ 2147483646 h 16384"/>
                    <a:gd name="T92" fmla="*/ 2147483646 w 16384"/>
                    <a:gd name="T93" fmla="*/ 2147483646 h 16384"/>
                    <a:gd name="T94" fmla="*/ 2147483646 w 16384"/>
                    <a:gd name="T95" fmla="*/ 2147483646 h 16384"/>
                    <a:gd name="T96" fmla="*/ 2147483646 w 16384"/>
                    <a:gd name="T97" fmla="*/ 2147483646 h 16384"/>
                    <a:gd name="T98" fmla="*/ 2147483646 w 16384"/>
                    <a:gd name="T99" fmla="*/ 2147483646 h 16384"/>
                    <a:gd name="T100" fmla="*/ 2147483646 w 16384"/>
                    <a:gd name="T101" fmla="*/ 2147483646 h 16384"/>
                    <a:gd name="T102" fmla="*/ 0 60000 65536"/>
                    <a:gd name="T103" fmla="*/ 0 60000 65536"/>
                    <a:gd name="T104" fmla="*/ 0 60000 65536"/>
                    <a:gd name="T105" fmla="*/ 0 60000 65536"/>
                    <a:gd name="T106" fmla="*/ 0 60000 65536"/>
                    <a:gd name="T107" fmla="*/ 0 60000 65536"/>
                    <a:gd name="T108" fmla="*/ 0 60000 65536"/>
                    <a:gd name="T109" fmla="*/ 0 60000 65536"/>
                    <a:gd name="T110" fmla="*/ 0 60000 65536"/>
                    <a:gd name="T111" fmla="*/ 0 60000 65536"/>
                    <a:gd name="T112" fmla="*/ 0 60000 65536"/>
                    <a:gd name="T113" fmla="*/ 0 60000 65536"/>
                    <a:gd name="T114" fmla="*/ 0 60000 65536"/>
                    <a:gd name="T115" fmla="*/ 0 60000 65536"/>
                    <a:gd name="T116" fmla="*/ 0 60000 65536"/>
                    <a:gd name="T117" fmla="*/ 0 60000 65536"/>
                    <a:gd name="T118" fmla="*/ 0 60000 65536"/>
                    <a:gd name="T119" fmla="*/ 0 60000 65536"/>
                    <a:gd name="T120" fmla="*/ 0 60000 65536"/>
                    <a:gd name="T121" fmla="*/ 0 60000 65536"/>
                    <a:gd name="T122" fmla="*/ 0 60000 65536"/>
                    <a:gd name="T123" fmla="*/ 0 60000 65536"/>
                    <a:gd name="T124" fmla="*/ 0 60000 65536"/>
                    <a:gd name="T125" fmla="*/ 0 60000 65536"/>
                    <a:gd name="T126" fmla="*/ 0 60000 65536"/>
                    <a:gd name="T127" fmla="*/ 0 60000 65536"/>
                    <a:gd name="T128" fmla="*/ 0 60000 65536"/>
                    <a:gd name="T129" fmla="*/ 0 60000 65536"/>
                    <a:gd name="T130" fmla="*/ 0 60000 65536"/>
                    <a:gd name="T131" fmla="*/ 0 60000 65536"/>
                    <a:gd name="T132" fmla="*/ 0 60000 65536"/>
                    <a:gd name="T133" fmla="*/ 0 60000 65536"/>
                    <a:gd name="T134" fmla="*/ 0 60000 65536"/>
                    <a:gd name="T135" fmla="*/ 0 60000 65536"/>
                    <a:gd name="T136" fmla="*/ 0 60000 65536"/>
                    <a:gd name="T137" fmla="*/ 0 60000 65536"/>
                    <a:gd name="T138" fmla="*/ 0 60000 65536"/>
                    <a:gd name="T139" fmla="*/ 0 60000 65536"/>
                    <a:gd name="T140" fmla="*/ 0 60000 65536"/>
                    <a:gd name="T141" fmla="*/ 0 60000 65536"/>
                    <a:gd name="T142" fmla="*/ 0 60000 65536"/>
                    <a:gd name="T143" fmla="*/ 0 60000 65536"/>
                    <a:gd name="T144" fmla="*/ 0 60000 65536"/>
                    <a:gd name="T145" fmla="*/ 0 60000 65536"/>
                    <a:gd name="T146" fmla="*/ 0 60000 65536"/>
                    <a:gd name="T147" fmla="*/ 0 60000 65536"/>
                    <a:gd name="T148" fmla="*/ 0 60000 65536"/>
                    <a:gd name="T149" fmla="*/ 0 60000 65536"/>
                    <a:gd name="T150" fmla="*/ 0 60000 65536"/>
                    <a:gd name="T151" fmla="*/ 0 60000 65536"/>
                    <a:gd name="T152" fmla="*/ 0 60000 65536"/>
                    <a:gd name="T153" fmla="*/ 0 w 16384"/>
                    <a:gd name="T154" fmla="*/ 0 h 16384"/>
                    <a:gd name="T155" fmla="*/ 16384 w 16384"/>
                    <a:gd name="T156" fmla="*/ 16384 h 16384"/>
                  </a:gdLst>
                  <a:ahLst/>
                  <a:cxnLst>
                    <a:cxn ang="T102">
                      <a:pos x="T0" y="T1"/>
                    </a:cxn>
                    <a:cxn ang="T103">
                      <a:pos x="T2" y="T3"/>
                    </a:cxn>
                    <a:cxn ang="T104">
                      <a:pos x="T4" y="T5"/>
                    </a:cxn>
                    <a:cxn ang="T105">
                      <a:pos x="T6" y="T7"/>
                    </a:cxn>
                    <a:cxn ang="T106">
                      <a:pos x="T8" y="T9"/>
                    </a:cxn>
                    <a:cxn ang="T107">
                      <a:pos x="T10" y="T11"/>
                    </a:cxn>
                    <a:cxn ang="T108">
                      <a:pos x="T12" y="T13"/>
                    </a:cxn>
                    <a:cxn ang="T109">
                      <a:pos x="T14" y="T15"/>
                    </a:cxn>
                    <a:cxn ang="T110">
                      <a:pos x="T16" y="T17"/>
                    </a:cxn>
                    <a:cxn ang="T111">
                      <a:pos x="T18" y="T19"/>
                    </a:cxn>
                    <a:cxn ang="T112">
                      <a:pos x="T20" y="T21"/>
                    </a:cxn>
                    <a:cxn ang="T113">
                      <a:pos x="T22" y="T23"/>
                    </a:cxn>
                    <a:cxn ang="T114">
                      <a:pos x="T24" y="T25"/>
                    </a:cxn>
                    <a:cxn ang="T115">
                      <a:pos x="T26" y="T27"/>
                    </a:cxn>
                    <a:cxn ang="T116">
                      <a:pos x="T28" y="T29"/>
                    </a:cxn>
                    <a:cxn ang="T117">
                      <a:pos x="T30" y="T31"/>
                    </a:cxn>
                    <a:cxn ang="T118">
                      <a:pos x="T32" y="T33"/>
                    </a:cxn>
                    <a:cxn ang="T119">
                      <a:pos x="T34" y="T35"/>
                    </a:cxn>
                    <a:cxn ang="T120">
                      <a:pos x="T36" y="T37"/>
                    </a:cxn>
                    <a:cxn ang="T121">
                      <a:pos x="T38" y="T39"/>
                    </a:cxn>
                    <a:cxn ang="T122">
                      <a:pos x="T40" y="T41"/>
                    </a:cxn>
                    <a:cxn ang="T123">
                      <a:pos x="T42" y="T43"/>
                    </a:cxn>
                    <a:cxn ang="T124">
                      <a:pos x="T44" y="T45"/>
                    </a:cxn>
                    <a:cxn ang="T125">
                      <a:pos x="T46" y="T47"/>
                    </a:cxn>
                    <a:cxn ang="T126">
                      <a:pos x="T48" y="T49"/>
                    </a:cxn>
                    <a:cxn ang="T127">
                      <a:pos x="T50" y="T51"/>
                    </a:cxn>
                    <a:cxn ang="T128">
                      <a:pos x="T52" y="T53"/>
                    </a:cxn>
                    <a:cxn ang="T129">
                      <a:pos x="T54" y="T55"/>
                    </a:cxn>
                    <a:cxn ang="T130">
                      <a:pos x="T56" y="T57"/>
                    </a:cxn>
                    <a:cxn ang="T131">
                      <a:pos x="T58" y="T59"/>
                    </a:cxn>
                    <a:cxn ang="T132">
                      <a:pos x="T60" y="T61"/>
                    </a:cxn>
                    <a:cxn ang="T133">
                      <a:pos x="T62" y="T63"/>
                    </a:cxn>
                    <a:cxn ang="T134">
                      <a:pos x="T64" y="T65"/>
                    </a:cxn>
                    <a:cxn ang="T135">
                      <a:pos x="T66" y="T67"/>
                    </a:cxn>
                    <a:cxn ang="T136">
                      <a:pos x="T68" y="T69"/>
                    </a:cxn>
                    <a:cxn ang="T137">
                      <a:pos x="T70" y="T71"/>
                    </a:cxn>
                    <a:cxn ang="T138">
                      <a:pos x="T72" y="T73"/>
                    </a:cxn>
                    <a:cxn ang="T139">
                      <a:pos x="T74" y="T75"/>
                    </a:cxn>
                    <a:cxn ang="T140">
                      <a:pos x="T76" y="T77"/>
                    </a:cxn>
                    <a:cxn ang="T141">
                      <a:pos x="T78" y="T79"/>
                    </a:cxn>
                    <a:cxn ang="T142">
                      <a:pos x="T80" y="T81"/>
                    </a:cxn>
                    <a:cxn ang="T143">
                      <a:pos x="T82" y="T83"/>
                    </a:cxn>
                    <a:cxn ang="T144">
                      <a:pos x="T84" y="T85"/>
                    </a:cxn>
                    <a:cxn ang="T145">
                      <a:pos x="T86" y="T87"/>
                    </a:cxn>
                    <a:cxn ang="T146">
                      <a:pos x="T88" y="T89"/>
                    </a:cxn>
                    <a:cxn ang="T147">
                      <a:pos x="T90" y="T91"/>
                    </a:cxn>
                    <a:cxn ang="T148">
                      <a:pos x="T92" y="T93"/>
                    </a:cxn>
                    <a:cxn ang="T149">
                      <a:pos x="T94" y="T95"/>
                    </a:cxn>
                    <a:cxn ang="T150">
                      <a:pos x="T96" y="T97"/>
                    </a:cxn>
                    <a:cxn ang="T151">
                      <a:pos x="T98" y="T99"/>
                    </a:cxn>
                    <a:cxn ang="T152">
                      <a:pos x="T100" y="T101"/>
                    </a:cxn>
                  </a:cxnLst>
                  <a:rect l="T153" t="T154" r="T155" b="T156"/>
                  <a:pathLst>
                    <a:path w="16384" h="16384">
                      <a:moveTo>
                        <a:pt x="16069" y="7486"/>
                      </a:moveTo>
                      <a:lnTo>
                        <a:pt x="16279" y="8051"/>
                      </a:lnTo>
                      <a:lnTo>
                        <a:pt x="16384" y="8333"/>
                      </a:lnTo>
                      <a:lnTo>
                        <a:pt x="16069" y="8757"/>
                      </a:lnTo>
                      <a:lnTo>
                        <a:pt x="15964" y="9181"/>
                      </a:lnTo>
                      <a:lnTo>
                        <a:pt x="16069" y="9604"/>
                      </a:lnTo>
                      <a:lnTo>
                        <a:pt x="16174" y="10311"/>
                      </a:lnTo>
                      <a:lnTo>
                        <a:pt x="16174" y="10452"/>
                      </a:lnTo>
                      <a:lnTo>
                        <a:pt x="16384" y="11723"/>
                      </a:lnTo>
                      <a:lnTo>
                        <a:pt x="16069" y="11864"/>
                      </a:lnTo>
                      <a:lnTo>
                        <a:pt x="16174" y="12288"/>
                      </a:lnTo>
                      <a:lnTo>
                        <a:pt x="16069" y="12712"/>
                      </a:lnTo>
                      <a:lnTo>
                        <a:pt x="15859" y="13277"/>
                      </a:lnTo>
                      <a:lnTo>
                        <a:pt x="15439" y="13418"/>
                      </a:lnTo>
                      <a:lnTo>
                        <a:pt x="14914" y="13277"/>
                      </a:lnTo>
                      <a:lnTo>
                        <a:pt x="14599" y="13418"/>
                      </a:lnTo>
                      <a:lnTo>
                        <a:pt x="14599" y="13842"/>
                      </a:lnTo>
                      <a:lnTo>
                        <a:pt x="14704" y="14548"/>
                      </a:lnTo>
                      <a:lnTo>
                        <a:pt x="14073" y="14830"/>
                      </a:lnTo>
                      <a:lnTo>
                        <a:pt x="13758" y="14830"/>
                      </a:lnTo>
                      <a:lnTo>
                        <a:pt x="13023" y="14972"/>
                      </a:lnTo>
                      <a:lnTo>
                        <a:pt x="10923" y="15113"/>
                      </a:lnTo>
                      <a:lnTo>
                        <a:pt x="10713" y="15537"/>
                      </a:lnTo>
                      <a:lnTo>
                        <a:pt x="9872" y="15678"/>
                      </a:lnTo>
                      <a:lnTo>
                        <a:pt x="9137" y="16102"/>
                      </a:lnTo>
                      <a:lnTo>
                        <a:pt x="8717" y="16243"/>
                      </a:lnTo>
                      <a:lnTo>
                        <a:pt x="7877" y="16102"/>
                      </a:lnTo>
                      <a:lnTo>
                        <a:pt x="7142" y="16384"/>
                      </a:lnTo>
                      <a:lnTo>
                        <a:pt x="5881" y="14972"/>
                      </a:lnTo>
                      <a:lnTo>
                        <a:pt x="5881" y="14407"/>
                      </a:lnTo>
                      <a:lnTo>
                        <a:pt x="5461" y="14265"/>
                      </a:lnTo>
                      <a:lnTo>
                        <a:pt x="4936" y="14548"/>
                      </a:lnTo>
                      <a:lnTo>
                        <a:pt x="4726" y="14830"/>
                      </a:lnTo>
                      <a:lnTo>
                        <a:pt x="4306" y="14972"/>
                      </a:lnTo>
                      <a:lnTo>
                        <a:pt x="4096" y="15254"/>
                      </a:lnTo>
                      <a:lnTo>
                        <a:pt x="3676" y="15537"/>
                      </a:lnTo>
                      <a:lnTo>
                        <a:pt x="3361" y="15678"/>
                      </a:lnTo>
                      <a:lnTo>
                        <a:pt x="3046" y="15395"/>
                      </a:lnTo>
                      <a:lnTo>
                        <a:pt x="2836" y="15113"/>
                      </a:lnTo>
                      <a:lnTo>
                        <a:pt x="2311" y="14689"/>
                      </a:lnTo>
                      <a:lnTo>
                        <a:pt x="1890" y="14689"/>
                      </a:lnTo>
                      <a:lnTo>
                        <a:pt x="1575" y="14830"/>
                      </a:lnTo>
                      <a:lnTo>
                        <a:pt x="1575" y="14548"/>
                      </a:lnTo>
                      <a:lnTo>
                        <a:pt x="1470" y="14265"/>
                      </a:lnTo>
                      <a:lnTo>
                        <a:pt x="1050" y="14265"/>
                      </a:lnTo>
                      <a:lnTo>
                        <a:pt x="840" y="13983"/>
                      </a:lnTo>
                      <a:lnTo>
                        <a:pt x="840" y="13700"/>
                      </a:lnTo>
                      <a:lnTo>
                        <a:pt x="525" y="13135"/>
                      </a:lnTo>
                      <a:lnTo>
                        <a:pt x="0" y="12570"/>
                      </a:lnTo>
                      <a:lnTo>
                        <a:pt x="0" y="12288"/>
                      </a:lnTo>
                      <a:lnTo>
                        <a:pt x="210" y="11582"/>
                      </a:lnTo>
                      <a:lnTo>
                        <a:pt x="210" y="10593"/>
                      </a:lnTo>
                      <a:lnTo>
                        <a:pt x="420" y="10169"/>
                      </a:lnTo>
                      <a:lnTo>
                        <a:pt x="525" y="9604"/>
                      </a:lnTo>
                      <a:lnTo>
                        <a:pt x="630" y="8898"/>
                      </a:lnTo>
                      <a:lnTo>
                        <a:pt x="840" y="8333"/>
                      </a:lnTo>
                      <a:lnTo>
                        <a:pt x="735" y="7768"/>
                      </a:lnTo>
                      <a:lnTo>
                        <a:pt x="1050" y="7203"/>
                      </a:lnTo>
                      <a:lnTo>
                        <a:pt x="1260" y="6638"/>
                      </a:lnTo>
                      <a:lnTo>
                        <a:pt x="1575" y="5932"/>
                      </a:lnTo>
                      <a:lnTo>
                        <a:pt x="1785" y="5226"/>
                      </a:lnTo>
                      <a:lnTo>
                        <a:pt x="1785" y="4378"/>
                      </a:lnTo>
                      <a:lnTo>
                        <a:pt x="2101" y="3955"/>
                      </a:lnTo>
                      <a:lnTo>
                        <a:pt x="2626" y="4096"/>
                      </a:lnTo>
                      <a:lnTo>
                        <a:pt x="3046" y="4096"/>
                      </a:lnTo>
                      <a:lnTo>
                        <a:pt x="3466" y="3955"/>
                      </a:lnTo>
                      <a:lnTo>
                        <a:pt x="3361" y="3107"/>
                      </a:lnTo>
                      <a:lnTo>
                        <a:pt x="3571" y="2684"/>
                      </a:lnTo>
                      <a:lnTo>
                        <a:pt x="4096" y="2260"/>
                      </a:lnTo>
                      <a:lnTo>
                        <a:pt x="4411" y="1554"/>
                      </a:lnTo>
                      <a:lnTo>
                        <a:pt x="4831" y="1130"/>
                      </a:lnTo>
                      <a:lnTo>
                        <a:pt x="5566" y="1130"/>
                      </a:lnTo>
                      <a:lnTo>
                        <a:pt x="5776" y="989"/>
                      </a:lnTo>
                      <a:lnTo>
                        <a:pt x="6091" y="282"/>
                      </a:lnTo>
                      <a:lnTo>
                        <a:pt x="6512" y="141"/>
                      </a:lnTo>
                      <a:lnTo>
                        <a:pt x="7142" y="141"/>
                      </a:lnTo>
                      <a:lnTo>
                        <a:pt x="7352" y="424"/>
                      </a:lnTo>
                      <a:lnTo>
                        <a:pt x="7877" y="847"/>
                      </a:lnTo>
                      <a:lnTo>
                        <a:pt x="8717" y="1130"/>
                      </a:lnTo>
                      <a:lnTo>
                        <a:pt x="9347" y="847"/>
                      </a:lnTo>
                      <a:lnTo>
                        <a:pt x="9767" y="282"/>
                      </a:lnTo>
                      <a:lnTo>
                        <a:pt x="10293" y="565"/>
                      </a:lnTo>
                      <a:lnTo>
                        <a:pt x="10818" y="424"/>
                      </a:lnTo>
                      <a:lnTo>
                        <a:pt x="11238" y="565"/>
                      </a:lnTo>
                      <a:lnTo>
                        <a:pt x="11763" y="989"/>
                      </a:lnTo>
                      <a:lnTo>
                        <a:pt x="12393" y="424"/>
                      </a:lnTo>
                      <a:lnTo>
                        <a:pt x="12813" y="141"/>
                      </a:lnTo>
                      <a:lnTo>
                        <a:pt x="13443" y="0"/>
                      </a:lnTo>
                      <a:lnTo>
                        <a:pt x="13443" y="424"/>
                      </a:lnTo>
                      <a:lnTo>
                        <a:pt x="13338" y="847"/>
                      </a:lnTo>
                      <a:lnTo>
                        <a:pt x="13023" y="1412"/>
                      </a:lnTo>
                      <a:lnTo>
                        <a:pt x="13338" y="2119"/>
                      </a:lnTo>
                      <a:lnTo>
                        <a:pt x="13653" y="2401"/>
                      </a:lnTo>
                      <a:lnTo>
                        <a:pt x="14073" y="2825"/>
                      </a:lnTo>
                      <a:lnTo>
                        <a:pt x="14178" y="3390"/>
                      </a:lnTo>
                      <a:lnTo>
                        <a:pt x="14283" y="4378"/>
                      </a:lnTo>
                      <a:lnTo>
                        <a:pt x="14599" y="5367"/>
                      </a:lnTo>
                      <a:lnTo>
                        <a:pt x="14809" y="6356"/>
                      </a:lnTo>
                      <a:lnTo>
                        <a:pt x="14914" y="6638"/>
                      </a:lnTo>
                      <a:lnTo>
                        <a:pt x="15334" y="6780"/>
                      </a:lnTo>
                      <a:lnTo>
                        <a:pt x="15649" y="6921"/>
                      </a:lnTo>
                      <a:lnTo>
                        <a:pt x="15754" y="7486"/>
                      </a:lnTo>
                      <a:lnTo>
                        <a:pt x="16069" y="7486"/>
                      </a:lnTo>
                      <a:close/>
                    </a:path>
                  </a:pathLst>
                </a:custGeom>
                <a:solidFill>
                  <a:srgbClr val="D9D9D9"/>
                </a:solidFill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</xdr:spPr>
            </xdr:sp>
            <xdr:sp macro="" textlink="">
              <xdr:nvSpPr>
                <xdr:cNvPr id="149577" name="d14364"/>
                <xdr:cNvSpPr>
                  <a:spLocks/>
                </xdr:cNvSpPr>
              </xdr:nvSpPr>
              <xdr:spPr bwMode="auto">
                <a:xfrm>
                  <a:off x="12382500" y="12011025"/>
                  <a:ext cx="2876550" cy="2486025"/>
                </a:xfrm>
                <a:custGeom>
                  <a:avLst/>
                  <a:gdLst>
                    <a:gd name="T0" fmla="*/ 2147483646 w 302"/>
                    <a:gd name="T1" fmla="*/ 2147483646 h 261"/>
                    <a:gd name="T2" fmla="*/ 2147483646 w 302"/>
                    <a:gd name="T3" fmla="*/ 2147483646 h 261"/>
                    <a:gd name="T4" fmla="*/ 2147483646 w 302"/>
                    <a:gd name="T5" fmla="*/ 2147483646 h 261"/>
                    <a:gd name="T6" fmla="*/ 2147483646 w 302"/>
                    <a:gd name="T7" fmla="*/ 2147483646 h 261"/>
                    <a:gd name="T8" fmla="*/ 2147483646 w 302"/>
                    <a:gd name="T9" fmla="*/ 2147483646 h 261"/>
                    <a:gd name="T10" fmla="*/ 2147483646 w 302"/>
                    <a:gd name="T11" fmla="*/ 2147483646 h 261"/>
                    <a:gd name="T12" fmla="*/ 2147483646 w 302"/>
                    <a:gd name="T13" fmla="*/ 2147483646 h 261"/>
                    <a:gd name="T14" fmla="*/ 2147483646 w 302"/>
                    <a:gd name="T15" fmla="*/ 2147483646 h 261"/>
                    <a:gd name="T16" fmla="*/ 2147483646 w 302"/>
                    <a:gd name="T17" fmla="*/ 2147483646 h 261"/>
                    <a:gd name="T18" fmla="*/ 2147483646 w 302"/>
                    <a:gd name="T19" fmla="*/ 2147483646 h 261"/>
                    <a:gd name="T20" fmla="*/ 2147483646 w 302"/>
                    <a:gd name="T21" fmla="*/ 2147483646 h 261"/>
                    <a:gd name="T22" fmla="*/ 2147483646 w 302"/>
                    <a:gd name="T23" fmla="*/ 2147483646 h 261"/>
                    <a:gd name="T24" fmla="*/ 2147483646 w 302"/>
                    <a:gd name="T25" fmla="*/ 2147483646 h 261"/>
                    <a:gd name="T26" fmla="*/ 2147483646 w 302"/>
                    <a:gd name="T27" fmla="*/ 2147483646 h 261"/>
                    <a:gd name="T28" fmla="*/ 2147483646 w 302"/>
                    <a:gd name="T29" fmla="*/ 2147483646 h 261"/>
                    <a:gd name="T30" fmla="*/ 2147483646 w 302"/>
                    <a:gd name="T31" fmla="*/ 2147483646 h 261"/>
                    <a:gd name="T32" fmla="*/ 2147483646 w 302"/>
                    <a:gd name="T33" fmla="*/ 2147483646 h 261"/>
                    <a:gd name="T34" fmla="*/ 2147483646 w 302"/>
                    <a:gd name="T35" fmla="*/ 2147483646 h 261"/>
                    <a:gd name="T36" fmla="*/ 2147483646 w 302"/>
                    <a:gd name="T37" fmla="*/ 2147483646 h 261"/>
                    <a:gd name="T38" fmla="*/ 2147483646 w 302"/>
                    <a:gd name="T39" fmla="*/ 2147483646 h 261"/>
                    <a:gd name="T40" fmla="*/ 2147483646 w 302"/>
                    <a:gd name="T41" fmla="*/ 2147483646 h 261"/>
                    <a:gd name="T42" fmla="*/ 2147483646 w 302"/>
                    <a:gd name="T43" fmla="*/ 2147483646 h 261"/>
                    <a:gd name="T44" fmla="*/ 2147483646 w 302"/>
                    <a:gd name="T45" fmla="*/ 2147483646 h 261"/>
                    <a:gd name="T46" fmla="*/ 2147483646 w 302"/>
                    <a:gd name="T47" fmla="*/ 2147483646 h 261"/>
                    <a:gd name="T48" fmla="*/ 2147483646 w 302"/>
                    <a:gd name="T49" fmla="*/ 2147483646 h 261"/>
                    <a:gd name="T50" fmla="*/ 2147483646 w 302"/>
                    <a:gd name="T51" fmla="*/ 2147483646 h 261"/>
                    <a:gd name="T52" fmla="*/ 2147483646 w 302"/>
                    <a:gd name="T53" fmla="*/ 2147483646 h 261"/>
                    <a:gd name="T54" fmla="*/ 2147483646 w 302"/>
                    <a:gd name="T55" fmla="*/ 2147483646 h 261"/>
                    <a:gd name="T56" fmla="*/ 2147483646 w 302"/>
                    <a:gd name="T57" fmla="*/ 2147483646 h 261"/>
                    <a:gd name="T58" fmla="*/ 2147483646 w 302"/>
                    <a:gd name="T59" fmla="*/ 2147483646 h 261"/>
                    <a:gd name="T60" fmla="*/ 2147483646 w 302"/>
                    <a:gd name="T61" fmla="*/ 2147483646 h 261"/>
                    <a:gd name="T62" fmla="*/ 2147483646 w 302"/>
                    <a:gd name="T63" fmla="*/ 2147483646 h 261"/>
                    <a:gd name="T64" fmla="*/ 2147483646 w 302"/>
                    <a:gd name="T65" fmla="*/ 2147483646 h 261"/>
                    <a:gd name="T66" fmla="*/ 2147483646 w 302"/>
                    <a:gd name="T67" fmla="*/ 2147483646 h 261"/>
                    <a:gd name="T68" fmla="*/ 2147483646 w 302"/>
                    <a:gd name="T69" fmla="*/ 2147483646 h 261"/>
                    <a:gd name="T70" fmla="*/ 2147483646 w 302"/>
                    <a:gd name="T71" fmla="*/ 2147483646 h 261"/>
                    <a:gd name="T72" fmla="*/ 2147483646 w 302"/>
                    <a:gd name="T73" fmla="*/ 2147483646 h 261"/>
                    <a:gd name="T74" fmla="*/ 2147483646 w 302"/>
                    <a:gd name="T75" fmla="*/ 2147483646 h 261"/>
                    <a:gd name="T76" fmla="*/ 2147483646 w 302"/>
                    <a:gd name="T77" fmla="*/ 2147483646 h 261"/>
                    <a:gd name="T78" fmla="*/ 2147483646 w 302"/>
                    <a:gd name="T79" fmla="*/ 2147483646 h 261"/>
                    <a:gd name="T80" fmla="*/ 2147483646 w 302"/>
                    <a:gd name="T81" fmla="*/ 2147483646 h 261"/>
                    <a:gd name="T82" fmla="*/ 2147483646 w 302"/>
                    <a:gd name="T83" fmla="*/ 2147483646 h 261"/>
                    <a:gd name="T84" fmla="*/ 2147483646 w 302"/>
                    <a:gd name="T85" fmla="*/ 2147483646 h 261"/>
                    <a:gd name="T86" fmla="*/ 2147483646 w 302"/>
                    <a:gd name="T87" fmla="*/ 2147483646 h 261"/>
                    <a:gd name="T88" fmla="*/ 2147483646 w 302"/>
                    <a:gd name="T89" fmla="*/ 2147483646 h 261"/>
                    <a:gd name="T90" fmla="*/ 2147483646 w 302"/>
                    <a:gd name="T91" fmla="*/ 2147483646 h 261"/>
                    <a:gd name="T92" fmla="*/ 2147483646 w 302"/>
                    <a:gd name="T93" fmla="*/ 2147483646 h 261"/>
                    <a:gd name="T94" fmla="*/ 2147483646 w 302"/>
                    <a:gd name="T95" fmla="*/ 2147483646 h 261"/>
                    <a:gd name="T96" fmla="*/ 2147483646 w 302"/>
                    <a:gd name="T97" fmla="*/ 2147483646 h 261"/>
                    <a:gd name="T98" fmla="*/ 2147483646 w 302"/>
                    <a:gd name="T99" fmla="*/ 2147483646 h 261"/>
                    <a:gd name="T100" fmla="*/ 2147483646 w 302"/>
                    <a:gd name="T101" fmla="*/ 2147483646 h 261"/>
                    <a:gd name="T102" fmla="*/ 0 60000 65536"/>
                    <a:gd name="T103" fmla="*/ 0 60000 65536"/>
                    <a:gd name="T104" fmla="*/ 0 60000 65536"/>
                    <a:gd name="T105" fmla="*/ 0 60000 65536"/>
                    <a:gd name="T106" fmla="*/ 0 60000 65536"/>
                    <a:gd name="T107" fmla="*/ 0 60000 65536"/>
                    <a:gd name="T108" fmla="*/ 0 60000 65536"/>
                    <a:gd name="T109" fmla="*/ 0 60000 65536"/>
                    <a:gd name="T110" fmla="*/ 0 60000 65536"/>
                    <a:gd name="T111" fmla="*/ 0 60000 65536"/>
                    <a:gd name="T112" fmla="*/ 0 60000 65536"/>
                    <a:gd name="T113" fmla="*/ 0 60000 65536"/>
                    <a:gd name="T114" fmla="*/ 0 60000 65536"/>
                    <a:gd name="T115" fmla="*/ 0 60000 65536"/>
                    <a:gd name="T116" fmla="*/ 0 60000 65536"/>
                    <a:gd name="T117" fmla="*/ 0 60000 65536"/>
                    <a:gd name="T118" fmla="*/ 0 60000 65536"/>
                    <a:gd name="T119" fmla="*/ 0 60000 65536"/>
                    <a:gd name="T120" fmla="*/ 0 60000 65536"/>
                    <a:gd name="T121" fmla="*/ 0 60000 65536"/>
                    <a:gd name="T122" fmla="*/ 0 60000 65536"/>
                    <a:gd name="T123" fmla="*/ 0 60000 65536"/>
                    <a:gd name="T124" fmla="*/ 0 60000 65536"/>
                    <a:gd name="T125" fmla="*/ 0 60000 65536"/>
                    <a:gd name="T126" fmla="*/ 0 60000 65536"/>
                    <a:gd name="T127" fmla="*/ 0 60000 65536"/>
                    <a:gd name="T128" fmla="*/ 0 60000 65536"/>
                    <a:gd name="T129" fmla="*/ 0 60000 65536"/>
                    <a:gd name="T130" fmla="*/ 0 60000 65536"/>
                    <a:gd name="T131" fmla="*/ 0 60000 65536"/>
                    <a:gd name="T132" fmla="*/ 0 60000 65536"/>
                    <a:gd name="T133" fmla="*/ 0 60000 65536"/>
                    <a:gd name="T134" fmla="*/ 0 60000 65536"/>
                    <a:gd name="T135" fmla="*/ 0 60000 65536"/>
                    <a:gd name="T136" fmla="*/ 0 60000 65536"/>
                    <a:gd name="T137" fmla="*/ 0 60000 65536"/>
                    <a:gd name="T138" fmla="*/ 0 60000 65536"/>
                    <a:gd name="T139" fmla="*/ 0 60000 65536"/>
                    <a:gd name="T140" fmla="*/ 0 60000 65536"/>
                    <a:gd name="T141" fmla="*/ 0 60000 65536"/>
                    <a:gd name="T142" fmla="*/ 0 60000 65536"/>
                    <a:gd name="T143" fmla="*/ 0 60000 65536"/>
                    <a:gd name="T144" fmla="*/ 0 60000 65536"/>
                    <a:gd name="T145" fmla="*/ 0 60000 65536"/>
                    <a:gd name="T146" fmla="*/ 0 60000 65536"/>
                    <a:gd name="T147" fmla="*/ 0 60000 65536"/>
                    <a:gd name="T148" fmla="*/ 0 60000 65536"/>
                    <a:gd name="T149" fmla="*/ 0 60000 65536"/>
                    <a:gd name="T150" fmla="*/ 0 60000 65536"/>
                    <a:gd name="T151" fmla="*/ 0 60000 65536"/>
                    <a:gd name="T152" fmla="*/ 0 60000 65536"/>
                    <a:gd name="T153" fmla="*/ 0 w 302"/>
                    <a:gd name="T154" fmla="*/ 0 h 261"/>
                    <a:gd name="T155" fmla="*/ 302 w 302"/>
                    <a:gd name="T156" fmla="*/ 261 h 261"/>
                  </a:gdLst>
                  <a:ahLst/>
                  <a:cxnLst>
                    <a:cxn ang="T102">
                      <a:pos x="T0" y="T1"/>
                    </a:cxn>
                    <a:cxn ang="T103">
                      <a:pos x="T2" y="T3"/>
                    </a:cxn>
                    <a:cxn ang="T104">
                      <a:pos x="T4" y="T5"/>
                    </a:cxn>
                    <a:cxn ang="T105">
                      <a:pos x="T6" y="T7"/>
                    </a:cxn>
                    <a:cxn ang="T106">
                      <a:pos x="T8" y="T9"/>
                    </a:cxn>
                    <a:cxn ang="T107">
                      <a:pos x="T10" y="T11"/>
                    </a:cxn>
                    <a:cxn ang="T108">
                      <a:pos x="T12" y="T13"/>
                    </a:cxn>
                    <a:cxn ang="T109">
                      <a:pos x="T14" y="T15"/>
                    </a:cxn>
                    <a:cxn ang="T110">
                      <a:pos x="T16" y="T17"/>
                    </a:cxn>
                    <a:cxn ang="T111">
                      <a:pos x="T18" y="T19"/>
                    </a:cxn>
                    <a:cxn ang="T112">
                      <a:pos x="T20" y="T21"/>
                    </a:cxn>
                    <a:cxn ang="T113">
                      <a:pos x="T22" y="T23"/>
                    </a:cxn>
                    <a:cxn ang="T114">
                      <a:pos x="T24" y="T25"/>
                    </a:cxn>
                    <a:cxn ang="T115">
                      <a:pos x="T26" y="T27"/>
                    </a:cxn>
                    <a:cxn ang="T116">
                      <a:pos x="T28" y="T29"/>
                    </a:cxn>
                    <a:cxn ang="T117">
                      <a:pos x="T30" y="T31"/>
                    </a:cxn>
                    <a:cxn ang="T118">
                      <a:pos x="T32" y="T33"/>
                    </a:cxn>
                    <a:cxn ang="T119">
                      <a:pos x="T34" y="T35"/>
                    </a:cxn>
                    <a:cxn ang="T120">
                      <a:pos x="T36" y="T37"/>
                    </a:cxn>
                    <a:cxn ang="T121">
                      <a:pos x="T38" y="T39"/>
                    </a:cxn>
                    <a:cxn ang="T122">
                      <a:pos x="T40" y="T41"/>
                    </a:cxn>
                    <a:cxn ang="T123">
                      <a:pos x="T42" y="T43"/>
                    </a:cxn>
                    <a:cxn ang="T124">
                      <a:pos x="T44" y="T45"/>
                    </a:cxn>
                    <a:cxn ang="T125">
                      <a:pos x="T46" y="T47"/>
                    </a:cxn>
                    <a:cxn ang="T126">
                      <a:pos x="T48" y="T49"/>
                    </a:cxn>
                    <a:cxn ang="T127">
                      <a:pos x="T50" y="T51"/>
                    </a:cxn>
                    <a:cxn ang="T128">
                      <a:pos x="T52" y="T53"/>
                    </a:cxn>
                    <a:cxn ang="T129">
                      <a:pos x="T54" y="T55"/>
                    </a:cxn>
                    <a:cxn ang="T130">
                      <a:pos x="T56" y="T57"/>
                    </a:cxn>
                    <a:cxn ang="T131">
                      <a:pos x="T58" y="T59"/>
                    </a:cxn>
                    <a:cxn ang="T132">
                      <a:pos x="T60" y="T61"/>
                    </a:cxn>
                    <a:cxn ang="T133">
                      <a:pos x="T62" y="T63"/>
                    </a:cxn>
                    <a:cxn ang="T134">
                      <a:pos x="T64" y="T65"/>
                    </a:cxn>
                    <a:cxn ang="T135">
                      <a:pos x="T66" y="T67"/>
                    </a:cxn>
                    <a:cxn ang="T136">
                      <a:pos x="T68" y="T69"/>
                    </a:cxn>
                    <a:cxn ang="T137">
                      <a:pos x="T70" y="T71"/>
                    </a:cxn>
                    <a:cxn ang="T138">
                      <a:pos x="T72" y="T73"/>
                    </a:cxn>
                    <a:cxn ang="T139">
                      <a:pos x="T74" y="T75"/>
                    </a:cxn>
                    <a:cxn ang="T140">
                      <a:pos x="T76" y="T77"/>
                    </a:cxn>
                    <a:cxn ang="T141">
                      <a:pos x="T78" y="T79"/>
                    </a:cxn>
                    <a:cxn ang="T142">
                      <a:pos x="T80" y="T81"/>
                    </a:cxn>
                    <a:cxn ang="T143">
                      <a:pos x="T82" y="T83"/>
                    </a:cxn>
                    <a:cxn ang="T144">
                      <a:pos x="T84" y="T85"/>
                    </a:cxn>
                    <a:cxn ang="T145">
                      <a:pos x="T86" y="T87"/>
                    </a:cxn>
                    <a:cxn ang="T146">
                      <a:pos x="T88" y="T89"/>
                    </a:cxn>
                    <a:cxn ang="T147">
                      <a:pos x="T90" y="T91"/>
                    </a:cxn>
                    <a:cxn ang="T148">
                      <a:pos x="T92" y="T93"/>
                    </a:cxn>
                    <a:cxn ang="T149">
                      <a:pos x="T94" y="T95"/>
                    </a:cxn>
                    <a:cxn ang="T150">
                      <a:pos x="T96" y="T97"/>
                    </a:cxn>
                    <a:cxn ang="T151">
                      <a:pos x="T98" y="T99"/>
                    </a:cxn>
                    <a:cxn ang="T152">
                      <a:pos x="T100" y="T101"/>
                    </a:cxn>
                  </a:cxnLst>
                  <a:rect l="T153" t="T154" r="T155" b="T156"/>
                  <a:pathLst>
                    <a:path w="302" h="261">
                      <a:moveTo>
                        <a:pt x="4" y="158"/>
                      </a:moveTo>
                      <a:lnTo>
                        <a:pt x="0" y="155"/>
                      </a:lnTo>
                      <a:lnTo>
                        <a:pt x="4" y="144"/>
                      </a:lnTo>
                      <a:lnTo>
                        <a:pt x="11" y="140"/>
                      </a:lnTo>
                      <a:lnTo>
                        <a:pt x="15" y="137"/>
                      </a:lnTo>
                      <a:lnTo>
                        <a:pt x="14" y="133"/>
                      </a:lnTo>
                      <a:lnTo>
                        <a:pt x="19" y="130"/>
                      </a:lnTo>
                      <a:lnTo>
                        <a:pt x="19" y="124"/>
                      </a:lnTo>
                      <a:lnTo>
                        <a:pt x="18" y="119"/>
                      </a:lnTo>
                      <a:lnTo>
                        <a:pt x="15" y="116"/>
                      </a:lnTo>
                      <a:lnTo>
                        <a:pt x="16" y="110"/>
                      </a:lnTo>
                      <a:lnTo>
                        <a:pt x="17" y="104"/>
                      </a:lnTo>
                      <a:lnTo>
                        <a:pt x="21" y="100"/>
                      </a:lnTo>
                      <a:lnTo>
                        <a:pt x="25" y="95"/>
                      </a:lnTo>
                      <a:lnTo>
                        <a:pt x="27" y="94"/>
                      </a:lnTo>
                      <a:lnTo>
                        <a:pt x="30" y="89"/>
                      </a:lnTo>
                      <a:lnTo>
                        <a:pt x="35" y="86"/>
                      </a:lnTo>
                      <a:lnTo>
                        <a:pt x="40" y="81"/>
                      </a:lnTo>
                      <a:lnTo>
                        <a:pt x="45" y="78"/>
                      </a:lnTo>
                      <a:lnTo>
                        <a:pt x="49" y="73"/>
                      </a:lnTo>
                      <a:lnTo>
                        <a:pt x="55" y="70"/>
                      </a:lnTo>
                      <a:lnTo>
                        <a:pt x="59" y="70"/>
                      </a:lnTo>
                      <a:lnTo>
                        <a:pt x="62" y="68"/>
                      </a:lnTo>
                      <a:lnTo>
                        <a:pt x="67" y="68"/>
                      </a:lnTo>
                      <a:lnTo>
                        <a:pt x="69" y="64"/>
                      </a:lnTo>
                      <a:lnTo>
                        <a:pt x="73" y="63"/>
                      </a:lnTo>
                      <a:lnTo>
                        <a:pt x="76" y="67"/>
                      </a:lnTo>
                      <a:lnTo>
                        <a:pt x="79" y="67"/>
                      </a:lnTo>
                      <a:lnTo>
                        <a:pt x="81" y="63"/>
                      </a:lnTo>
                      <a:lnTo>
                        <a:pt x="85" y="61"/>
                      </a:lnTo>
                      <a:lnTo>
                        <a:pt x="87" y="57"/>
                      </a:lnTo>
                      <a:lnTo>
                        <a:pt x="92" y="53"/>
                      </a:lnTo>
                      <a:lnTo>
                        <a:pt x="95" y="54"/>
                      </a:lnTo>
                      <a:lnTo>
                        <a:pt x="101" y="52"/>
                      </a:lnTo>
                      <a:lnTo>
                        <a:pt x="109" y="52"/>
                      </a:lnTo>
                      <a:lnTo>
                        <a:pt x="116" y="50"/>
                      </a:lnTo>
                      <a:lnTo>
                        <a:pt x="120" y="46"/>
                      </a:lnTo>
                      <a:lnTo>
                        <a:pt x="127" y="46"/>
                      </a:lnTo>
                      <a:lnTo>
                        <a:pt x="131" y="44"/>
                      </a:lnTo>
                      <a:lnTo>
                        <a:pt x="135" y="45"/>
                      </a:lnTo>
                      <a:lnTo>
                        <a:pt x="138" y="38"/>
                      </a:lnTo>
                      <a:lnTo>
                        <a:pt x="140" y="34"/>
                      </a:lnTo>
                      <a:lnTo>
                        <a:pt x="145" y="30"/>
                      </a:lnTo>
                      <a:lnTo>
                        <a:pt x="149" y="28"/>
                      </a:lnTo>
                      <a:lnTo>
                        <a:pt x="153" y="21"/>
                      </a:lnTo>
                      <a:lnTo>
                        <a:pt x="157" y="18"/>
                      </a:lnTo>
                      <a:lnTo>
                        <a:pt x="157" y="12"/>
                      </a:lnTo>
                      <a:lnTo>
                        <a:pt x="158" y="7"/>
                      </a:lnTo>
                      <a:lnTo>
                        <a:pt x="162" y="0"/>
                      </a:lnTo>
                      <a:lnTo>
                        <a:pt x="167" y="3"/>
                      </a:lnTo>
                      <a:lnTo>
                        <a:pt x="170" y="4"/>
                      </a:lnTo>
                      <a:lnTo>
                        <a:pt x="174" y="5"/>
                      </a:lnTo>
                      <a:lnTo>
                        <a:pt x="178" y="4"/>
                      </a:lnTo>
                      <a:lnTo>
                        <a:pt x="183" y="3"/>
                      </a:lnTo>
                      <a:lnTo>
                        <a:pt x="187" y="1"/>
                      </a:lnTo>
                      <a:lnTo>
                        <a:pt x="189" y="5"/>
                      </a:lnTo>
                      <a:lnTo>
                        <a:pt x="189" y="9"/>
                      </a:lnTo>
                      <a:lnTo>
                        <a:pt x="188" y="11"/>
                      </a:lnTo>
                      <a:lnTo>
                        <a:pt x="192" y="15"/>
                      </a:lnTo>
                      <a:lnTo>
                        <a:pt x="193" y="21"/>
                      </a:lnTo>
                      <a:lnTo>
                        <a:pt x="195" y="24"/>
                      </a:lnTo>
                      <a:lnTo>
                        <a:pt x="209" y="27"/>
                      </a:lnTo>
                      <a:lnTo>
                        <a:pt x="212" y="29"/>
                      </a:lnTo>
                      <a:lnTo>
                        <a:pt x="215" y="34"/>
                      </a:lnTo>
                      <a:lnTo>
                        <a:pt x="219" y="35"/>
                      </a:lnTo>
                      <a:lnTo>
                        <a:pt x="222" y="38"/>
                      </a:lnTo>
                      <a:lnTo>
                        <a:pt x="225" y="41"/>
                      </a:lnTo>
                      <a:lnTo>
                        <a:pt x="227" y="47"/>
                      </a:lnTo>
                      <a:lnTo>
                        <a:pt x="234" y="48"/>
                      </a:lnTo>
                      <a:lnTo>
                        <a:pt x="247" y="52"/>
                      </a:lnTo>
                      <a:lnTo>
                        <a:pt x="252" y="51"/>
                      </a:lnTo>
                      <a:lnTo>
                        <a:pt x="256" y="47"/>
                      </a:lnTo>
                      <a:lnTo>
                        <a:pt x="262" y="42"/>
                      </a:lnTo>
                      <a:lnTo>
                        <a:pt x="267" y="37"/>
                      </a:lnTo>
                      <a:lnTo>
                        <a:pt x="274" y="38"/>
                      </a:lnTo>
                      <a:lnTo>
                        <a:pt x="279" y="41"/>
                      </a:lnTo>
                      <a:lnTo>
                        <a:pt x="280" y="48"/>
                      </a:lnTo>
                      <a:lnTo>
                        <a:pt x="283" y="50"/>
                      </a:lnTo>
                      <a:lnTo>
                        <a:pt x="287" y="51"/>
                      </a:lnTo>
                      <a:lnTo>
                        <a:pt x="291" y="49"/>
                      </a:lnTo>
                      <a:lnTo>
                        <a:pt x="296" y="50"/>
                      </a:lnTo>
                      <a:lnTo>
                        <a:pt x="299" y="53"/>
                      </a:lnTo>
                      <a:lnTo>
                        <a:pt x="299" y="58"/>
                      </a:lnTo>
                      <a:lnTo>
                        <a:pt x="300" y="61"/>
                      </a:lnTo>
                      <a:lnTo>
                        <a:pt x="302" y="63"/>
                      </a:lnTo>
                      <a:lnTo>
                        <a:pt x="302" y="71"/>
                      </a:lnTo>
                      <a:lnTo>
                        <a:pt x="300" y="75"/>
                      </a:lnTo>
                      <a:lnTo>
                        <a:pt x="301" y="79"/>
                      </a:lnTo>
                      <a:lnTo>
                        <a:pt x="299" y="83"/>
                      </a:lnTo>
                      <a:lnTo>
                        <a:pt x="296" y="89"/>
                      </a:lnTo>
                      <a:lnTo>
                        <a:pt x="292" y="90"/>
                      </a:lnTo>
                      <a:lnTo>
                        <a:pt x="288" y="96"/>
                      </a:lnTo>
                      <a:lnTo>
                        <a:pt x="281" y="97"/>
                      </a:lnTo>
                      <a:lnTo>
                        <a:pt x="274" y="98"/>
                      </a:lnTo>
                      <a:lnTo>
                        <a:pt x="273" y="101"/>
                      </a:lnTo>
                      <a:lnTo>
                        <a:pt x="263" y="98"/>
                      </a:lnTo>
                      <a:lnTo>
                        <a:pt x="260" y="95"/>
                      </a:lnTo>
                      <a:lnTo>
                        <a:pt x="256" y="97"/>
                      </a:lnTo>
                      <a:lnTo>
                        <a:pt x="256" y="101"/>
                      </a:lnTo>
                      <a:lnTo>
                        <a:pt x="253" y="104"/>
                      </a:lnTo>
                      <a:lnTo>
                        <a:pt x="251" y="106"/>
                      </a:lnTo>
                      <a:lnTo>
                        <a:pt x="244" y="109"/>
                      </a:lnTo>
                      <a:lnTo>
                        <a:pt x="242" y="114"/>
                      </a:lnTo>
                      <a:lnTo>
                        <a:pt x="241" y="117"/>
                      </a:lnTo>
                      <a:lnTo>
                        <a:pt x="237" y="119"/>
                      </a:lnTo>
                      <a:lnTo>
                        <a:pt x="233" y="120"/>
                      </a:lnTo>
                      <a:lnTo>
                        <a:pt x="230" y="123"/>
                      </a:lnTo>
                      <a:lnTo>
                        <a:pt x="229" y="127"/>
                      </a:lnTo>
                      <a:lnTo>
                        <a:pt x="229" y="129"/>
                      </a:lnTo>
                      <a:lnTo>
                        <a:pt x="225" y="134"/>
                      </a:lnTo>
                      <a:lnTo>
                        <a:pt x="224" y="138"/>
                      </a:lnTo>
                      <a:lnTo>
                        <a:pt x="227" y="142"/>
                      </a:lnTo>
                      <a:lnTo>
                        <a:pt x="229" y="145"/>
                      </a:lnTo>
                      <a:lnTo>
                        <a:pt x="229" y="148"/>
                      </a:lnTo>
                      <a:lnTo>
                        <a:pt x="227" y="151"/>
                      </a:lnTo>
                      <a:lnTo>
                        <a:pt x="224" y="152"/>
                      </a:lnTo>
                      <a:lnTo>
                        <a:pt x="224" y="156"/>
                      </a:lnTo>
                      <a:lnTo>
                        <a:pt x="223" y="161"/>
                      </a:lnTo>
                      <a:lnTo>
                        <a:pt x="222" y="166"/>
                      </a:lnTo>
                      <a:lnTo>
                        <a:pt x="222" y="170"/>
                      </a:lnTo>
                      <a:lnTo>
                        <a:pt x="221" y="174"/>
                      </a:lnTo>
                      <a:lnTo>
                        <a:pt x="226" y="178"/>
                      </a:lnTo>
                      <a:lnTo>
                        <a:pt x="232" y="182"/>
                      </a:lnTo>
                      <a:lnTo>
                        <a:pt x="241" y="186"/>
                      </a:lnTo>
                      <a:lnTo>
                        <a:pt x="248" y="189"/>
                      </a:lnTo>
                      <a:lnTo>
                        <a:pt x="249" y="193"/>
                      </a:lnTo>
                      <a:lnTo>
                        <a:pt x="256" y="197"/>
                      </a:lnTo>
                      <a:lnTo>
                        <a:pt x="256" y="199"/>
                      </a:lnTo>
                      <a:lnTo>
                        <a:pt x="251" y="197"/>
                      </a:lnTo>
                      <a:lnTo>
                        <a:pt x="250" y="200"/>
                      </a:lnTo>
                      <a:lnTo>
                        <a:pt x="250" y="206"/>
                      </a:lnTo>
                      <a:lnTo>
                        <a:pt x="251" y="211"/>
                      </a:lnTo>
                      <a:lnTo>
                        <a:pt x="249" y="216"/>
                      </a:lnTo>
                      <a:lnTo>
                        <a:pt x="244" y="221"/>
                      </a:lnTo>
                      <a:lnTo>
                        <a:pt x="238" y="224"/>
                      </a:lnTo>
                      <a:lnTo>
                        <a:pt x="236" y="226"/>
                      </a:lnTo>
                      <a:lnTo>
                        <a:pt x="234" y="230"/>
                      </a:lnTo>
                      <a:lnTo>
                        <a:pt x="228" y="231"/>
                      </a:lnTo>
                      <a:lnTo>
                        <a:pt x="224" y="233"/>
                      </a:lnTo>
                      <a:lnTo>
                        <a:pt x="218" y="237"/>
                      </a:lnTo>
                      <a:lnTo>
                        <a:pt x="213" y="234"/>
                      </a:lnTo>
                      <a:lnTo>
                        <a:pt x="209" y="233"/>
                      </a:lnTo>
                      <a:lnTo>
                        <a:pt x="204" y="234"/>
                      </a:lnTo>
                      <a:lnTo>
                        <a:pt x="199" y="232"/>
                      </a:lnTo>
                      <a:lnTo>
                        <a:pt x="195" y="236"/>
                      </a:lnTo>
                      <a:lnTo>
                        <a:pt x="189" y="238"/>
                      </a:lnTo>
                      <a:lnTo>
                        <a:pt x="181" y="236"/>
                      </a:lnTo>
                      <a:lnTo>
                        <a:pt x="176" y="233"/>
                      </a:lnTo>
                      <a:lnTo>
                        <a:pt x="174" y="231"/>
                      </a:lnTo>
                      <a:lnTo>
                        <a:pt x="168" y="231"/>
                      </a:lnTo>
                      <a:lnTo>
                        <a:pt x="164" y="232"/>
                      </a:lnTo>
                      <a:lnTo>
                        <a:pt x="161" y="237"/>
                      </a:lnTo>
                      <a:lnTo>
                        <a:pt x="159" y="238"/>
                      </a:lnTo>
                      <a:lnTo>
                        <a:pt x="152" y="238"/>
                      </a:lnTo>
                      <a:lnTo>
                        <a:pt x="148" y="241"/>
                      </a:lnTo>
                      <a:lnTo>
                        <a:pt x="145" y="246"/>
                      </a:lnTo>
                      <a:lnTo>
                        <a:pt x="140" y="249"/>
                      </a:lnTo>
                      <a:lnTo>
                        <a:pt x="138" y="252"/>
                      </a:lnTo>
                      <a:lnTo>
                        <a:pt x="139" y="258"/>
                      </a:lnTo>
                      <a:lnTo>
                        <a:pt x="135" y="259"/>
                      </a:lnTo>
                      <a:lnTo>
                        <a:pt x="131" y="259"/>
                      </a:lnTo>
                      <a:lnTo>
                        <a:pt x="126" y="258"/>
                      </a:lnTo>
                      <a:lnTo>
                        <a:pt x="123" y="261"/>
                      </a:lnTo>
                      <a:lnTo>
                        <a:pt x="121" y="258"/>
                      </a:lnTo>
                      <a:lnTo>
                        <a:pt x="116" y="254"/>
                      </a:lnTo>
                      <a:lnTo>
                        <a:pt x="114" y="246"/>
                      </a:lnTo>
                      <a:lnTo>
                        <a:pt x="115" y="241"/>
                      </a:lnTo>
                      <a:lnTo>
                        <a:pt x="113" y="238"/>
                      </a:lnTo>
                      <a:lnTo>
                        <a:pt x="111" y="231"/>
                      </a:lnTo>
                      <a:lnTo>
                        <a:pt x="115" y="226"/>
                      </a:lnTo>
                      <a:lnTo>
                        <a:pt x="116" y="221"/>
                      </a:lnTo>
                      <a:lnTo>
                        <a:pt x="112" y="218"/>
                      </a:lnTo>
                      <a:lnTo>
                        <a:pt x="111" y="212"/>
                      </a:lnTo>
                      <a:lnTo>
                        <a:pt x="110" y="206"/>
                      </a:lnTo>
                      <a:lnTo>
                        <a:pt x="108" y="202"/>
                      </a:lnTo>
                      <a:lnTo>
                        <a:pt x="108" y="195"/>
                      </a:lnTo>
                      <a:lnTo>
                        <a:pt x="105" y="191"/>
                      </a:lnTo>
                      <a:lnTo>
                        <a:pt x="104" y="188"/>
                      </a:lnTo>
                      <a:lnTo>
                        <a:pt x="101" y="186"/>
                      </a:lnTo>
                      <a:lnTo>
                        <a:pt x="101" y="180"/>
                      </a:lnTo>
                      <a:lnTo>
                        <a:pt x="104" y="173"/>
                      </a:lnTo>
                      <a:lnTo>
                        <a:pt x="105" y="167"/>
                      </a:lnTo>
                      <a:lnTo>
                        <a:pt x="104" y="161"/>
                      </a:lnTo>
                      <a:lnTo>
                        <a:pt x="101" y="157"/>
                      </a:lnTo>
                      <a:lnTo>
                        <a:pt x="98" y="155"/>
                      </a:lnTo>
                      <a:lnTo>
                        <a:pt x="94" y="155"/>
                      </a:lnTo>
                      <a:lnTo>
                        <a:pt x="89" y="156"/>
                      </a:lnTo>
                      <a:lnTo>
                        <a:pt x="85" y="158"/>
                      </a:lnTo>
                      <a:lnTo>
                        <a:pt x="83" y="155"/>
                      </a:lnTo>
                      <a:lnTo>
                        <a:pt x="75" y="154"/>
                      </a:lnTo>
                      <a:lnTo>
                        <a:pt x="72" y="154"/>
                      </a:lnTo>
                      <a:lnTo>
                        <a:pt x="68" y="153"/>
                      </a:lnTo>
                      <a:lnTo>
                        <a:pt x="62" y="158"/>
                      </a:lnTo>
                      <a:lnTo>
                        <a:pt x="59" y="158"/>
                      </a:lnTo>
                      <a:lnTo>
                        <a:pt x="54" y="157"/>
                      </a:lnTo>
                      <a:lnTo>
                        <a:pt x="51" y="159"/>
                      </a:lnTo>
                      <a:lnTo>
                        <a:pt x="45" y="157"/>
                      </a:lnTo>
                      <a:lnTo>
                        <a:pt x="40" y="159"/>
                      </a:lnTo>
                      <a:lnTo>
                        <a:pt x="36" y="162"/>
                      </a:lnTo>
                      <a:lnTo>
                        <a:pt x="30" y="161"/>
                      </a:lnTo>
                      <a:lnTo>
                        <a:pt x="25" y="161"/>
                      </a:lnTo>
                      <a:lnTo>
                        <a:pt x="20" y="158"/>
                      </a:lnTo>
                      <a:lnTo>
                        <a:pt x="15" y="159"/>
                      </a:lnTo>
                      <a:lnTo>
                        <a:pt x="4" y="158"/>
                      </a:lnTo>
                    </a:path>
                  </a:pathLst>
                </a:custGeom>
                <a:solidFill>
                  <a:srgbClr val="D9D9D9"/>
                </a:solidFill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</xdr:spPr>
            </xdr:sp>
            <xdr:sp macro="" textlink="">
              <xdr:nvSpPr>
                <xdr:cNvPr id="149578" name="d14366"/>
                <xdr:cNvSpPr>
                  <a:spLocks/>
                </xdr:cNvSpPr>
              </xdr:nvSpPr>
              <xdr:spPr bwMode="auto">
                <a:xfrm>
                  <a:off x="14573250" y="14201775"/>
                  <a:ext cx="409575" cy="504825"/>
                </a:xfrm>
                <a:custGeom>
                  <a:avLst/>
                  <a:gdLst>
                    <a:gd name="T0" fmla="*/ 2147483646 w 16384"/>
                    <a:gd name="T1" fmla="*/ 2147483646 h 16384"/>
                    <a:gd name="T2" fmla="*/ 2147483646 w 16384"/>
                    <a:gd name="T3" fmla="*/ 2147483646 h 16384"/>
                    <a:gd name="T4" fmla="*/ 2147483646 w 16384"/>
                    <a:gd name="T5" fmla="*/ 2147483646 h 16384"/>
                    <a:gd name="T6" fmla="*/ 2147483646 w 16384"/>
                    <a:gd name="T7" fmla="*/ 2147483646 h 16384"/>
                    <a:gd name="T8" fmla="*/ 2147483646 w 16384"/>
                    <a:gd name="T9" fmla="*/ 2147483646 h 16384"/>
                    <a:gd name="T10" fmla="*/ 2147483646 w 16384"/>
                    <a:gd name="T11" fmla="*/ 2147483646 h 16384"/>
                    <a:gd name="T12" fmla="*/ 2147483646 w 16384"/>
                    <a:gd name="T13" fmla="*/ 2147483646 h 16384"/>
                    <a:gd name="T14" fmla="*/ 2147483646 w 16384"/>
                    <a:gd name="T15" fmla="*/ 2147483646 h 16384"/>
                    <a:gd name="T16" fmla="*/ 2147483646 w 16384"/>
                    <a:gd name="T17" fmla="*/ 2147483646 h 16384"/>
                    <a:gd name="T18" fmla="*/ 2147483646 w 16384"/>
                    <a:gd name="T19" fmla="*/ 2147483646 h 16384"/>
                    <a:gd name="T20" fmla="*/ 2147483646 w 16384"/>
                    <a:gd name="T21" fmla="*/ 2147483646 h 16384"/>
                    <a:gd name="T22" fmla="*/ 2147483646 w 16384"/>
                    <a:gd name="T23" fmla="*/ 2147483646 h 16384"/>
                    <a:gd name="T24" fmla="*/ 2147483646 w 16384"/>
                    <a:gd name="T25" fmla="*/ 2147483646 h 16384"/>
                    <a:gd name="T26" fmla="*/ 2147483646 w 16384"/>
                    <a:gd name="T27" fmla="*/ 2147483646 h 16384"/>
                    <a:gd name="T28" fmla="*/ 2147483646 w 16384"/>
                    <a:gd name="T29" fmla="*/ 2147483646 h 16384"/>
                    <a:gd name="T30" fmla="*/ 2147483646 w 16384"/>
                    <a:gd name="T31" fmla="*/ 2147483646 h 16384"/>
                    <a:gd name="T32" fmla="*/ 2147483646 w 16384"/>
                    <a:gd name="T33" fmla="*/ 2147483646 h 16384"/>
                    <a:gd name="T34" fmla="*/ 0 w 16384"/>
                    <a:gd name="T35" fmla="*/ 2147483646 h 16384"/>
                    <a:gd name="T36" fmla="*/ 2147483646 w 16384"/>
                    <a:gd name="T37" fmla="*/ 2147483646 h 16384"/>
                    <a:gd name="T38" fmla="*/ 2147483646 w 16384"/>
                    <a:gd name="T39" fmla="*/ 2147483646 h 16384"/>
                    <a:gd name="T40" fmla="*/ 2147483646 w 16384"/>
                    <a:gd name="T41" fmla="*/ 0 h 16384"/>
                    <a:gd name="T42" fmla="*/ 2147483646 w 16384"/>
                    <a:gd name="T43" fmla="*/ 2147483646 h 16384"/>
                    <a:gd name="T44" fmla="*/ 2147483646 w 16384"/>
                    <a:gd name="T45" fmla="*/ 2147483646 h 16384"/>
                    <a:gd name="T46" fmla="*/ 2147483646 w 16384"/>
                    <a:gd name="T47" fmla="*/ 2147483646 h 16384"/>
                    <a:gd name="T48" fmla="*/ 2147483646 w 16384"/>
                    <a:gd name="T49" fmla="*/ 2147483646 h 16384"/>
                    <a:gd name="T50" fmla="*/ 2147483646 w 16384"/>
                    <a:gd name="T51" fmla="*/ 2147483646 h 16384"/>
                    <a:gd name="T52" fmla="*/ 2147483646 w 16384"/>
                    <a:gd name="T53" fmla="*/ 2147483646 h 16384"/>
                    <a:gd name="T54" fmla="*/ 2147483646 w 16384"/>
                    <a:gd name="T55" fmla="*/ 2147483646 h 16384"/>
                    <a:gd name="T56" fmla="*/ 2147483646 w 16384"/>
                    <a:gd name="T57" fmla="*/ 2147483646 h 16384"/>
                    <a:gd name="T58" fmla="*/ 2147483646 w 16384"/>
                    <a:gd name="T59" fmla="*/ 2147483646 h 16384"/>
                    <a:gd name="T60" fmla="*/ 2147483646 w 16384"/>
                    <a:gd name="T61" fmla="*/ 2147483646 h 16384"/>
                    <a:gd name="T62" fmla="*/ 2147483646 w 16384"/>
                    <a:gd name="T63" fmla="*/ 2147483646 h 16384"/>
                    <a:gd name="T64" fmla="*/ 2147483646 w 16384"/>
                    <a:gd name="T65" fmla="*/ 2147483646 h 16384"/>
                    <a:gd name="T66" fmla="*/ 0 60000 65536"/>
                    <a:gd name="T67" fmla="*/ 0 60000 65536"/>
                    <a:gd name="T68" fmla="*/ 0 60000 65536"/>
                    <a:gd name="T69" fmla="*/ 0 60000 65536"/>
                    <a:gd name="T70" fmla="*/ 0 60000 65536"/>
                    <a:gd name="T71" fmla="*/ 0 60000 65536"/>
                    <a:gd name="T72" fmla="*/ 0 60000 65536"/>
                    <a:gd name="T73" fmla="*/ 0 60000 65536"/>
                    <a:gd name="T74" fmla="*/ 0 60000 65536"/>
                    <a:gd name="T75" fmla="*/ 0 60000 65536"/>
                    <a:gd name="T76" fmla="*/ 0 60000 65536"/>
                    <a:gd name="T77" fmla="*/ 0 60000 65536"/>
                    <a:gd name="T78" fmla="*/ 0 60000 65536"/>
                    <a:gd name="T79" fmla="*/ 0 60000 65536"/>
                    <a:gd name="T80" fmla="*/ 0 60000 65536"/>
                    <a:gd name="T81" fmla="*/ 0 60000 65536"/>
                    <a:gd name="T82" fmla="*/ 0 60000 65536"/>
                    <a:gd name="T83" fmla="*/ 0 60000 65536"/>
                    <a:gd name="T84" fmla="*/ 0 60000 65536"/>
                    <a:gd name="T85" fmla="*/ 0 60000 65536"/>
                    <a:gd name="T86" fmla="*/ 0 60000 65536"/>
                    <a:gd name="T87" fmla="*/ 0 60000 65536"/>
                    <a:gd name="T88" fmla="*/ 0 60000 65536"/>
                    <a:gd name="T89" fmla="*/ 0 60000 65536"/>
                    <a:gd name="T90" fmla="*/ 0 60000 65536"/>
                    <a:gd name="T91" fmla="*/ 0 60000 65536"/>
                    <a:gd name="T92" fmla="*/ 0 60000 65536"/>
                    <a:gd name="T93" fmla="*/ 0 60000 65536"/>
                    <a:gd name="T94" fmla="*/ 0 60000 65536"/>
                    <a:gd name="T95" fmla="*/ 0 60000 65536"/>
                    <a:gd name="T96" fmla="*/ 0 60000 65536"/>
                    <a:gd name="T97" fmla="*/ 0 60000 65536"/>
                    <a:gd name="T98" fmla="*/ 0 60000 65536"/>
                    <a:gd name="T99" fmla="*/ 0 w 16384"/>
                    <a:gd name="T100" fmla="*/ 0 h 16384"/>
                    <a:gd name="T101" fmla="*/ 16384 w 16384"/>
                    <a:gd name="T102" fmla="*/ 16384 h 16384"/>
                  </a:gdLst>
                  <a:ahLst/>
                  <a:cxnLst>
                    <a:cxn ang="T66">
                      <a:pos x="T0" y="T1"/>
                    </a:cxn>
                    <a:cxn ang="T67">
                      <a:pos x="T2" y="T3"/>
                    </a:cxn>
                    <a:cxn ang="T68">
                      <a:pos x="T4" y="T5"/>
                    </a:cxn>
                    <a:cxn ang="T69">
                      <a:pos x="T6" y="T7"/>
                    </a:cxn>
                    <a:cxn ang="T70">
                      <a:pos x="T8" y="T9"/>
                    </a:cxn>
                    <a:cxn ang="T71">
                      <a:pos x="T10" y="T11"/>
                    </a:cxn>
                    <a:cxn ang="T72">
                      <a:pos x="T12" y="T13"/>
                    </a:cxn>
                    <a:cxn ang="T73">
                      <a:pos x="T14" y="T15"/>
                    </a:cxn>
                    <a:cxn ang="T74">
                      <a:pos x="T16" y="T17"/>
                    </a:cxn>
                    <a:cxn ang="T75">
                      <a:pos x="T18" y="T19"/>
                    </a:cxn>
                    <a:cxn ang="T76">
                      <a:pos x="T20" y="T21"/>
                    </a:cxn>
                    <a:cxn ang="T77">
                      <a:pos x="T22" y="T23"/>
                    </a:cxn>
                    <a:cxn ang="T78">
                      <a:pos x="T24" y="T25"/>
                    </a:cxn>
                    <a:cxn ang="T79">
                      <a:pos x="T26" y="T27"/>
                    </a:cxn>
                    <a:cxn ang="T80">
                      <a:pos x="T28" y="T29"/>
                    </a:cxn>
                    <a:cxn ang="T81">
                      <a:pos x="T30" y="T31"/>
                    </a:cxn>
                    <a:cxn ang="T82">
                      <a:pos x="T32" y="T33"/>
                    </a:cxn>
                    <a:cxn ang="T83">
                      <a:pos x="T34" y="T35"/>
                    </a:cxn>
                    <a:cxn ang="T84">
                      <a:pos x="T36" y="T37"/>
                    </a:cxn>
                    <a:cxn ang="T85">
                      <a:pos x="T38" y="T39"/>
                    </a:cxn>
                    <a:cxn ang="T86">
                      <a:pos x="T40" y="T41"/>
                    </a:cxn>
                    <a:cxn ang="T87">
                      <a:pos x="T42" y="T43"/>
                    </a:cxn>
                    <a:cxn ang="T88">
                      <a:pos x="T44" y="T45"/>
                    </a:cxn>
                    <a:cxn ang="T89">
                      <a:pos x="T46" y="T47"/>
                    </a:cxn>
                    <a:cxn ang="T90">
                      <a:pos x="T48" y="T49"/>
                    </a:cxn>
                    <a:cxn ang="T91">
                      <a:pos x="T50" y="T51"/>
                    </a:cxn>
                    <a:cxn ang="T92">
                      <a:pos x="T52" y="T53"/>
                    </a:cxn>
                    <a:cxn ang="T93">
                      <a:pos x="T54" y="T55"/>
                    </a:cxn>
                    <a:cxn ang="T94">
                      <a:pos x="T56" y="T57"/>
                    </a:cxn>
                    <a:cxn ang="T95">
                      <a:pos x="T58" y="T59"/>
                    </a:cxn>
                    <a:cxn ang="T96">
                      <a:pos x="T60" y="T61"/>
                    </a:cxn>
                    <a:cxn ang="T97">
                      <a:pos x="T62" y="T63"/>
                    </a:cxn>
                    <a:cxn ang="T98">
                      <a:pos x="T64" y="T65"/>
                    </a:cxn>
                  </a:cxnLst>
                  <a:rect l="T99" t="T100" r="T101" b="T102"/>
                  <a:pathLst>
                    <a:path w="16384" h="16384">
                      <a:moveTo>
                        <a:pt x="16384" y="12674"/>
                      </a:moveTo>
                      <a:lnTo>
                        <a:pt x="14860" y="12674"/>
                      </a:lnTo>
                      <a:lnTo>
                        <a:pt x="14098" y="14220"/>
                      </a:lnTo>
                      <a:lnTo>
                        <a:pt x="12574" y="14838"/>
                      </a:lnTo>
                      <a:lnTo>
                        <a:pt x="11431" y="15457"/>
                      </a:lnTo>
                      <a:lnTo>
                        <a:pt x="11050" y="16384"/>
                      </a:lnTo>
                      <a:lnTo>
                        <a:pt x="9907" y="16384"/>
                      </a:lnTo>
                      <a:lnTo>
                        <a:pt x="9526" y="15147"/>
                      </a:lnTo>
                      <a:lnTo>
                        <a:pt x="8383" y="14838"/>
                      </a:lnTo>
                      <a:lnTo>
                        <a:pt x="6858" y="14529"/>
                      </a:lnTo>
                      <a:lnTo>
                        <a:pt x="6477" y="13911"/>
                      </a:lnTo>
                      <a:lnTo>
                        <a:pt x="5715" y="11747"/>
                      </a:lnTo>
                      <a:lnTo>
                        <a:pt x="4572" y="9583"/>
                      </a:lnTo>
                      <a:lnTo>
                        <a:pt x="4191" y="7419"/>
                      </a:lnTo>
                      <a:lnTo>
                        <a:pt x="3810" y="6183"/>
                      </a:lnTo>
                      <a:lnTo>
                        <a:pt x="2286" y="5255"/>
                      </a:lnTo>
                      <a:lnTo>
                        <a:pt x="1143" y="4637"/>
                      </a:lnTo>
                      <a:lnTo>
                        <a:pt x="0" y="3091"/>
                      </a:lnTo>
                      <a:lnTo>
                        <a:pt x="1143" y="1855"/>
                      </a:lnTo>
                      <a:lnTo>
                        <a:pt x="1524" y="927"/>
                      </a:lnTo>
                      <a:lnTo>
                        <a:pt x="1524" y="0"/>
                      </a:lnTo>
                      <a:lnTo>
                        <a:pt x="3048" y="309"/>
                      </a:lnTo>
                      <a:lnTo>
                        <a:pt x="4572" y="618"/>
                      </a:lnTo>
                      <a:lnTo>
                        <a:pt x="6477" y="1855"/>
                      </a:lnTo>
                      <a:lnTo>
                        <a:pt x="8001" y="2473"/>
                      </a:lnTo>
                      <a:lnTo>
                        <a:pt x="10288" y="3400"/>
                      </a:lnTo>
                      <a:lnTo>
                        <a:pt x="11812" y="4328"/>
                      </a:lnTo>
                      <a:lnTo>
                        <a:pt x="12955" y="6183"/>
                      </a:lnTo>
                      <a:lnTo>
                        <a:pt x="12955" y="7728"/>
                      </a:lnTo>
                      <a:lnTo>
                        <a:pt x="13336" y="9274"/>
                      </a:lnTo>
                      <a:lnTo>
                        <a:pt x="14860" y="10510"/>
                      </a:lnTo>
                      <a:lnTo>
                        <a:pt x="16003" y="12056"/>
                      </a:lnTo>
                      <a:lnTo>
                        <a:pt x="16384" y="12674"/>
                      </a:lnTo>
                      <a:close/>
                    </a:path>
                  </a:pathLst>
                </a:custGeom>
                <a:solidFill>
                  <a:srgbClr val="D9D9D9"/>
                </a:solidFill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</xdr:spPr>
            </xdr:sp>
            <xdr:sp macro="" textlink="">
              <xdr:nvSpPr>
                <xdr:cNvPr id="149579" name="d14382"/>
                <xdr:cNvSpPr>
                  <a:spLocks/>
                </xdr:cNvSpPr>
              </xdr:nvSpPr>
              <xdr:spPr bwMode="auto">
                <a:xfrm>
                  <a:off x="13030200" y="15049500"/>
                  <a:ext cx="1695450" cy="1581150"/>
                </a:xfrm>
                <a:custGeom>
                  <a:avLst/>
                  <a:gdLst>
                    <a:gd name="T0" fmla="*/ 2147483646 w 178"/>
                    <a:gd name="T1" fmla="*/ 2147483646 h 166"/>
                    <a:gd name="T2" fmla="*/ 2147483646 w 178"/>
                    <a:gd name="T3" fmla="*/ 2147483646 h 166"/>
                    <a:gd name="T4" fmla="*/ 2147483646 w 178"/>
                    <a:gd name="T5" fmla="*/ 2147483646 h 166"/>
                    <a:gd name="T6" fmla="*/ 2147483646 w 178"/>
                    <a:gd name="T7" fmla="*/ 2147483646 h 166"/>
                    <a:gd name="T8" fmla="*/ 2147483646 w 178"/>
                    <a:gd name="T9" fmla="*/ 2147483646 h 166"/>
                    <a:gd name="T10" fmla="*/ 2147483646 w 178"/>
                    <a:gd name="T11" fmla="*/ 2147483646 h 166"/>
                    <a:gd name="T12" fmla="*/ 2147483646 w 178"/>
                    <a:gd name="T13" fmla="*/ 2147483646 h 166"/>
                    <a:gd name="T14" fmla="*/ 2147483646 w 178"/>
                    <a:gd name="T15" fmla="*/ 2147483646 h 166"/>
                    <a:gd name="T16" fmla="*/ 2147483646 w 178"/>
                    <a:gd name="T17" fmla="*/ 2147483646 h 166"/>
                    <a:gd name="T18" fmla="*/ 2147483646 w 178"/>
                    <a:gd name="T19" fmla="*/ 2147483646 h 166"/>
                    <a:gd name="T20" fmla="*/ 2147483646 w 178"/>
                    <a:gd name="T21" fmla="*/ 2147483646 h 166"/>
                    <a:gd name="T22" fmla="*/ 2147483646 w 178"/>
                    <a:gd name="T23" fmla="*/ 2147483646 h 166"/>
                    <a:gd name="T24" fmla="*/ 0 w 178"/>
                    <a:gd name="T25" fmla="*/ 2147483646 h 166"/>
                    <a:gd name="T26" fmla="*/ 2147483646 w 178"/>
                    <a:gd name="T27" fmla="*/ 2147483646 h 166"/>
                    <a:gd name="T28" fmla="*/ 2147483646 w 178"/>
                    <a:gd name="T29" fmla="*/ 2147483646 h 166"/>
                    <a:gd name="T30" fmla="*/ 2147483646 w 178"/>
                    <a:gd name="T31" fmla="*/ 2147483646 h 166"/>
                    <a:gd name="T32" fmla="*/ 2147483646 w 178"/>
                    <a:gd name="T33" fmla="*/ 2147483646 h 166"/>
                    <a:gd name="T34" fmla="*/ 2147483646 w 178"/>
                    <a:gd name="T35" fmla="*/ 0 h 166"/>
                    <a:gd name="T36" fmla="*/ 2147483646 w 178"/>
                    <a:gd name="T37" fmla="*/ 2147483646 h 166"/>
                    <a:gd name="T38" fmla="*/ 2147483646 w 178"/>
                    <a:gd name="T39" fmla="*/ 2147483646 h 166"/>
                    <a:gd name="T40" fmla="*/ 2147483646 w 178"/>
                    <a:gd name="T41" fmla="*/ 2147483646 h 166"/>
                    <a:gd name="T42" fmla="*/ 2147483646 w 178"/>
                    <a:gd name="T43" fmla="*/ 2147483646 h 166"/>
                    <a:gd name="T44" fmla="*/ 2147483646 w 178"/>
                    <a:gd name="T45" fmla="*/ 2147483646 h 166"/>
                    <a:gd name="T46" fmla="*/ 2147483646 w 178"/>
                    <a:gd name="T47" fmla="*/ 2147483646 h 166"/>
                    <a:gd name="T48" fmla="*/ 2147483646 w 178"/>
                    <a:gd name="T49" fmla="*/ 2147483646 h 166"/>
                    <a:gd name="T50" fmla="*/ 2147483646 w 178"/>
                    <a:gd name="T51" fmla="*/ 2147483646 h 166"/>
                    <a:gd name="T52" fmla="*/ 2147483646 w 178"/>
                    <a:gd name="T53" fmla="*/ 2147483646 h 166"/>
                    <a:gd name="T54" fmla="*/ 2147483646 w 178"/>
                    <a:gd name="T55" fmla="*/ 2147483646 h 166"/>
                    <a:gd name="T56" fmla="*/ 2147483646 w 178"/>
                    <a:gd name="T57" fmla="*/ 2147483646 h 166"/>
                    <a:gd name="T58" fmla="*/ 2147483646 w 178"/>
                    <a:gd name="T59" fmla="*/ 2147483646 h 166"/>
                    <a:gd name="T60" fmla="*/ 2147483646 w 178"/>
                    <a:gd name="T61" fmla="*/ 2147483646 h 166"/>
                    <a:gd name="T62" fmla="*/ 2147483646 w 178"/>
                    <a:gd name="T63" fmla="*/ 2147483646 h 166"/>
                    <a:gd name="T64" fmla="*/ 2147483646 w 178"/>
                    <a:gd name="T65" fmla="*/ 2147483646 h 166"/>
                    <a:gd name="T66" fmla="*/ 2147483646 w 178"/>
                    <a:gd name="T67" fmla="*/ 2147483646 h 166"/>
                    <a:gd name="T68" fmla="*/ 2147483646 w 178"/>
                    <a:gd name="T69" fmla="*/ 2147483646 h 166"/>
                    <a:gd name="T70" fmla="*/ 2147483646 w 178"/>
                    <a:gd name="T71" fmla="*/ 2147483646 h 166"/>
                    <a:gd name="T72" fmla="*/ 2147483646 w 178"/>
                    <a:gd name="T73" fmla="*/ 2147483646 h 166"/>
                    <a:gd name="T74" fmla="*/ 2147483646 w 178"/>
                    <a:gd name="T75" fmla="*/ 2147483646 h 166"/>
                    <a:gd name="T76" fmla="*/ 2147483646 w 178"/>
                    <a:gd name="T77" fmla="*/ 2147483646 h 166"/>
                    <a:gd name="T78" fmla="*/ 2147483646 w 178"/>
                    <a:gd name="T79" fmla="*/ 2147483646 h 166"/>
                    <a:gd name="T80" fmla="*/ 2147483646 w 178"/>
                    <a:gd name="T81" fmla="*/ 2147483646 h 166"/>
                    <a:gd name="T82" fmla="*/ 2147483646 w 178"/>
                    <a:gd name="T83" fmla="*/ 2147483646 h 166"/>
                    <a:gd name="T84" fmla="*/ 2147483646 w 178"/>
                    <a:gd name="T85" fmla="*/ 2147483646 h 166"/>
                    <a:gd name="T86" fmla="*/ 2147483646 w 178"/>
                    <a:gd name="T87" fmla="*/ 2147483646 h 166"/>
                    <a:gd name="T88" fmla="*/ 2147483646 w 178"/>
                    <a:gd name="T89" fmla="*/ 2147483646 h 166"/>
                    <a:gd name="T90" fmla="*/ 2147483646 w 178"/>
                    <a:gd name="T91" fmla="*/ 2147483646 h 166"/>
                    <a:gd name="T92" fmla="*/ 2147483646 w 178"/>
                    <a:gd name="T93" fmla="*/ 2147483646 h 166"/>
                    <a:gd name="T94" fmla="*/ 2147483646 w 178"/>
                    <a:gd name="T95" fmla="*/ 2147483646 h 166"/>
                    <a:gd name="T96" fmla="*/ 2147483646 w 178"/>
                    <a:gd name="T97" fmla="*/ 2147483646 h 166"/>
                    <a:gd name="T98" fmla="*/ 2147483646 w 178"/>
                    <a:gd name="T99" fmla="*/ 2147483646 h 166"/>
                    <a:gd name="T100" fmla="*/ 2147483646 w 178"/>
                    <a:gd name="T101" fmla="*/ 2147483646 h 166"/>
                    <a:gd name="T102" fmla="*/ 2147483646 w 178"/>
                    <a:gd name="T103" fmla="*/ 2147483646 h 166"/>
                    <a:gd name="T104" fmla="*/ 2147483646 w 178"/>
                    <a:gd name="T105" fmla="*/ 2147483646 h 166"/>
                    <a:gd name="T106" fmla="*/ 2147483646 w 178"/>
                    <a:gd name="T107" fmla="*/ 2147483646 h 166"/>
                    <a:gd name="T108" fmla="*/ 2147483646 w 178"/>
                    <a:gd name="T109" fmla="*/ 2147483646 h 166"/>
                    <a:gd name="T110" fmla="*/ 2147483646 w 178"/>
                    <a:gd name="T111" fmla="*/ 2147483646 h 166"/>
                    <a:gd name="T112" fmla="*/ 2147483646 w 178"/>
                    <a:gd name="T113" fmla="*/ 2147483646 h 166"/>
                    <a:gd name="T114" fmla="*/ 2147483646 w 178"/>
                    <a:gd name="T115" fmla="*/ 2147483646 h 166"/>
                    <a:gd name="T116" fmla="*/ 2147483646 w 178"/>
                    <a:gd name="T117" fmla="*/ 2147483646 h 166"/>
                    <a:gd name="T118" fmla="*/ 2147483646 w 178"/>
                    <a:gd name="T119" fmla="*/ 2147483646 h 166"/>
                    <a:gd name="T120" fmla="*/ 2147483646 w 178"/>
                    <a:gd name="T121" fmla="*/ 2147483646 h 166"/>
                    <a:gd name="T122" fmla="*/ 2147483646 w 178"/>
                    <a:gd name="T123" fmla="*/ 2147483646 h 166"/>
                    <a:gd name="T124" fmla="*/ 2147483646 w 178"/>
                    <a:gd name="T125" fmla="*/ 2147483646 h 166"/>
                    <a:gd name="T126" fmla="*/ 0 60000 65536"/>
                    <a:gd name="T127" fmla="*/ 0 60000 65536"/>
                    <a:gd name="T128" fmla="*/ 0 60000 65536"/>
                    <a:gd name="T129" fmla="*/ 0 60000 65536"/>
                    <a:gd name="T130" fmla="*/ 0 60000 65536"/>
                    <a:gd name="T131" fmla="*/ 0 60000 65536"/>
                    <a:gd name="T132" fmla="*/ 0 60000 65536"/>
                    <a:gd name="T133" fmla="*/ 0 60000 65536"/>
                    <a:gd name="T134" fmla="*/ 0 60000 65536"/>
                    <a:gd name="T135" fmla="*/ 0 60000 65536"/>
                    <a:gd name="T136" fmla="*/ 0 60000 65536"/>
                    <a:gd name="T137" fmla="*/ 0 60000 65536"/>
                    <a:gd name="T138" fmla="*/ 0 60000 65536"/>
                    <a:gd name="T139" fmla="*/ 0 60000 65536"/>
                    <a:gd name="T140" fmla="*/ 0 60000 65536"/>
                    <a:gd name="T141" fmla="*/ 0 60000 65536"/>
                    <a:gd name="T142" fmla="*/ 0 60000 65536"/>
                    <a:gd name="T143" fmla="*/ 0 60000 65536"/>
                    <a:gd name="T144" fmla="*/ 0 60000 65536"/>
                    <a:gd name="T145" fmla="*/ 0 60000 65536"/>
                    <a:gd name="T146" fmla="*/ 0 60000 65536"/>
                    <a:gd name="T147" fmla="*/ 0 60000 65536"/>
                    <a:gd name="T148" fmla="*/ 0 60000 65536"/>
                    <a:gd name="T149" fmla="*/ 0 60000 65536"/>
                    <a:gd name="T150" fmla="*/ 0 60000 65536"/>
                    <a:gd name="T151" fmla="*/ 0 60000 65536"/>
                    <a:gd name="T152" fmla="*/ 0 60000 65536"/>
                    <a:gd name="T153" fmla="*/ 0 60000 65536"/>
                    <a:gd name="T154" fmla="*/ 0 60000 65536"/>
                    <a:gd name="T155" fmla="*/ 0 60000 65536"/>
                    <a:gd name="T156" fmla="*/ 0 60000 65536"/>
                    <a:gd name="T157" fmla="*/ 0 60000 65536"/>
                    <a:gd name="T158" fmla="*/ 0 60000 65536"/>
                    <a:gd name="T159" fmla="*/ 0 60000 65536"/>
                    <a:gd name="T160" fmla="*/ 0 60000 65536"/>
                    <a:gd name="T161" fmla="*/ 0 60000 65536"/>
                    <a:gd name="T162" fmla="*/ 0 60000 65536"/>
                    <a:gd name="T163" fmla="*/ 0 60000 65536"/>
                    <a:gd name="T164" fmla="*/ 0 60000 65536"/>
                    <a:gd name="T165" fmla="*/ 0 60000 65536"/>
                    <a:gd name="T166" fmla="*/ 0 60000 65536"/>
                    <a:gd name="T167" fmla="*/ 0 60000 65536"/>
                    <a:gd name="T168" fmla="*/ 0 60000 65536"/>
                    <a:gd name="T169" fmla="*/ 0 60000 65536"/>
                    <a:gd name="T170" fmla="*/ 0 60000 65536"/>
                    <a:gd name="T171" fmla="*/ 0 60000 65536"/>
                    <a:gd name="T172" fmla="*/ 0 60000 65536"/>
                    <a:gd name="T173" fmla="*/ 0 60000 65536"/>
                    <a:gd name="T174" fmla="*/ 0 60000 65536"/>
                    <a:gd name="T175" fmla="*/ 0 60000 65536"/>
                    <a:gd name="T176" fmla="*/ 0 60000 65536"/>
                    <a:gd name="T177" fmla="*/ 0 60000 65536"/>
                    <a:gd name="T178" fmla="*/ 0 60000 65536"/>
                    <a:gd name="T179" fmla="*/ 0 60000 65536"/>
                    <a:gd name="T180" fmla="*/ 0 60000 65536"/>
                    <a:gd name="T181" fmla="*/ 0 60000 65536"/>
                    <a:gd name="T182" fmla="*/ 0 60000 65536"/>
                    <a:gd name="T183" fmla="*/ 0 60000 65536"/>
                    <a:gd name="T184" fmla="*/ 0 60000 65536"/>
                    <a:gd name="T185" fmla="*/ 0 60000 65536"/>
                    <a:gd name="T186" fmla="*/ 0 60000 65536"/>
                    <a:gd name="T187" fmla="*/ 0 60000 65536"/>
                    <a:gd name="T188" fmla="*/ 0 60000 65536"/>
                    <a:gd name="T189" fmla="*/ 0 w 178"/>
                    <a:gd name="T190" fmla="*/ 0 h 166"/>
                    <a:gd name="T191" fmla="*/ 178 w 178"/>
                    <a:gd name="T192" fmla="*/ 166 h 166"/>
                  </a:gdLst>
                  <a:ahLst/>
                  <a:cxnLst>
                    <a:cxn ang="T126">
                      <a:pos x="T0" y="T1"/>
                    </a:cxn>
                    <a:cxn ang="T127">
                      <a:pos x="T2" y="T3"/>
                    </a:cxn>
                    <a:cxn ang="T128">
                      <a:pos x="T4" y="T5"/>
                    </a:cxn>
                    <a:cxn ang="T129">
                      <a:pos x="T6" y="T7"/>
                    </a:cxn>
                    <a:cxn ang="T130">
                      <a:pos x="T8" y="T9"/>
                    </a:cxn>
                    <a:cxn ang="T131">
                      <a:pos x="T10" y="T11"/>
                    </a:cxn>
                    <a:cxn ang="T132">
                      <a:pos x="T12" y="T13"/>
                    </a:cxn>
                    <a:cxn ang="T133">
                      <a:pos x="T14" y="T15"/>
                    </a:cxn>
                    <a:cxn ang="T134">
                      <a:pos x="T16" y="T17"/>
                    </a:cxn>
                    <a:cxn ang="T135">
                      <a:pos x="T18" y="T19"/>
                    </a:cxn>
                    <a:cxn ang="T136">
                      <a:pos x="T20" y="T21"/>
                    </a:cxn>
                    <a:cxn ang="T137">
                      <a:pos x="T22" y="T23"/>
                    </a:cxn>
                    <a:cxn ang="T138">
                      <a:pos x="T24" y="T25"/>
                    </a:cxn>
                    <a:cxn ang="T139">
                      <a:pos x="T26" y="T27"/>
                    </a:cxn>
                    <a:cxn ang="T140">
                      <a:pos x="T28" y="T29"/>
                    </a:cxn>
                    <a:cxn ang="T141">
                      <a:pos x="T30" y="T31"/>
                    </a:cxn>
                    <a:cxn ang="T142">
                      <a:pos x="T32" y="T33"/>
                    </a:cxn>
                    <a:cxn ang="T143">
                      <a:pos x="T34" y="T35"/>
                    </a:cxn>
                    <a:cxn ang="T144">
                      <a:pos x="T36" y="T37"/>
                    </a:cxn>
                    <a:cxn ang="T145">
                      <a:pos x="T38" y="T39"/>
                    </a:cxn>
                    <a:cxn ang="T146">
                      <a:pos x="T40" y="T41"/>
                    </a:cxn>
                    <a:cxn ang="T147">
                      <a:pos x="T42" y="T43"/>
                    </a:cxn>
                    <a:cxn ang="T148">
                      <a:pos x="T44" y="T45"/>
                    </a:cxn>
                    <a:cxn ang="T149">
                      <a:pos x="T46" y="T47"/>
                    </a:cxn>
                    <a:cxn ang="T150">
                      <a:pos x="T48" y="T49"/>
                    </a:cxn>
                    <a:cxn ang="T151">
                      <a:pos x="T50" y="T51"/>
                    </a:cxn>
                    <a:cxn ang="T152">
                      <a:pos x="T52" y="T53"/>
                    </a:cxn>
                    <a:cxn ang="T153">
                      <a:pos x="T54" y="T55"/>
                    </a:cxn>
                    <a:cxn ang="T154">
                      <a:pos x="T56" y="T57"/>
                    </a:cxn>
                    <a:cxn ang="T155">
                      <a:pos x="T58" y="T59"/>
                    </a:cxn>
                    <a:cxn ang="T156">
                      <a:pos x="T60" y="T61"/>
                    </a:cxn>
                    <a:cxn ang="T157">
                      <a:pos x="T62" y="T63"/>
                    </a:cxn>
                    <a:cxn ang="T158">
                      <a:pos x="T64" y="T65"/>
                    </a:cxn>
                    <a:cxn ang="T159">
                      <a:pos x="T66" y="T67"/>
                    </a:cxn>
                    <a:cxn ang="T160">
                      <a:pos x="T68" y="T69"/>
                    </a:cxn>
                    <a:cxn ang="T161">
                      <a:pos x="T70" y="T71"/>
                    </a:cxn>
                    <a:cxn ang="T162">
                      <a:pos x="T72" y="T73"/>
                    </a:cxn>
                    <a:cxn ang="T163">
                      <a:pos x="T74" y="T75"/>
                    </a:cxn>
                    <a:cxn ang="T164">
                      <a:pos x="T76" y="T77"/>
                    </a:cxn>
                    <a:cxn ang="T165">
                      <a:pos x="T78" y="T79"/>
                    </a:cxn>
                    <a:cxn ang="T166">
                      <a:pos x="T80" y="T81"/>
                    </a:cxn>
                    <a:cxn ang="T167">
                      <a:pos x="T82" y="T83"/>
                    </a:cxn>
                    <a:cxn ang="T168">
                      <a:pos x="T84" y="T85"/>
                    </a:cxn>
                    <a:cxn ang="T169">
                      <a:pos x="T86" y="T87"/>
                    </a:cxn>
                    <a:cxn ang="T170">
                      <a:pos x="T88" y="T89"/>
                    </a:cxn>
                    <a:cxn ang="T171">
                      <a:pos x="T90" y="T91"/>
                    </a:cxn>
                    <a:cxn ang="T172">
                      <a:pos x="T92" y="T93"/>
                    </a:cxn>
                    <a:cxn ang="T173">
                      <a:pos x="T94" y="T95"/>
                    </a:cxn>
                    <a:cxn ang="T174">
                      <a:pos x="T96" y="T97"/>
                    </a:cxn>
                    <a:cxn ang="T175">
                      <a:pos x="T98" y="T99"/>
                    </a:cxn>
                    <a:cxn ang="T176">
                      <a:pos x="T100" y="T101"/>
                    </a:cxn>
                    <a:cxn ang="T177">
                      <a:pos x="T102" y="T103"/>
                    </a:cxn>
                    <a:cxn ang="T178">
                      <a:pos x="T104" y="T105"/>
                    </a:cxn>
                    <a:cxn ang="T179">
                      <a:pos x="T106" y="T107"/>
                    </a:cxn>
                    <a:cxn ang="T180">
                      <a:pos x="T108" y="T109"/>
                    </a:cxn>
                    <a:cxn ang="T181">
                      <a:pos x="T110" y="T111"/>
                    </a:cxn>
                    <a:cxn ang="T182">
                      <a:pos x="T112" y="T113"/>
                    </a:cxn>
                    <a:cxn ang="T183">
                      <a:pos x="T114" y="T115"/>
                    </a:cxn>
                    <a:cxn ang="T184">
                      <a:pos x="T116" y="T117"/>
                    </a:cxn>
                    <a:cxn ang="T185">
                      <a:pos x="T118" y="T119"/>
                    </a:cxn>
                    <a:cxn ang="T186">
                      <a:pos x="T120" y="T121"/>
                    </a:cxn>
                    <a:cxn ang="T187">
                      <a:pos x="T122" y="T123"/>
                    </a:cxn>
                    <a:cxn ang="T188">
                      <a:pos x="T124" y="T125"/>
                    </a:cxn>
                  </a:cxnLst>
                  <a:rect l="T189" t="T190" r="T191" b="T192"/>
                  <a:pathLst>
                    <a:path w="178" h="166">
                      <a:moveTo>
                        <a:pt x="63" y="166"/>
                      </a:moveTo>
                      <a:lnTo>
                        <a:pt x="51" y="156"/>
                      </a:lnTo>
                      <a:lnTo>
                        <a:pt x="48" y="155"/>
                      </a:lnTo>
                      <a:lnTo>
                        <a:pt x="47" y="156"/>
                      </a:lnTo>
                      <a:lnTo>
                        <a:pt x="42" y="153"/>
                      </a:lnTo>
                      <a:lnTo>
                        <a:pt x="36" y="146"/>
                      </a:lnTo>
                      <a:lnTo>
                        <a:pt x="35" y="146"/>
                      </a:lnTo>
                      <a:lnTo>
                        <a:pt x="31" y="138"/>
                      </a:lnTo>
                      <a:lnTo>
                        <a:pt x="28" y="137"/>
                      </a:lnTo>
                      <a:lnTo>
                        <a:pt x="23" y="131"/>
                      </a:lnTo>
                      <a:lnTo>
                        <a:pt x="19" y="128"/>
                      </a:lnTo>
                      <a:lnTo>
                        <a:pt x="18" y="124"/>
                      </a:lnTo>
                      <a:lnTo>
                        <a:pt x="18" y="118"/>
                      </a:lnTo>
                      <a:lnTo>
                        <a:pt x="17" y="113"/>
                      </a:lnTo>
                      <a:lnTo>
                        <a:pt x="13" y="107"/>
                      </a:lnTo>
                      <a:lnTo>
                        <a:pt x="12" y="104"/>
                      </a:lnTo>
                      <a:lnTo>
                        <a:pt x="12" y="99"/>
                      </a:lnTo>
                      <a:lnTo>
                        <a:pt x="8" y="88"/>
                      </a:lnTo>
                      <a:lnTo>
                        <a:pt x="9" y="84"/>
                      </a:lnTo>
                      <a:lnTo>
                        <a:pt x="6" y="79"/>
                      </a:lnTo>
                      <a:lnTo>
                        <a:pt x="6" y="72"/>
                      </a:lnTo>
                      <a:lnTo>
                        <a:pt x="3" y="71"/>
                      </a:lnTo>
                      <a:lnTo>
                        <a:pt x="2" y="66"/>
                      </a:lnTo>
                      <a:lnTo>
                        <a:pt x="1" y="58"/>
                      </a:lnTo>
                      <a:lnTo>
                        <a:pt x="3" y="53"/>
                      </a:lnTo>
                      <a:lnTo>
                        <a:pt x="0" y="47"/>
                      </a:lnTo>
                      <a:lnTo>
                        <a:pt x="1" y="41"/>
                      </a:lnTo>
                      <a:lnTo>
                        <a:pt x="5" y="34"/>
                      </a:lnTo>
                      <a:lnTo>
                        <a:pt x="10" y="29"/>
                      </a:lnTo>
                      <a:lnTo>
                        <a:pt x="12" y="24"/>
                      </a:lnTo>
                      <a:lnTo>
                        <a:pt x="16" y="17"/>
                      </a:lnTo>
                      <a:lnTo>
                        <a:pt x="22" y="12"/>
                      </a:lnTo>
                      <a:lnTo>
                        <a:pt x="25" y="8"/>
                      </a:lnTo>
                      <a:lnTo>
                        <a:pt x="26" y="5"/>
                      </a:lnTo>
                      <a:lnTo>
                        <a:pt x="31" y="3"/>
                      </a:lnTo>
                      <a:lnTo>
                        <a:pt x="38" y="0"/>
                      </a:lnTo>
                      <a:lnTo>
                        <a:pt x="43" y="4"/>
                      </a:lnTo>
                      <a:lnTo>
                        <a:pt x="46" y="8"/>
                      </a:lnTo>
                      <a:lnTo>
                        <a:pt x="46" y="10"/>
                      </a:lnTo>
                      <a:lnTo>
                        <a:pt x="48" y="12"/>
                      </a:lnTo>
                      <a:lnTo>
                        <a:pt x="52" y="12"/>
                      </a:lnTo>
                      <a:lnTo>
                        <a:pt x="53" y="14"/>
                      </a:lnTo>
                      <a:lnTo>
                        <a:pt x="53" y="16"/>
                      </a:lnTo>
                      <a:lnTo>
                        <a:pt x="56" y="15"/>
                      </a:lnTo>
                      <a:lnTo>
                        <a:pt x="60" y="15"/>
                      </a:lnTo>
                      <a:lnTo>
                        <a:pt x="65" y="18"/>
                      </a:lnTo>
                      <a:lnTo>
                        <a:pt x="67" y="20"/>
                      </a:lnTo>
                      <a:lnTo>
                        <a:pt x="70" y="22"/>
                      </a:lnTo>
                      <a:lnTo>
                        <a:pt x="73" y="21"/>
                      </a:lnTo>
                      <a:lnTo>
                        <a:pt x="77" y="19"/>
                      </a:lnTo>
                      <a:lnTo>
                        <a:pt x="79" y="17"/>
                      </a:lnTo>
                      <a:lnTo>
                        <a:pt x="83" y="16"/>
                      </a:lnTo>
                      <a:lnTo>
                        <a:pt x="85" y="14"/>
                      </a:lnTo>
                      <a:lnTo>
                        <a:pt x="90" y="12"/>
                      </a:lnTo>
                      <a:lnTo>
                        <a:pt x="94" y="13"/>
                      </a:lnTo>
                      <a:lnTo>
                        <a:pt x="94" y="17"/>
                      </a:lnTo>
                      <a:lnTo>
                        <a:pt x="106" y="27"/>
                      </a:lnTo>
                      <a:lnTo>
                        <a:pt x="106" y="30"/>
                      </a:lnTo>
                      <a:lnTo>
                        <a:pt x="107" y="33"/>
                      </a:lnTo>
                      <a:lnTo>
                        <a:pt x="110" y="37"/>
                      </a:lnTo>
                      <a:lnTo>
                        <a:pt x="111" y="42"/>
                      </a:lnTo>
                      <a:lnTo>
                        <a:pt x="111" y="47"/>
                      </a:lnTo>
                      <a:lnTo>
                        <a:pt x="112" y="49"/>
                      </a:lnTo>
                      <a:lnTo>
                        <a:pt x="115" y="50"/>
                      </a:lnTo>
                      <a:lnTo>
                        <a:pt x="114" y="54"/>
                      </a:lnTo>
                      <a:lnTo>
                        <a:pt x="110" y="55"/>
                      </a:lnTo>
                      <a:lnTo>
                        <a:pt x="106" y="59"/>
                      </a:lnTo>
                      <a:lnTo>
                        <a:pt x="106" y="62"/>
                      </a:lnTo>
                      <a:lnTo>
                        <a:pt x="107" y="64"/>
                      </a:lnTo>
                      <a:lnTo>
                        <a:pt x="110" y="64"/>
                      </a:lnTo>
                      <a:lnTo>
                        <a:pt x="114" y="71"/>
                      </a:lnTo>
                      <a:lnTo>
                        <a:pt x="116" y="71"/>
                      </a:lnTo>
                      <a:lnTo>
                        <a:pt x="119" y="68"/>
                      </a:lnTo>
                      <a:lnTo>
                        <a:pt x="121" y="69"/>
                      </a:lnTo>
                      <a:lnTo>
                        <a:pt x="124" y="72"/>
                      </a:lnTo>
                      <a:lnTo>
                        <a:pt x="127" y="76"/>
                      </a:lnTo>
                      <a:lnTo>
                        <a:pt x="132" y="79"/>
                      </a:lnTo>
                      <a:lnTo>
                        <a:pt x="135" y="78"/>
                      </a:lnTo>
                      <a:lnTo>
                        <a:pt x="142" y="75"/>
                      </a:lnTo>
                      <a:lnTo>
                        <a:pt x="142" y="73"/>
                      </a:lnTo>
                      <a:lnTo>
                        <a:pt x="143" y="69"/>
                      </a:lnTo>
                      <a:lnTo>
                        <a:pt x="146" y="67"/>
                      </a:lnTo>
                      <a:lnTo>
                        <a:pt x="149" y="68"/>
                      </a:lnTo>
                      <a:lnTo>
                        <a:pt x="151" y="70"/>
                      </a:lnTo>
                      <a:lnTo>
                        <a:pt x="154" y="73"/>
                      </a:lnTo>
                      <a:lnTo>
                        <a:pt x="156" y="73"/>
                      </a:lnTo>
                      <a:lnTo>
                        <a:pt x="160" y="73"/>
                      </a:lnTo>
                      <a:lnTo>
                        <a:pt x="164" y="74"/>
                      </a:lnTo>
                      <a:lnTo>
                        <a:pt x="168" y="75"/>
                      </a:lnTo>
                      <a:lnTo>
                        <a:pt x="177" y="72"/>
                      </a:lnTo>
                      <a:lnTo>
                        <a:pt x="178" y="74"/>
                      </a:lnTo>
                      <a:lnTo>
                        <a:pt x="177" y="79"/>
                      </a:lnTo>
                      <a:lnTo>
                        <a:pt x="173" y="81"/>
                      </a:lnTo>
                      <a:lnTo>
                        <a:pt x="172" y="84"/>
                      </a:lnTo>
                      <a:lnTo>
                        <a:pt x="172" y="87"/>
                      </a:lnTo>
                      <a:lnTo>
                        <a:pt x="172" y="90"/>
                      </a:lnTo>
                      <a:lnTo>
                        <a:pt x="168" y="93"/>
                      </a:lnTo>
                      <a:lnTo>
                        <a:pt x="163" y="92"/>
                      </a:lnTo>
                      <a:lnTo>
                        <a:pt x="158" y="93"/>
                      </a:lnTo>
                      <a:lnTo>
                        <a:pt x="156" y="95"/>
                      </a:lnTo>
                      <a:lnTo>
                        <a:pt x="152" y="95"/>
                      </a:lnTo>
                      <a:lnTo>
                        <a:pt x="147" y="99"/>
                      </a:lnTo>
                      <a:lnTo>
                        <a:pt x="143" y="101"/>
                      </a:lnTo>
                      <a:lnTo>
                        <a:pt x="140" y="105"/>
                      </a:lnTo>
                      <a:lnTo>
                        <a:pt x="137" y="107"/>
                      </a:lnTo>
                      <a:lnTo>
                        <a:pt x="134" y="110"/>
                      </a:lnTo>
                      <a:lnTo>
                        <a:pt x="135" y="113"/>
                      </a:lnTo>
                      <a:lnTo>
                        <a:pt x="134" y="118"/>
                      </a:lnTo>
                      <a:lnTo>
                        <a:pt x="131" y="122"/>
                      </a:lnTo>
                      <a:lnTo>
                        <a:pt x="130" y="128"/>
                      </a:lnTo>
                      <a:lnTo>
                        <a:pt x="126" y="130"/>
                      </a:lnTo>
                      <a:lnTo>
                        <a:pt x="122" y="129"/>
                      </a:lnTo>
                      <a:lnTo>
                        <a:pt x="118" y="133"/>
                      </a:lnTo>
                      <a:lnTo>
                        <a:pt x="115" y="136"/>
                      </a:lnTo>
                      <a:lnTo>
                        <a:pt x="111" y="137"/>
                      </a:lnTo>
                      <a:lnTo>
                        <a:pt x="107" y="143"/>
                      </a:lnTo>
                      <a:lnTo>
                        <a:pt x="100" y="145"/>
                      </a:lnTo>
                      <a:lnTo>
                        <a:pt x="92" y="148"/>
                      </a:lnTo>
                      <a:lnTo>
                        <a:pt x="88" y="153"/>
                      </a:lnTo>
                      <a:lnTo>
                        <a:pt x="87" y="157"/>
                      </a:lnTo>
                      <a:lnTo>
                        <a:pt x="85" y="160"/>
                      </a:lnTo>
                      <a:lnTo>
                        <a:pt x="83" y="160"/>
                      </a:lnTo>
                      <a:lnTo>
                        <a:pt x="80" y="164"/>
                      </a:lnTo>
                      <a:lnTo>
                        <a:pt x="75" y="165"/>
                      </a:lnTo>
                      <a:lnTo>
                        <a:pt x="69" y="164"/>
                      </a:lnTo>
                      <a:lnTo>
                        <a:pt x="63" y="166"/>
                      </a:lnTo>
                    </a:path>
                  </a:pathLst>
                </a:custGeom>
                <a:solidFill>
                  <a:srgbClr val="D9D9D9"/>
                </a:solidFill>
                <a:ln w="9525" cap="flat">
                  <a:solidFill>
                    <a:srgbClr val="000000"/>
                  </a:solidFill>
                  <a:prstDash val="solid"/>
                  <a:round/>
                  <a:headEnd/>
                  <a:tailEnd/>
                </a:ln>
              </xdr:spPr>
            </xdr:sp>
            <xdr:grpSp>
              <xdr:nvGrpSpPr>
                <xdr:cNvPr id="149580" name="Group 60"/>
                <xdr:cNvGrpSpPr>
                  <a:grpSpLocks/>
                </xdr:cNvGrpSpPr>
              </xdr:nvGrpSpPr>
              <xdr:grpSpPr bwMode="auto">
                <a:xfrm>
                  <a:off x="13144500" y="10487025"/>
                  <a:ext cx="3419475" cy="5972175"/>
                  <a:chOff x="132" y="187"/>
                  <a:chExt cx="359" cy="627"/>
                </a:xfrm>
              </xdr:grpSpPr>
              <xdr:sp macro="" textlink="">
                <xdr:nvSpPr>
                  <xdr:cNvPr id="149595" name="Freeform 61"/>
                  <xdr:cNvSpPr>
                    <a:spLocks/>
                  </xdr:cNvSpPr>
                </xdr:nvSpPr>
                <xdr:spPr bwMode="auto">
                  <a:xfrm>
                    <a:off x="355" y="187"/>
                    <a:ext cx="32" cy="27"/>
                  </a:xfrm>
                  <a:custGeom>
                    <a:avLst/>
                    <a:gdLst>
                      <a:gd name="T0" fmla="*/ 20 w 32"/>
                      <a:gd name="T1" fmla="*/ 9 h 27"/>
                      <a:gd name="T2" fmla="*/ 16 w 32"/>
                      <a:gd name="T3" fmla="*/ 6 h 27"/>
                      <a:gd name="T4" fmla="*/ 16 w 32"/>
                      <a:gd name="T5" fmla="*/ 4 h 27"/>
                      <a:gd name="T6" fmla="*/ 16 w 32"/>
                      <a:gd name="T7" fmla="*/ 1 h 27"/>
                      <a:gd name="T8" fmla="*/ 10 w 32"/>
                      <a:gd name="T9" fmla="*/ 1 h 27"/>
                      <a:gd name="T10" fmla="*/ 4 w 32"/>
                      <a:gd name="T11" fmla="*/ 1 h 27"/>
                      <a:gd name="T12" fmla="*/ 0 w 32"/>
                      <a:gd name="T13" fmla="*/ 9 h 27"/>
                      <a:gd name="T14" fmla="*/ 1 w 32"/>
                      <a:gd name="T15" fmla="*/ 14 h 27"/>
                      <a:gd name="T16" fmla="*/ 9 w 32"/>
                      <a:gd name="T17" fmla="*/ 12 h 27"/>
                      <a:gd name="T18" fmla="*/ 11 w 32"/>
                      <a:gd name="T19" fmla="*/ 11 h 27"/>
                      <a:gd name="T20" fmla="*/ 14 w 32"/>
                      <a:gd name="T21" fmla="*/ 17 h 27"/>
                      <a:gd name="T22" fmla="*/ 13 w 32"/>
                      <a:gd name="T23" fmla="*/ 21 h 27"/>
                      <a:gd name="T24" fmla="*/ 20 w 32"/>
                      <a:gd name="T25" fmla="*/ 21 h 27"/>
                      <a:gd name="T26" fmla="*/ 26 w 32"/>
                      <a:gd name="T27" fmla="*/ 21 h 27"/>
                      <a:gd name="T28" fmla="*/ 29 w 32"/>
                      <a:gd name="T29" fmla="*/ 26 h 27"/>
                      <a:gd name="T30" fmla="*/ 31 w 32"/>
                      <a:gd name="T31" fmla="*/ 25 h 27"/>
                      <a:gd name="T32" fmla="*/ 28 w 32"/>
                      <a:gd name="T33" fmla="*/ 16 h 27"/>
                      <a:gd name="T34" fmla="*/ 31 w 32"/>
                      <a:gd name="T35" fmla="*/ 13 h 27"/>
                      <a:gd name="T36" fmla="*/ 32 w 32"/>
                      <a:gd name="T37" fmla="*/ 11 h 27"/>
                      <a:gd name="T38" fmla="*/ 28 w 32"/>
                      <a:gd name="T39" fmla="*/ 10 h 27"/>
                      <a:gd name="T40" fmla="*/ 20 w 32"/>
                      <a:gd name="T41" fmla="*/ 9 h 27"/>
                      <a:gd name="T42" fmla="*/ 0 60000 65536"/>
                      <a:gd name="T43" fmla="*/ 0 60000 65536"/>
                      <a:gd name="T44" fmla="*/ 0 60000 65536"/>
                      <a:gd name="T45" fmla="*/ 0 60000 65536"/>
                      <a:gd name="T46" fmla="*/ 0 60000 65536"/>
                      <a:gd name="T47" fmla="*/ 0 60000 65536"/>
                      <a:gd name="T48" fmla="*/ 0 60000 65536"/>
                      <a:gd name="T49" fmla="*/ 0 60000 65536"/>
                      <a:gd name="T50" fmla="*/ 0 60000 65536"/>
                      <a:gd name="T51" fmla="*/ 0 60000 65536"/>
                      <a:gd name="T52" fmla="*/ 0 60000 65536"/>
                      <a:gd name="T53" fmla="*/ 0 60000 65536"/>
                      <a:gd name="T54" fmla="*/ 0 60000 65536"/>
                      <a:gd name="T55" fmla="*/ 0 60000 65536"/>
                      <a:gd name="T56" fmla="*/ 0 60000 65536"/>
                      <a:gd name="T57" fmla="*/ 0 60000 65536"/>
                      <a:gd name="T58" fmla="*/ 0 60000 65536"/>
                      <a:gd name="T59" fmla="*/ 0 60000 65536"/>
                      <a:gd name="T60" fmla="*/ 0 60000 65536"/>
                      <a:gd name="T61" fmla="*/ 0 60000 65536"/>
                      <a:gd name="T62" fmla="*/ 0 60000 65536"/>
                      <a:gd name="T63" fmla="*/ 0 w 32"/>
                      <a:gd name="T64" fmla="*/ 0 h 27"/>
                      <a:gd name="T65" fmla="*/ 32 w 32"/>
                      <a:gd name="T66" fmla="*/ 27 h 27"/>
                    </a:gdLst>
                    <a:ahLst/>
                    <a:cxnLst>
                      <a:cxn ang="T42">
                        <a:pos x="T0" y="T1"/>
                      </a:cxn>
                      <a:cxn ang="T43">
                        <a:pos x="T2" y="T3"/>
                      </a:cxn>
                      <a:cxn ang="T44">
                        <a:pos x="T4" y="T5"/>
                      </a:cxn>
                      <a:cxn ang="T45">
                        <a:pos x="T6" y="T7"/>
                      </a:cxn>
                      <a:cxn ang="T46">
                        <a:pos x="T8" y="T9"/>
                      </a:cxn>
                      <a:cxn ang="T47">
                        <a:pos x="T10" y="T11"/>
                      </a:cxn>
                      <a:cxn ang="T48">
                        <a:pos x="T12" y="T13"/>
                      </a:cxn>
                      <a:cxn ang="T49">
                        <a:pos x="T14" y="T15"/>
                      </a:cxn>
                      <a:cxn ang="T50">
                        <a:pos x="T16" y="T17"/>
                      </a:cxn>
                      <a:cxn ang="T51">
                        <a:pos x="T18" y="T19"/>
                      </a:cxn>
                      <a:cxn ang="T52">
                        <a:pos x="T20" y="T21"/>
                      </a:cxn>
                      <a:cxn ang="T53">
                        <a:pos x="T22" y="T23"/>
                      </a:cxn>
                      <a:cxn ang="T54">
                        <a:pos x="T24" y="T25"/>
                      </a:cxn>
                      <a:cxn ang="T55">
                        <a:pos x="T26" y="T27"/>
                      </a:cxn>
                      <a:cxn ang="T56">
                        <a:pos x="T28" y="T29"/>
                      </a:cxn>
                      <a:cxn ang="T57">
                        <a:pos x="T30" y="T31"/>
                      </a:cxn>
                      <a:cxn ang="T58">
                        <a:pos x="T32" y="T33"/>
                      </a:cxn>
                      <a:cxn ang="T59">
                        <a:pos x="T34" y="T35"/>
                      </a:cxn>
                      <a:cxn ang="T60">
                        <a:pos x="T36" y="T37"/>
                      </a:cxn>
                      <a:cxn ang="T61">
                        <a:pos x="T38" y="T39"/>
                      </a:cxn>
                      <a:cxn ang="T62">
                        <a:pos x="T40" y="T41"/>
                      </a:cxn>
                    </a:cxnLst>
                    <a:rect l="T63" t="T64" r="T65" b="T66"/>
                    <a:pathLst>
                      <a:path w="32" h="27">
                        <a:moveTo>
                          <a:pt x="20" y="9"/>
                        </a:moveTo>
                        <a:cubicBezTo>
                          <a:pt x="18" y="8"/>
                          <a:pt x="17" y="7"/>
                          <a:pt x="16" y="6"/>
                        </a:cubicBezTo>
                        <a:cubicBezTo>
                          <a:pt x="15" y="5"/>
                          <a:pt x="16" y="5"/>
                          <a:pt x="16" y="4"/>
                        </a:cubicBezTo>
                        <a:cubicBezTo>
                          <a:pt x="16" y="3"/>
                          <a:pt x="17" y="1"/>
                          <a:pt x="16" y="1"/>
                        </a:cubicBezTo>
                        <a:cubicBezTo>
                          <a:pt x="15" y="1"/>
                          <a:pt x="12" y="1"/>
                          <a:pt x="10" y="1"/>
                        </a:cubicBezTo>
                        <a:cubicBezTo>
                          <a:pt x="8" y="1"/>
                          <a:pt x="6" y="0"/>
                          <a:pt x="4" y="1"/>
                        </a:cubicBezTo>
                        <a:cubicBezTo>
                          <a:pt x="2" y="2"/>
                          <a:pt x="0" y="7"/>
                          <a:pt x="0" y="9"/>
                        </a:cubicBezTo>
                        <a:cubicBezTo>
                          <a:pt x="0" y="11"/>
                          <a:pt x="0" y="14"/>
                          <a:pt x="1" y="14"/>
                        </a:cubicBezTo>
                        <a:cubicBezTo>
                          <a:pt x="2" y="14"/>
                          <a:pt x="7" y="13"/>
                          <a:pt x="9" y="12"/>
                        </a:cubicBezTo>
                        <a:cubicBezTo>
                          <a:pt x="11" y="11"/>
                          <a:pt x="10" y="10"/>
                          <a:pt x="11" y="11"/>
                        </a:cubicBezTo>
                        <a:cubicBezTo>
                          <a:pt x="12" y="12"/>
                          <a:pt x="14" y="15"/>
                          <a:pt x="14" y="17"/>
                        </a:cubicBezTo>
                        <a:cubicBezTo>
                          <a:pt x="14" y="19"/>
                          <a:pt x="12" y="20"/>
                          <a:pt x="13" y="21"/>
                        </a:cubicBezTo>
                        <a:cubicBezTo>
                          <a:pt x="14" y="22"/>
                          <a:pt x="18" y="21"/>
                          <a:pt x="20" y="21"/>
                        </a:cubicBezTo>
                        <a:cubicBezTo>
                          <a:pt x="22" y="21"/>
                          <a:pt x="25" y="20"/>
                          <a:pt x="26" y="21"/>
                        </a:cubicBezTo>
                        <a:cubicBezTo>
                          <a:pt x="27" y="22"/>
                          <a:pt x="28" y="25"/>
                          <a:pt x="29" y="26"/>
                        </a:cubicBezTo>
                        <a:cubicBezTo>
                          <a:pt x="30" y="27"/>
                          <a:pt x="31" y="27"/>
                          <a:pt x="31" y="25"/>
                        </a:cubicBezTo>
                        <a:cubicBezTo>
                          <a:pt x="31" y="23"/>
                          <a:pt x="28" y="18"/>
                          <a:pt x="28" y="16"/>
                        </a:cubicBezTo>
                        <a:cubicBezTo>
                          <a:pt x="28" y="14"/>
                          <a:pt x="30" y="14"/>
                          <a:pt x="31" y="13"/>
                        </a:cubicBezTo>
                        <a:cubicBezTo>
                          <a:pt x="32" y="12"/>
                          <a:pt x="32" y="11"/>
                          <a:pt x="32" y="11"/>
                        </a:cubicBezTo>
                        <a:cubicBezTo>
                          <a:pt x="32" y="11"/>
                          <a:pt x="30" y="10"/>
                          <a:pt x="28" y="10"/>
                        </a:cubicBezTo>
                        <a:cubicBezTo>
                          <a:pt x="26" y="10"/>
                          <a:pt x="22" y="10"/>
                          <a:pt x="20" y="9"/>
                        </a:cubicBezTo>
                        <a:close/>
                      </a:path>
                    </a:pathLst>
                  </a:custGeom>
                  <a:solidFill>
                    <a:srgbClr val="FFFFFF"/>
                  </a:solidFill>
                  <a:ln w="9525">
                    <a:solidFill>
                      <a:srgbClr val="000000"/>
                    </a:solidFill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96" name="Freeform 62"/>
                  <xdr:cNvSpPr>
                    <a:spLocks/>
                  </xdr:cNvSpPr>
                </xdr:nvSpPr>
                <xdr:spPr bwMode="auto">
                  <a:xfrm>
                    <a:off x="436" y="216"/>
                    <a:ext cx="55" cy="26"/>
                  </a:xfrm>
                  <a:custGeom>
                    <a:avLst/>
                    <a:gdLst>
                      <a:gd name="T0" fmla="*/ 37 w 55"/>
                      <a:gd name="T1" fmla="*/ 10 h 26"/>
                      <a:gd name="T2" fmla="*/ 41 w 55"/>
                      <a:gd name="T3" fmla="*/ 9 h 26"/>
                      <a:gd name="T4" fmla="*/ 45 w 55"/>
                      <a:gd name="T5" fmla="*/ 9 h 26"/>
                      <a:gd name="T6" fmla="*/ 47 w 55"/>
                      <a:gd name="T7" fmla="*/ 10 h 26"/>
                      <a:gd name="T8" fmla="*/ 42 w 55"/>
                      <a:gd name="T9" fmla="*/ 14 h 26"/>
                      <a:gd name="T10" fmla="*/ 50 w 55"/>
                      <a:gd name="T11" fmla="*/ 18 h 26"/>
                      <a:gd name="T12" fmla="*/ 53 w 55"/>
                      <a:gd name="T13" fmla="*/ 20 h 26"/>
                      <a:gd name="T14" fmla="*/ 53 w 55"/>
                      <a:gd name="T15" fmla="*/ 23 h 26"/>
                      <a:gd name="T16" fmla="*/ 40 w 55"/>
                      <a:gd name="T17" fmla="*/ 24 h 26"/>
                      <a:gd name="T18" fmla="*/ 36 w 55"/>
                      <a:gd name="T19" fmla="*/ 21 h 26"/>
                      <a:gd name="T20" fmla="*/ 31 w 55"/>
                      <a:gd name="T21" fmla="*/ 25 h 26"/>
                      <a:gd name="T22" fmla="*/ 23 w 55"/>
                      <a:gd name="T23" fmla="*/ 25 h 26"/>
                      <a:gd name="T24" fmla="*/ 21 w 55"/>
                      <a:gd name="T25" fmla="*/ 20 h 26"/>
                      <a:gd name="T26" fmla="*/ 17 w 55"/>
                      <a:gd name="T27" fmla="*/ 19 h 26"/>
                      <a:gd name="T28" fmla="*/ 16 w 55"/>
                      <a:gd name="T29" fmla="*/ 14 h 26"/>
                      <a:gd name="T30" fmla="*/ 13 w 55"/>
                      <a:gd name="T31" fmla="*/ 15 h 26"/>
                      <a:gd name="T32" fmla="*/ 10 w 55"/>
                      <a:gd name="T33" fmla="*/ 8 h 26"/>
                      <a:gd name="T34" fmla="*/ 9 w 55"/>
                      <a:gd name="T35" fmla="*/ 6 h 26"/>
                      <a:gd name="T36" fmla="*/ 5 w 55"/>
                      <a:gd name="T37" fmla="*/ 6 h 26"/>
                      <a:gd name="T38" fmla="*/ 3 w 55"/>
                      <a:gd name="T39" fmla="*/ 10 h 26"/>
                      <a:gd name="T40" fmla="*/ 0 w 55"/>
                      <a:gd name="T41" fmla="*/ 9 h 26"/>
                      <a:gd name="T42" fmla="*/ 2 w 55"/>
                      <a:gd name="T43" fmla="*/ 2 h 26"/>
                      <a:gd name="T44" fmla="*/ 9 w 55"/>
                      <a:gd name="T45" fmla="*/ 1 h 26"/>
                      <a:gd name="T46" fmla="*/ 16 w 55"/>
                      <a:gd name="T47" fmla="*/ 6 h 26"/>
                      <a:gd name="T48" fmla="*/ 22 w 55"/>
                      <a:gd name="T49" fmla="*/ 10 h 26"/>
                      <a:gd name="T50" fmla="*/ 24 w 55"/>
                      <a:gd name="T51" fmla="*/ 13 h 26"/>
                      <a:gd name="T52" fmla="*/ 26 w 55"/>
                      <a:gd name="T53" fmla="*/ 16 h 26"/>
                      <a:gd name="T54" fmla="*/ 32 w 55"/>
                      <a:gd name="T55" fmla="*/ 18 h 26"/>
                      <a:gd name="T56" fmla="*/ 34 w 55"/>
                      <a:gd name="T57" fmla="*/ 12 h 26"/>
                      <a:gd name="T58" fmla="*/ 37 w 55"/>
                      <a:gd name="T59" fmla="*/ 10 h 26"/>
                      <a:gd name="T60" fmla="*/ 0 60000 65536"/>
                      <a:gd name="T61" fmla="*/ 0 60000 65536"/>
                      <a:gd name="T62" fmla="*/ 0 60000 65536"/>
                      <a:gd name="T63" fmla="*/ 0 60000 65536"/>
                      <a:gd name="T64" fmla="*/ 0 60000 65536"/>
                      <a:gd name="T65" fmla="*/ 0 60000 65536"/>
                      <a:gd name="T66" fmla="*/ 0 60000 65536"/>
                      <a:gd name="T67" fmla="*/ 0 60000 65536"/>
                      <a:gd name="T68" fmla="*/ 0 60000 65536"/>
                      <a:gd name="T69" fmla="*/ 0 60000 65536"/>
                      <a:gd name="T70" fmla="*/ 0 60000 65536"/>
                      <a:gd name="T71" fmla="*/ 0 60000 65536"/>
                      <a:gd name="T72" fmla="*/ 0 60000 65536"/>
                      <a:gd name="T73" fmla="*/ 0 60000 65536"/>
                      <a:gd name="T74" fmla="*/ 0 60000 65536"/>
                      <a:gd name="T75" fmla="*/ 0 60000 65536"/>
                      <a:gd name="T76" fmla="*/ 0 60000 65536"/>
                      <a:gd name="T77" fmla="*/ 0 60000 65536"/>
                      <a:gd name="T78" fmla="*/ 0 60000 65536"/>
                      <a:gd name="T79" fmla="*/ 0 60000 65536"/>
                      <a:gd name="T80" fmla="*/ 0 60000 65536"/>
                      <a:gd name="T81" fmla="*/ 0 60000 65536"/>
                      <a:gd name="T82" fmla="*/ 0 60000 65536"/>
                      <a:gd name="T83" fmla="*/ 0 60000 65536"/>
                      <a:gd name="T84" fmla="*/ 0 60000 65536"/>
                      <a:gd name="T85" fmla="*/ 0 60000 65536"/>
                      <a:gd name="T86" fmla="*/ 0 60000 65536"/>
                      <a:gd name="T87" fmla="*/ 0 60000 65536"/>
                      <a:gd name="T88" fmla="*/ 0 60000 65536"/>
                      <a:gd name="T89" fmla="*/ 0 60000 65536"/>
                      <a:gd name="T90" fmla="*/ 0 w 55"/>
                      <a:gd name="T91" fmla="*/ 0 h 26"/>
                      <a:gd name="T92" fmla="*/ 55 w 55"/>
                      <a:gd name="T93" fmla="*/ 26 h 26"/>
                    </a:gdLst>
                    <a:ahLst/>
                    <a:cxnLst>
                      <a:cxn ang="T60">
                        <a:pos x="T0" y="T1"/>
                      </a:cxn>
                      <a:cxn ang="T61">
                        <a:pos x="T2" y="T3"/>
                      </a:cxn>
                      <a:cxn ang="T62">
                        <a:pos x="T4" y="T5"/>
                      </a:cxn>
                      <a:cxn ang="T63">
                        <a:pos x="T6" y="T7"/>
                      </a:cxn>
                      <a:cxn ang="T64">
                        <a:pos x="T8" y="T9"/>
                      </a:cxn>
                      <a:cxn ang="T65">
                        <a:pos x="T10" y="T11"/>
                      </a:cxn>
                      <a:cxn ang="T66">
                        <a:pos x="T12" y="T13"/>
                      </a:cxn>
                      <a:cxn ang="T67">
                        <a:pos x="T14" y="T15"/>
                      </a:cxn>
                      <a:cxn ang="T68">
                        <a:pos x="T16" y="T17"/>
                      </a:cxn>
                      <a:cxn ang="T69">
                        <a:pos x="T18" y="T19"/>
                      </a:cxn>
                      <a:cxn ang="T70">
                        <a:pos x="T20" y="T21"/>
                      </a:cxn>
                      <a:cxn ang="T71">
                        <a:pos x="T22" y="T23"/>
                      </a:cxn>
                      <a:cxn ang="T72">
                        <a:pos x="T24" y="T25"/>
                      </a:cxn>
                      <a:cxn ang="T73">
                        <a:pos x="T26" y="T27"/>
                      </a:cxn>
                      <a:cxn ang="T74">
                        <a:pos x="T28" y="T29"/>
                      </a:cxn>
                      <a:cxn ang="T75">
                        <a:pos x="T30" y="T31"/>
                      </a:cxn>
                      <a:cxn ang="T76">
                        <a:pos x="T32" y="T33"/>
                      </a:cxn>
                      <a:cxn ang="T77">
                        <a:pos x="T34" y="T35"/>
                      </a:cxn>
                      <a:cxn ang="T78">
                        <a:pos x="T36" y="T37"/>
                      </a:cxn>
                      <a:cxn ang="T79">
                        <a:pos x="T38" y="T39"/>
                      </a:cxn>
                      <a:cxn ang="T80">
                        <a:pos x="T40" y="T41"/>
                      </a:cxn>
                      <a:cxn ang="T81">
                        <a:pos x="T42" y="T43"/>
                      </a:cxn>
                      <a:cxn ang="T82">
                        <a:pos x="T44" y="T45"/>
                      </a:cxn>
                      <a:cxn ang="T83">
                        <a:pos x="T46" y="T47"/>
                      </a:cxn>
                      <a:cxn ang="T84">
                        <a:pos x="T48" y="T49"/>
                      </a:cxn>
                      <a:cxn ang="T85">
                        <a:pos x="T50" y="T51"/>
                      </a:cxn>
                      <a:cxn ang="T86">
                        <a:pos x="T52" y="T53"/>
                      </a:cxn>
                      <a:cxn ang="T87">
                        <a:pos x="T54" y="T55"/>
                      </a:cxn>
                      <a:cxn ang="T88">
                        <a:pos x="T56" y="T57"/>
                      </a:cxn>
                      <a:cxn ang="T89">
                        <a:pos x="T58" y="T59"/>
                      </a:cxn>
                    </a:cxnLst>
                    <a:rect l="T90" t="T91" r="T92" b="T93"/>
                    <a:pathLst>
                      <a:path w="55" h="26">
                        <a:moveTo>
                          <a:pt x="37" y="10"/>
                        </a:moveTo>
                        <a:cubicBezTo>
                          <a:pt x="38" y="10"/>
                          <a:pt x="40" y="9"/>
                          <a:pt x="41" y="9"/>
                        </a:cubicBezTo>
                        <a:cubicBezTo>
                          <a:pt x="42" y="9"/>
                          <a:pt x="44" y="9"/>
                          <a:pt x="45" y="9"/>
                        </a:cubicBezTo>
                        <a:cubicBezTo>
                          <a:pt x="46" y="9"/>
                          <a:pt x="47" y="9"/>
                          <a:pt x="47" y="10"/>
                        </a:cubicBezTo>
                        <a:cubicBezTo>
                          <a:pt x="47" y="11"/>
                          <a:pt x="42" y="13"/>
                          <a:pt x="42" y="14"/>
                        </a:cubicBezTo>
                        <a:cubicBezTo>
                          <a:pt x="42" y="15"/>
                          <a:pt x="48" y="17"/>
                          <a:pt x="50" y="18"/>
                        </a:cubicBezTo>
                        <a:cubicBezTo>
                          <a:pt x="52" y="19"/>
                          <a:pt x="53" y="19"/>
                          <a:pt x="53" y="20"/>
                        </a:cubicBezTo>
                        <a:cubicBezTo>
                          <a:pt x="53" y="21"/>
                          <a:pt x="55" y="22"/>
                          <a:pt x="53" y="23"/>
                        </a:cubicBezTo>
                        <a:cubicBezTo>
                          <a:pt x="51" y="24"/>
                          <a:pt x="43" y="24"/>
                          <a:pt x="40" y="24"/>
                        </a:cubicBezTo>
                        <a:cubicBezTo>
                          <a:pt x="37" y="24"/>
                          <a:pt x="37" y="21"/>
                          <a:pt x="36" y="21"/>
                        </a:cubicBezTo>
                        <a:cubicBezTo>
                          <a:pt x="35" y="21"/>
                          <a:pt x="33" y="24"/>
                          <a:pt x="31" y="25"/>
                        </a:cubicBezTo>
                        <a:cubicBezTo>
                          <a:pt x="29" y="26"/>
                          <a:pt x="25" y="26"/>
                          <a:pt x="23" y="25"/>
                        </a:cubicBezTo>
                        <a:cubicBezTo>
                          <a:pt x="21" y="24"/>
                          <a:pt x="22" y="21"/>
                          <a:pt x="21" y="20"/>
                        </a:cubicBezTo>
                        <a:cubicBezTo>
                          <a:pt x="20" y="19"/>
                          <a:pt x="18" y="20"/>
                          <a:pt x="17" y="19"/>
                        </a:cubicBezTo>
                        <a:cubicBezTo>
                          <a:pt x="16" y="18"/>
                          <a:pt x="17" y="15"/>
                          <a:pt x="16" y="14"/>
                        </a:cubicBezTo>
                        <a:cubicBezTo>
                          <a:pt x="15" y="13"/>
                          <a:pt x="14" y="16"/>
                          <a:pt x="13" y="15"/>
                        </a:cubicBezTo>
                        <a:cubicBezTo>
                          <a:pt x="12" y="14"/>
                          <a:pt x="11" y="9"/>
                          <a:pt x="10" y="8"/>
                        </a:cubicBezTo>
                        <a:cubicBezTo>
                          <a:pt x="9" y="7"/>
                          <a:pt x="10" y="6"/>
                          <a:pt x="9" y="6"/>
                        </a:cubicBezTo>
                        <a:cubicBezTo>
                          <a:pt x="8" y="6"/>
                          <a:pt x="6" y="5"/>
                          <a:pt x="5" y="6"/>
                        </a:cubicBezTo>
                        <a:cubicBezTo>
                          <a:pt x="4" y="7"/>
                          <a:pt x="4" y="10"/>
                          <a:pt x="3" y="10"/>
                        </a:cubicBezTo>
                        <a:cubicBezTo>
                          <a:pt x="2" y="10"/>
                          <a:pt x="0" y="10"/>
                          <a:pt x="0" y="9"/>
                        </a:cubicBezTo>
                        <a:cubicBezTo>
                          <a:pt x="0" y="8"/>
                          <a:pt x="1" y="3"/>
                          <a:pt x="2" y="2"/>
                        </a:cubicBezTo>
                        <a:cubicBezTo>
                          <a:pt x="3" y="1"/>
                          <a:pt x="7" y="0"/>
                          <a:pt x="9" y="1"/>
                        </a:cubicBezTo>
                        <a:cubicBezTo>
                          <a:pt x="11" y="2"/>
                          <a:pt x="14" y="5"/>
                          <a:pt x="16" y="6"/>
                        </a:cubicBezTo>
                        <a:cubicBezTo>
                          <a:pt x="18" y="7"/>
                          <a:pt x="21" y="9"/>
                          <a:pt x="22" y="10"/>
                        </a:cubicBezTo>
                        <a:cubicBezTo>
                          <a:pt x="23" y="11"/>
                          <a:pt x="23" y="12"/>
                          <a:pt x="24" y="13"/>
                        </a:cubicBezTo>
                        <a:cubicBezTo>
                          <a:pt x="25" y="14"/>
                          <a:pt x="25" y="15"/>
                          <a:pt x="26" y="16"/>
                        </a:cubicBezTo>
                        <a:cubicBezTo>
                          <a:pt x="27" y="17"/>
                          <a:pt x="31" y="19"/>
                          <a:pt x="32" y="18"/>
                        </a:cubicBezTo>
                        <a:cubicBezTo>
                          <a:pt x="33" y="17"/>
                          <a:pt x="33" y="13"/>
                          <a:pt x="34" y="12"/>
                        </a:cubicBezTo>
                        <a:cubicBezTo>
                          <a:pt x="35" y="11"/>
                          <a:pt x="36" y="10"/>
                          <a:pt x="37" y="10"/>
                        </a:cubicBezTo>
                        <a:close/>
                      </a:path>
                    </a:pathLst>
                  </a:custGeom>
                  <a:solidFill>
                    <a:srgbClr val="FFFFFF"/>
                  </a:solidFill>
                  <a:ln w="9525">
                    <a:solidFill>
                      <a:srgbClr val="000000"/>
                    </a:solidFill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97" name="Freeform 63"/>
                  <xdr:cNvSpPr>
                    <a:spLocks/>
                  </xdr:cNvSpPr>
                </xdr:nvSpPr>
                <xdr:spPr bwMode="auto">
                  <a:xfrm>
                    <a:off x="171" y="483"/>
                    <a:ext cx="46" cy="21"/>
                  </a:xfrm>
                  <a:custGeom>
                    <a:avLst/>
                    <a:gdLst>
                      <a:gd name="T0" fmla="*/ 0 w 46"/>
                      <a:gd name="T1" fmla="*/ 11 h 21"/>
                      <a:gd name="T2" fmla="*/ 6 w 46"/>
                      <a:gd name="T3" fmla="*/ 3 h 21"/>
                      <a:gd name="T4" fmla="*/ 18 w 46"/>
                      <a:gd name="T5" fmla="*/ 3 h 21"/>
                      <a:gd name="T6" fmla="*/ 24 w 46"/>
                      <a:gd name="T7" fmla="*/ 7 h 21"/>
                      <a:gd name="T8" fmla="*/ 28 w 46"/>
                      <a:gd name="T9" fmla="*/ 12 h 21"/>
                      <a:gd name="T10" fmla="*/ 32 w 46"/>
                      <a:gd name="T11" fmla="*/ 13 h 21"/>
                      <a:gd name="T12" fmla="*/ 30 w 46"/>
                      <a:gd name="T13" fmla="*/ 5 h 21"/>
                      <a:gd name="T14" fmla="*/ 31 w 46"/>
                      <a:gd name="T15" fmla="*/ 0 h 21"/>
                      <a:gd name="T16" fmla="*/ 35 w 46"/>
                      <a:gd name="T17" fmla="*/ 6 h 21"/>
                      <a:gd name="T18" fmla="*/ 39 w 46"/>
                      <a:gd name="T19" fmla="*/ 9 h 21"/>
                      <a:gd name="T20" fmla="*/ 46 w 46"/>
                      <a:gd name="T21" fmla="*/ 11 h 21"/>
                      <a:gd name="T22" fmla="*/ 37 w 46"/>
                      <a:gd name="T23" fmla="*/ 17 h 21"/>
                      <a:gd name="T24" fmla="*/ 33 w 46"/>
                      <a:gd name="T25" fmla="*/ 17 h 21"/>
                      <a:gd name="T26" fmla="*/ 29 w 46"/>
                      <a:gd name="T27" fmla="*/ 21 h 21"/>
                      <a:gd name="T28" fmla="*/ 23 w 46"/>
                      <a:gd name="T29" fmla="*/ 15 h 21"/>
                      <a:gd name="T30" fmla="*/ 18 w 46"/>
                      <a:gd name="T31" fmla="*/ 11 h 21"/>
                      <a:gd name="T32" fmla="*/ 5 w 46"/>
                      <a:gd name="T33" fmla="*/ 10 h 21"/>
                      <a:gd name="T34" fmla="*/ 0 w 46"/>
                      <a:gd name="T35" fmla="*/ 11 h 21"/>
                      <a:gd name="T36" fmla="*/ 0 60000 65536"/>
                      <a:gd name="T37" fmla="*/ 0 60000 65536"/>
                      <a:gd name="T38" fmla="*/ 0 60000 65536"/>
                      <a:gd name="T39" fmla="*/ 0 60000 65536"/>
                      <a:gd name="T40" fmla="*/ 0 60000 65536"/>
                      <a:gd name="T41" fmla="*/ 0 60000 65536"/>
                      <a:gd name="T42" fmla="*/ 0 60000 65536"/>
                      <a:gd name="T43" fmla="*/ 0 60000 65536"/>
                      <a:gd name="T44" fmla="*/ 0 60000 65536"/>
                      <a:gd name="T45" fmla="*/ 0 60000 65536"/>
                      <a:gd name="T46" fmla="*/ 0 60000 65536"/>
                      <a:gd name="T47" fmla="*/ 0 60000 65536"/>
                      <a:gd name="T48" fmla="*/ 0 60000 65536"/>
                      <a:gd name="T49" fmla="*/ 0 60000 65536"/>
                      <a:gd name="T50" fmla="*/ 0 60000 65536"/>
                      <a:gd name="T51" fmla="*/ 0 60000 65536"/>
                      <a:gd name="T52" fmla="*/ 0 60000 65536"/>
                      <a:gd name="T53" fmla="*/ 0 60000 65536"/>
                      <a:gd name="T54" fmla="*/ 0 w 46"/>
                      <a:gd name="T55" fmla="*/ 0 h 21"/>
                      <a:gd name="T56" fmla="*/ 46 w 46"/>
                      <a:gd name="T57" fmla="*/ 21 h 21"/>
                    </a:gdLst>
                    <a:ahLst/>
                    <a:cxnLst>
                      <a:cxn ang="T36">
                        <a:pos x="T0" y="T1"/>
                      </a:cxn>
                      <a:cxn ang="T37">
                        <a:pos x="T2" y="T3"/>
                      </a:cxn>
                      <a:cxn ang="T38">
                        <a:pos x="T4" y="T5"/>
                      </a:cxn>
                      <a:cxn ang="T39">
                        <a:pos x="T6" y="T7"/>
                      </a:cxn>
                      <a:cxn ang="T40">
                        <a:pos x="T8" y="T9"/>
                      </a:cxn>
                      <a:cxn ang="T41">
                        <a:pos x="T10" y="T11"/>
                      </a:cxn>
                      <a:cxn ang="T42">
                        <a:pos x="T12" y="T13"/>
                      </a:cxn>
                      <a:cxn ang="T43">
                        <a:pos x="T14" y="T15"/>
                      </a:cxn>
                      <a:cxn ang="T44">
                        <a:pos x="T16" y="T17"/>
                      </a:cxn>
                      <a:cxn ang="T45">
                        <a:pos x="T18" y="T19"/>
                      </a:cxn>
                      <a:cxn ang="T46">
                        <a:pos x="T20" y="T21"/>
                      </a:cxn>
                      <a:cxn ang="T47">
                        <a:pos x="T22" y="T23"/>
                      </a:cxn>
                      <a:cxn ang="T48">
                        <a:pos x="T24" y="T25"/>
                      </a:cxn>
                      <a:cxn ang="T49">
                        <a:pos x="T26" y="T27"/>
                      </a:cxn>
                      <a:cxn ang="T50">
                        <a:pos x="T28" y="T29"/>
                      </a:cxn>
                      <a:cxn ang="T51">
                        <a:pos x="T30" y="T31"/>
                      </a:cxn>
                      <a:cxn ang="T52">
                        <a:pos x="T32" y="T33"/>
                      </a:cxn>
                      <a:cxn ang="T53">
                        <a:pos x="T34" y="T35"/>
                      </a:cxn>
                    </a:cxnLst>
                    <a:rect l="T54" t="T55" r="T56" b="T57"/>
                    <a:pathLst>
                      <a:path w="46" h="21">
                        <a:moveTo>
                          <a:pt x="0" y="11"/>
                        </a:moveTo>
                        <a:cubicBezTo>
                          <a:pt x="0" y="10"/>
                          <a:pt x="3" y="4"/>
                          <a:pt x="6" y="3"/>
                        </a:cubicBezTo>
                        <a:cubicBezTo>
                          <a:pt x="9" y="2"/>
                          <a:pt x="15" y="2"/>
                          <a:pt x="18" y="3"/>
                        </a:cubicBezTo>
                        <a:cubicBezTo>
                          <a:pt x="21" y="4"/>
                          <a:pt x="22" y="6"/>
                          <a:pt x="24" y="7"/>
                        </a:cubicBezTo>
                        <a:cubicBezTo>
                          <a:pt x="26" y="8"/>
                          <a:pt x="27" y="11"/>
                          <a:pt x="28" y="12"/>
                        </a:cubicBezTo>
                        <a:cubicBezTo>
                          <a:pt x="29" y="13"/>
                          <a:pt x="32" y="14"/>
                          <a:pt x="32" y="13"/>
                        </a:cubicBezTo>
                        <a:cubicBezTo>
                          <a:pt x="32" y="12"/>
                          <a:pt x="30" y="7"/>
                          <a:pt x="30" y="5"/>
                        </a:cubicBezTo>
                        <a:cubicBezTo>
                          <a:pt x="30" y="3"/>
                          <a:pt x="30" y="0"/>
                          <a:pt x="31" y="0"/>
                        </a:cubicBezTo>
                        <a:cubicBezTo>
                          <a:pt x="32" y="0"/>
                          <a:pt x="34" y="5"/>
                          <a:pt x="35" y="6"/>
                        </a:cubicBezTo>
                        <a:cubicBezTo>
                          <a:pt x="36" y="7"/>
                          <a:pt x="37" y="8"/>
                          <a:pt x="39" y="9"/>
                        </a:cubicBezTo>
                        <a:cubicBezTo>
                          <a:pt x="41" y="10"/>
                          <a:pt x="46" y="10"/>
                          <a:pt x="46" y="11"/>
                        </a:cubicBezTo>
                        <a:cubicBezTo>
                          <a:pt x="46" y="12"/>
                          <a:pt x="39" y="16"/>
                          <a:pt x="37" y="17"/>
                        </a:cubicBezTo>
                        <a:cubicBezTo>
                          <a:pt x="35" y="18"/>
                          <a:pt x="34" y="16"/>
                          <a:pt x="33" y="17"/>
                        </a:cubicBezTo>
                        <a:cubicBezTo>
                          <a:pt x="32" y="18"/>
                          <a:pt x="31" y="21"/>
                          <a:pt x="29" y="21"/>
                        </a:cubicBezTo>
                        <a:cubicBezTo>
                          <a:pt x="27" y="21"/>
                          <a:pt x="25" y="17"/>
                          <a:pt x="23" y="15"/>
                        </a:cubicBezTo>
                        <a:cubicBezTo>
                          <a:pt x="21" y="13"/>
                          <a:pt x="21" y="12"/>
                          <a:pt x="18" y="11"/>
                        </a:cubicBezTo>
                        <a:cubicBezTo>
                          <a:pt x="15" y="10"/>
                          <a:pt x="8" y="10"/>
                          <a:pt x="5" y="10"/>
                        </a:cubicBezTo>
                        <a:cubicBezTo>
                          <a:pt x="2" y="10"/>
                          <a:pt x="0" y="12"/>
                          <a:pt x="0" y="11"/>
                        </a:cubicBezTo>
                        <a:close/>
                      </a:path>
                    </a:pathLst>
                  </a:custGeom>
                  <a:solidFill>
                    <a:srgbClr val="FFFFFF"/>
                  </a:solidFill>
                  <a:ln w="9525">
                    <a:solidFill>
                      <a:srgbClr val="000000"/>
                    </a:solidFill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98" name="Freeform 65"/>
                  <xdr:cNvSpPr>
                    <a:spLocks/>
                  </xdr:cNvSpPr>
                </xdr:nvSpPr>
                <xdr:spPr bwMode="auto">
                  <a:xfrm>
                    <a:off x="132" y="741"/>
                    <a:ext cx="57" cy="73"/>
                  </a:xfrm>
                  <a:custGeom>
                    <a:avLst/>
                    <a:gdLst>
                      <a:gd name="T0" fmla="*/ 45 w 57"/>
                      <a:gd name="T1" fmla="*/ 73 h 73"/>
                      <a:gd name="T2" fmla="*/ 43 w 57"/>
                      <a:gd name="T3" fmla="*/ 68 h 73"/>
                      <a:gd name="T4" fmla="*/ 35 w 57"/>
                      <a:gd name="T5" fmla="*/ 68 h 73"/>
                      <a:gd name="T6" fmla="*/ 32 w 57"/>
                      <a:gd name="T7" fmla="*/ 72 h 73"/>
                      <a:gd name="T8" fmla="*/ 28 w 57"/>
                      <a:gd name="T9" fmla="*/ 65 h 73"/>
                      <a:gd name="T10" fmla="*/ 28 w 57"/>
                      <a:gd name="T11" fmla="*/ 60 h 73"/>
                      <a:gd name="T12" fmla="*/ 21 w 57"/>
                      <a:gd name="T13" fmla="*/ 57 h 73"/>
                      <a:gd name="T14" fmla="*/ 21 w 57"/>
                      <a:gd name="T15" fmla="*/ 52 h 73"/>
                      <a:gd name="T16" fmla="*/ 15 w 57"/>
                      <a:gd name="T17" fmla="*/ 47 h 73"/>
                      <a:gd name="T18" fmla="*/ 15 w 57"/>
                      <a:gd name="T19" fmla="*/ 42 h 73"/>
                      <a:gd name="T20" fmla="*/ 15 w 57"/>
                      <a:gd name="T21" fmla="*/ 38 h 73"/>
                      <a:gd name="T22" fmla="*/ 16 w 57"/>
                      <a:gd name="T23" fmla="*/ 33 h 73"/>
                      <a:gd name="T24" fmla="*/ 13 w 57"/>
                      <a:gd name="T25" fmla="*/ 28 h 73"/>
                      <a:gd name="T26" fmla="*/ 7 w 57"/>
                      <a:gd name="T27" fmla="*/ 24 h 73"/>
                      <a:gd name="T28" fmla="*/ 7 w 57"/>
                      <a:gd name="T29" fmla="*/ 20 h 73"/>
                      <a:gd name="T30" fmla="*/ 6 w 57"/>
                      <a:gd name="T31" fmla="*/ 16 h 73"/>
                      <a:gd name="T32" fmla="*/ 1 w 57"/>
                      <a:gd name="T33" fmla="*/ 12 h 73"/>
                      <a:gd name="T34" fmla="*/ 0 w 57"/>
                      <a:gd name="T35" fmla="*/ 6 h 73"/>
                      <a:gd name="T36" fmla="*/ 1 w 57"/>
                      <a:gd name="T37" fmla="*/ 2 h 73"/>
                      <a:gd name="T38" fmla="*/ 6 w 57"/>
                      <a:gd name="T39" fmla="*/ 0 h 73"/>
                      <a:gd name="T40" fmla="*/ 10 w 57"/>
                      <a:gd name="T41" fmla="*/ 1 h 73"/>
                      <a:gd name="T42" fmla="*/ 16 w 57"/>
                      <a:gd name="T43" fmla="*/ 5 h 73"/>
                      <a:gd name="T44" fmla="*/ 16 w 57"/>
                      <a:gd name="T45" fmla="*/ 9 h 73"/>
                      <a:gd name="T46" fmla="*/ 17 w 57"/>
                      <a:gd name="T47" fmla="*/ 17 h 73"/>
                      <a:gd name="T48" fmla="*/ 19 w 57"/>
                      <a:gd name="T49" fmla="*/ 24 h 73"/>
                      <a:gd name="T50" fmla="*/ 23 w 57"/>
                      <a:gd name="T51" fmla="*/ 31 h 73"/>
                      <a:gd name="T52" fmla="*/ 27 w 57"/>
                      <a:gd name="T53" fmla="*/ 37 h 73"/>
                      <a:gd name="T54" fmla="*/ 32 w 57"/>
                      <a:gd name="T55" fmla="*/ 41 h 73"/>
                      <a:gd name="T56" fmla="*/ 38 w 57"/>
                      <a:gd name="T57" fmla="*/ 45 h 73"/>
                      <a:gd name="T58" fmla="*/ 44 w 57"/>
                      <a:gd name="T59" fmla="*/ 49 h 73"/>
                      <a:gd name="T60" fmla="*/ 53 w 57"/>
                      <a:gd name="T61" fmla="*/ 53 h 73"/>
                      <a:gd name="T62" fmla="*/ 57 w 57"/>
                      <a:gd name="T63" fmla="*/ 53 h 73"/>
                      <a:gd name="T64" fmla="*/ 56 w 57"/>
                      <a:gd name="T65" fmla="*/ 57 h 73"/>
                      <a:gd name="T66" fmla="*/ 53 w 57"/>
                      <a:gd name="T67" fmla="*/ 61 h 73"/>
                      <a:gd name="T68" fmla="*/ 47 w 57"/>
                      <a:gd name="T69" fmla="*/ 62 h 73"/>
                      <a:gd name="T70" fmla="*/ 51 w 57"/>
                      <a:gd name="T71" fmla="*/ 67 h 73"/>
                      <a:gd name="T72" fmla="*/ 45 w 57"/>
                      <a:gd name="T73" fmla="*/ 73 h 73"/>
                      <a:gd name="T74" fmla="*/ 0 60000 65536"/>
                      <a:gd name="T75" fmla="*/ 0 60000 65536"/>
                      <a:gd name="T76" fmla="*/ 0 60000 65536"/>
                      <a:gd name="T77" fmla="*/ 0 60000 65536"/>
                      <a:gd name="T78" fmla="*/ 0 60000 65536"/>
                      <a:gd name="T79" fmla="*/ 0 60000 65536"/>
                      <a:gd name="T80" fmla="*/ 0 60000 65536"/>
                      <a:gd name="T81" fmla="*/ 0 60000 65536"/>
                      <a:gd name="T82" fmla="*/ 0 60000 65536"/>
                      <a:gd name="T83" fmla="*/ 0 60000 65536"/>
                      <a:gd name="T84" fmla="*/ 0 60000 65536"/>
                      <a:gd name="T85" fmla="*/ 0 60000 65536"/>
                      <a:gd name="T86" fmla="*/ 0 60000 65536"/>
                      <a:gd name="T87" fmla="*/ 0 60000 65536"/>
                      <a:gd name="T88" fmla="*/ 0 60000 65536"/>
                      <a:gd name="T89" fmla="*/ 0 60000 65536"/>
                      <a:gd name="T90" fmla="*/ 0 60000 65536"/>
                      <a:gd name="T91" fmla="*/ 0 60000 65536"/>
                      <a:gd name="T92" fmla="*/ 0 60000 65536"/>
                      <a:gd name="T93" fmla="*/ 0 60000 65536"/>
                      <a:gd name="T94" fmla="*/ 0 60000 65536"/>
                      <a:gd name="T95" fmla="*/ 0 60000 65536"/>
                      <a:gd name="T96" fmla="*/ 0 60000 65536"/>
                      <a:gd name="T97" fmla="*/ 0 60000 65536"/>
                      <a:gd name="T98" fmla="*/ 0 60000 65536"/>
                      <a:gd name="T99" fmla="*/ 0 60000 65536"/>
                      <a:gd name="T100" fmla="*/ 0 60000 65536"/>
                      <a:gd name="T101" fmla="*/ 0 60000 65536"/>
                      <a:gd name="T102" fmla="*/ 0 60000 65536"/>
                      <a:gd name="T103" fmla="*/ 0 60000 65536"/>
                      <a:gd name="T104" fmla="*/ 0 60000 65536"/>
                      <a:gd name="T105" fmla="*/ 0 60000 65536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w 57"/>
                      <a:gd name="T112" fmla="*/ 0 h 73"/>
                      <a:gd name="T113" fmla="*/ 57 w 57"/>
                      <a:gd name="T114" fmla="*/ 73 h 73"/>
                    </a:gdLst>
                    <a:ahLst/>
                    <a:cxnLst>
                      <a:cxn ang="T74">
                        <a:pos x="T0" y="T1"/>
                      </a:cxn>
                      <a:cxn ang="T75">
                        <a:pos x="T2" y="T3"/>
                      </a:cxn>
                      <a:cxn ang="T76">
                        <a:pos x="T4" y="T5"/>
                      </a:cxn>
                      <a:cxn ang="T77">
                        <a:pos x="T6" y="T7"/>
                      </a:cxn>
                      <a:cxn ang="T78">
                        <a:pos x="T8" y="T9"/>
                      </a:cxn>
                      <a:cxn ang="T79">
                        <a:pos x="T10" y="T11"/>
                      </a:cxn>
                      <a:cxn ang="T80">
                        <a:pos x="T12" y="T13"/>
                      </a:cxn>
                      <a:cxn ang="T81">
                        <a:pos x="T14" y="T15"/>
                      </a:cxn>
                      <a:cxn ang="T82">
                        <a:pos x="T16" y="T17"/>
                      </a:cxn>
                      <a:cxn ang="T83">
                        <a:pos x="T18" y="T19"/>
                      </a:cxn>
                      <a:cxn ang="T84">
                        <a:pos x="T20" y="T21"/>
                      </a:cxn>
                      <a:cxn ang="T85">
                        <a:pos x="T22" y="T23"/>
                      </a:cxn>
                      <a:cxn ang="T86">
                        <a:pos x="T24" y="T25"/>
                      </a:cxn>
                      <a:cxn ang="T87">
                        <a:pos x="T26" y="T27"/>
                      </a:cxn>
                      <a:cxn ang="T88">
                        <a:pos x="T28" y="T29"/>
                      </a:cxn>
                      <a:cxn ang="T89">
                        <a:pos x="T30" y="T31"/>
                      </a:cxn>
                      <a:cxn ang="T90">
                        <a:pos x="T32" y="T33"/>
                      </a:cxn>
                      <a:cxn ang="T91">
                        <a:pos x="T34" y="T35"/>
                      </a:cxn>
                      <a:cxn ang="T92">
                        <a:pos x="T36" y="T37"/>
                      </a:cxn>
                      <a:cxn ang="T93">
                        <a:pos x="T38" y="T39"/>
                      </a:cxn>
                      <a:cxn ang="T94">
                        <a:pos x="T40" y="T41"/>
                      </a:cxn>
                      <a:cxn ang="T95">
                        <a:pos x="T42" y="T43"/>
                      </a:cxn>
                      <a:cxn ang="T96">
                        <a:pos x="T44" y="T45"/>
                      </a:cxn>
                      <a:cxn ang="T97">
                        <a:pos x="T46" y="T47"/>
                      </a:cxn>
                      <a:cxn ang="T98">
                        <a:pos x="T48" y="T49"/>
                      </a:cxn>
                      <a:cxn ang="T99">
                        <a:pos x="T50" y="T51"/>
                      </a:cxn>
                      <a:cxn ang="T100">
                        <a:pos x="T52" y="T53"/>
                      </a:cxn>
                      <a:cxn ang="T101">
                        <a:pos x="T54" y="T55"/>
                      </a:cxn>
                      <a:cxn ang="T102">
                        <a:pos x="T56" y="T57"/>
                      </a:cxn>
                      <a:cxn ang="T103">
                        <a:pos x="T58" y="T59"/>
                      </a:cxn>
                      <a:cxn ang="T104">
                        <a:pos x="T60" y="T61"/>
                      </a:cxn>
                      <a:cxn ang="T105">
                        <a:pos x="T62" y="T63"/>
                      </a:cxn>
                      <a:cxn ang="T106">
                        <a:pos x="T64" y="T65"/>
                      </a:cxn>
                      <a:cxn ang="T107">
                        <a:pos x="T66" y="T67"/>
                      </a:cxn>
                      <a:cxn ang="T108">
                        <a:pos x="T68" y="T69"/>
                      </a:cxn>
                      <a:cxn ang="T109">
                        <a:pos x="T70" y="T71"/>
                      </a:cxn>
                      <a:cxn ang="T110">
                        <a:pos x="T72" y="T73"/>
                      </a:cxn>
                    </a:cxnLst>
                    <a:rect l="T111" t="T112" r="T113" b="T114"/>
                    <a:pathLst>
                      <a:path w="57" h="73">
                        <a:moveTo>
                          <a:pt x="45" y="73"/>
                        </a:moveTo>
                        <a:cubicBezTo>
                          <a:pt x="44" y="73"/>
                          <a:pt x="45" y="69"/>
                          <a:pt x="43" y="68"/>
                        </a:cubicBezTo>
                        <a:cubicBezTo>
                          <a:pt x="41" y="67"/>
                          <a:pt x="37" y="67"/>
                          <a:pt x="35" y="68"/>
                        </a:cubicBezTo>
                        <a:cubicBezTo>
                          <a:pt x="33" y="69"/>
                          <a:pt x="33" y="72"/>
                          <a:pt x="32" y="72"/>
                        </a:cubicBezTo>
                        <a:cubicBezTo>
                          <a:pt x="31" y="72"/>
                          <a:pt x="29" y="67"/>
                          <a:pt x="28" y="65"/>
                        </a:cubicBezTo>
                        <a:cubicBezTo>
                          <a:pt x="27" y="63"/>
                          <a:pt x="29" y="61"/>
                          <a:pt x="28" y="60"/>
                        </a:cubicBezTo>
                        <a:cubicBezTo>
                          <a:pt x="27" y="59"/>
                          <a:pt x="22" y="58"/>
                          <a:pt x="21" y="57"/>
                        </a:cubicBezTo>
                        <a:cubicBezTo>
                          <a:pt x="20" y="56"/>
                          <a:pt x="22" y="54"/>
                          <a:pt x="21" y="52"/>
                        </a:cubicBezTo>
                        <a:cubicBezTo>
                          <a:pt x="20" y="50"/>
                          <a:pt x="16" y="49"/>
                          <a:pt x="15" y="47"/>
                        </a:cubicBezTo>
                        <a:cubicBezTo>
                          <a:pt x="14" y="45"/>
                          <a:pt x="15" y="43"/>
                          <a:pt x="15" y="42"/>
                        </a:cubicBezTo>
                        <a:cubicBezTo>
                          <a:pt x="15" y="41"/>
                          <a:pt x="15" y="39"/>
                          <a:pt x="15" y="38"/>
                        </a:cubicBezTo>
                        <a:cubicBezTo>
                          <a:pt x="15" y="37"/>
                          <a:pt x="16" y="35"/>
                          <a:pt x="16" y="33"/>
                        </a:cubicBezTo>
                        <a:cubicBezTo>
                          <a:pt x="16" y="31"/>
                          <a:pt x="14" y="29"/>
                          <a:pt x="13" y="28"/>
                        </a:cubicBezTo>
                        <a:cubicBezTo>
                          <a:pt x="12" y="27"/>
                          <a:pt x="8" y="25"/>
                          <a:pt x="7" y="24"/>
                        </a:cubicBezTo>
                        <a:cubicBezTo>
                          <a:pt x="6" y="23"/>
                          <a:pt x="7" y="21"/>
                          <a:pt x="7" y="20"/>
                        </a:cubicBezTo>
                        <a:cubicBezTo>
                          <a:pt x="7" y="19"/>
                          <a:pt x="7" y="17"/>
                          <a:pt x="6" y="16"/>
                        </a:cubicBezTo>
                        <a:cubicBezTo>
                          <a:pt x="5" y="15"/>
                          <a:pt x="2" y="14"/>
                          <a:pt x="1" y="12"/>
                        </a:cubicBezTo>
                        <a:cubicBezTo>
                          <a:pt x="0" y="10"/>
                          <a:pt x="0" y="8"/>
                          <a:pt x="0" y="6"/>
                        </a:cubicBezTo>
                        <a:cubicBezTo>
                          <a:pt x="0" y="4"/>
                          <a:pt x="0" y="3"/>
                          <a:pt x="1" y="2"/>
                        </a:cubicBezTo>
                        <a:cubicBezTo>
                          <a:pt x="2" y="1"/>
                          <a:pt x="5" y="0"/>
                          <a:pt x="6" y="0"/>
                        </a:cubicBezTo>
                        <a:cubicBezTo>
                          <a:pt x="7" y="0"/>
                          <a:pt x="8" y="0"/>
                          <a:pt x="10" y="1"/>
                        </a:cubicBezTo>
                        <a:cubicBezTo>
                          <a:pt x="12" y="2"/>
                          <a:pt x="15" y="4"/>
                          <a:pt x="16" y="5"/>
                        </a:cubicBezTo>
                        <a:cubicBezTo>
                          <a:pt x="17" y="6"/>
                          <a:pt x="16" y="7"/>
                          <a:pt x="16" y="9"/>
                        </a:cubicBezTo>
                        <a:cubicBezTo>
                          <a:pt x="16" y="11"/>
                          <a:pt x="17" y="15"/>
                          <a:pt x="17" y="17"/>
                        </a:cubicBezTo>
                        <a:cubicBezTo>
                          <a:pt x="17" y="19"/>
                          <a:pt x="18" y="22"/>
                          <a:pt x="19" y="24"/>
                        </a:cubicBezTo>
                        <a:cubicBezTo>
                          <a:pt x="20" y="26"/>
                          <a:pt x="22" y="29"/>
                          <a:pt x="23" y="31"/>
                        </a:cubicBezTo>
                        <a:cubicBezTo>
                          <a:pt x="24" y="33"/>
                          <a:pt x="26" y="35"/>
                          <a:pt x="27" y="37"/>
                        </a:cubicBezTo>
                        <a:cubicBezTo>
                          <a:pt x="28" y="39"/>
                          <a:pt x="30" y="40"/>
                          <a:pt x="32" y="41"/>
                        </a:cubicBezTo>
                        <a:cubicBezTo>
                          <a:pt x="34" y="42"/>
                          <a:pt x="36" y="44"/>
                          <a:pt x="38" y="45"/>
                        </a:cubicBezTo>
                        <a:cubicBezTo>
                          <a:pt x="40" y="46"/>
                          <a:pt x="42" y="48"/>
                          <a:pt x="44" y="49"/>
                        </a:cubicBezTo>
                        <a:cubicBezTo>
                          <a:pt x="46" y="50"/>
                          <a:pt x="51" y="52"/>
                          <a:pt x="53" y="53"/>
                        </a:cubicBezTo>
                        <a:cubicBezTo>
                          <a:pt x="55" y="54"/>
                          <a:pt x="57" y="52"/>
                          <a:pt x="57" y="53"/>
                        </a:cubicBezTo>
                        <a:cubicBezTo>
                          <a:pt x="57" y="54"/>
                          <a:pt x="57" y="56"/>
                          <a:pt x="56" y="57"/>
                        </a:cubicBezTo>
                        <a:cubicBezTo>
                          <a:pt x="55" y="58"/>
                          <a:pt x="54" y="60"/>
                          <a:pt x="53" y="61"/>
                        </a:cubicBezTo>
                        <a:cubicBezTo>
                          <a:pt x="52" y="62"/>
                          <a:pt x="47" y="61"/>
                          <a:pt x="47" y="62"/>
                        </a:cubicBezTo>
                        <a:cubicBezTo>
                          <a:pt x="47" y="63"/>
                          <a:pt x="51" y="66"/>
                          <a:pt x="51" y="67"/>
                        </a:cubicBezTo>
                        <a:cubicBezTo>
                          <a:pt x="51" y="68"/>
                          <a:pt x="46" y="73"/>
                          <a:pt x="45" y="73"/>
                        </a:cubicBezTo>
                        <a:close/>
                      </a:path>
                    </a:pathLst>
                  </a:custGeom>
                  <a:solidFill>
                    <a:srgbClr val="FFFFFF"/>
                  </a:solidFill>
                  <a:ln w="9525">
                    <a:solidFill>
                      <a:srgbClr val="000000"/>
                    </a:solidFill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99" name="Freeform 64"/>
                  <xdr:cNvSpPr>
                    <a:spLocks/>
                  </xdr:cNvSpPr>
                </xdr:nvSpPr>
                <xdr:spPr bwMode="auto">
                  <a:xfrm>
                    <a:off x="400" y="289"/>
                    <a:ext cx="71" cy="89"/>
                  </a:xfrm>
                  <a:custGeom>
                    <a:avLst/>
                    <a:gdLst>
                      <a:gd name="T0" fmla="*/ 0 w 1589"/>
                      <a:gd name="T1" fmla="*/ 0 h 2074"/>
                      <a:gd name="T2" fmla="*/ 0 w 1589"/>
                      <a:gd name="T3" fmla="*/ 0 h 2074"/>
                      <a:gd name="T4" fmla="*/ 0 w 1589"/>
                      <a:gd name="T5" fmla="*/ 0 h 2074"/>
                      <a:gd name="T6" fmla="*/ 0 w 1589"/>
                      <a:gd name="T7" fmla="*/ 0 h 2074"/>
                      <a:gd name="T8" fmla="*/ 0 w 1589"/>
                      <a:gd name="T9" fmla="*/ 0 h 2074"/>
                      <a:gd name="T10" fmla="*/ 0 w 1589"/>
                      <a:gd name="T11" fmla="*/ 0 h 2074"/>
                      <a:gd name="T12" fmla="*/ 0 w 1589"/>
                      <a:gd name="T13" fmla="*/ 0 h 2074"/>
                      <a:gd name="T14" fmla="*/ 0 w 1589"/>
                      <a:gd name="T15" fmla="*/ 0 h 2074"/>
                      <a:gd name="T16" fmla="*/ 0 w 1589"/>
                      <a:gd name="T17" fmla="*/ 0 h 2074"/>
                      <a:gd name="T18" fmla="*/ 0 w 1589"/>
                      <a:gd name="T19" fmla="*/ 0 h 2074"/>
                      <a:gd name="T20" fmla="*/ 0 w 1589"/>
                      <a:gd name="T21" fmla="*/ 0 h 2074"/>
                      <a:gd name="T22" fmla="*/ 0 w 1589"/>
                      <a:gd name="T23" fmla="*/ 0 h 2074"/>
                      <a:gd name="T24" fmla="*/ 0 w 1589"/>
                      <a:gd name="T25" fmla="*/ 0 h 2074"/>
                      <a:gd name="T26" fmla="*/ 0 w 1589"/>
                      <a:gd name="T27" fmla="*/ 0 h 2074"/>
                      <a:gd name="T28" fmla="*/ 0 w 1589"/>
                      <a:gd name="T29" fmla="*/ 0 h 2074"/>
                      <a:gd name="T30" fmla="*/ 0 w 1589"/>
                      <a:gd name="T31" fmla="*/ 0 h 2074"/>
                      <a:gd name="T32" fmla="*/ 0 w 1589"/>
                      <a:gd name="T33" fmla="*/ 0 h 2074"/>
                      <a:gd name="T34" fmla="*/ 0 w 1589"/>
                      <a:gd name="T35" fmla="*/ 0 h 2074"/>
                      <a:gd name="T36" fmla="*/ 0 w 1589"/>
                      <a:gd name="T37" fmla="*/ 0 h 2074"/>
                      <a:gd name="T38" fmla="*/ 0 w 1589"/>
                      <a:gd name="T39" fmla="*/ 0 h 2074"/>
                      <a:gd name="T40" fmla="*/ 0 w 1589"/>
                      <a:gd name="T41" fmla="*/ 0 h 2074"/>
                      <a:gd name="T42" fmla="*/ 0 w 1589"/>
                      <a:gd name="T43" fmla="*/ 0 h 2074"/>
                      <a:gd name="T44" fmla="*/ 0 w 1589"/>
                      <a:gd name="T45" fmla="*/ 0 h 2074"/>
                      <a:gd name="T46" fmla="*/ 0 w 1589"/>
                      <a:gd name="T47" fmla="*/ 0 h 2074"/>
                      <a:gd name="T48" fmla="*/ 0 w 1589"/>
                      <a:gd name="T49" fmla="*/ 0 h 2074"/>
                      <a:gd name="T50" fmla="*/ 0 w 1589"/>
                      <a:gd name="T51" fmla="*/ 0 h 2074"/>
                      <a:gd name="T52" fmla="*/ 0 w 1589"/>
                      <a:gd name="T53" fmla="*/ 0 h 2074"/>
                      <a:gd name="T54" fmla="*/ 0 w 1589"/>
                      <a:gd name="T55" fmla="*/ 0 h 2074"/>
                      <a:gd name="T56" fmla="*/ 0 w 1589"/>
                      <a:gd name="T57" fmla="*/ 0 h 2074"/>
                      <a:gd name="T58" fmla="*/ 0 w 1589"/>
                      <a:gd name="T59" fmla="*/ 0 h 2074"/>
                      <a:gd name="T60" fmla="*/ 0 w 1589"/>
                      <a:gd name="T61" fmla="*/ 0 h 2074"/>
                      <a:gd name="T62" fmla="*/ 0 w 1589"/>
                      <a:gd name="T63" fmla="*/ 0 h 2074"/>
                      <a:gd name="T64" fmla="*/ 0 w 1589"/>
                      <a:gd name="T65" fmla="*/ 0 h 2074"/>
                      <a:gd name="T66" fmla="*/ 0 w 1589"/>
                      <a:gd name="T67" fmla="*/ 0 h 2074"/>
                      <a:gd name="T68" fmla="*/ 0 w 1589"/>
                      <a:gd name="T69" fmla="*/ 0 h 2074"/>
                      <a:gd name="T70" fmla="*/ 0 w 1589"/>
                      <a:gd name="T71" fmla="*/ 0 h 2074"/>
                      <a:gd name="T72" fmla="*/ 0 w 1589"/>
                      <a:gd name="T73" fmla="*/ 0 h 2074"/>
                      <a:gd name="T74" fmla="*/ 0 w 1589"/>
                      <a:gd name="T75" fmla="*/ 0 h 2074"/>
                      <a:gd name="T76" fmla="*/ 0 w 1589"/>
                      <a:gd name="T77" fmla="*/ 0 h 2074"/>
                      <a:gd name="T78" fmla="*/ 0 w 1589"/>
                      <a:gd name="T79" fmla="*/ 0 h 2074"/>
                      <a:gd name="T80" fmla="*/ 0 w 1589"/>
                      <a:gd name="T81" fmla="*/ 0 h 2074"/>
                      <a:gd name="T82" fmla="*/ 0 w 1589"/>
                      <a:gd name="T83" fmla="*/ 0 h 2074"/>
                      <a:gd name="T84" fmla="*/ 0 w 1589"/>
                      <a:gd name="T85" fmla="*/ 0 h 2074"/>
                      <a:gd name="T86" fmla="*/ 0 w 1589"/>
                      <a:gd name="T87" fmla="*/ 0 h 2074"/>
                      <a:gd name="T88" fmla="*/ 0 w 1589"/>
                      <a:gd name="T89" fmla="*/ 0 h 2074"/>
                      <a:gd name="T90" fmla="*/ 0 w 1589"/>
                      <a:gd name="T91" fmla="*/ 0 h 2074"/>
                      <a:gd name="T92" fmla="*/ 0 w 1589"/>
                      <a:gd name="T93" fmla="*/ 0 h 2074"/>
                      <a:gd name="T94" fmla="*/ 0 w 1589"/>
                      <a:gd name="T95" fmla="*/ 0 h 2074"/>
                      <a:gd name="T96" fmla="*/ 0 w 1589"/>
                      <a:gd name="T97" fmla="*/ 0 h 2074"/>
                      <a:gd name="T98" fmla="*/ 0 w 1589"/>
                      <a:gd name="T99" fmla="*/ 0 h 2074"/>
                      <a:gd name="T100" fmla="*/ 0 w 1589"/>
                      <a:gd name="T101" fmla="*/ 0 h 2074"/>
                      <a:gd name="T102" fmla="*/ 0 w 1589"/>
                      <a:gd name="T103" fmla="*/ 0 h 2074"/>
                      <a:gd name="T104" fmla="*/ 0 w 1589"/>
                      <a:gd name="T105" fmla="*/ 0 h 2074"/>
                      <a:gd name="T106" fmla="*/ 0 w 1589"/>
                      <a:gd name="T107" fmla="*/ 0 h 2074"/>
                      <a:gd name="T108" fmla="*/ 0 w 1589"/>
                      <a:gd name="T109" fmla="*/ 0 h 2074"/>
                      <a:gd name="T110" fmla="*/ 0 w 1589"/>
                      <a:gd name="T111" fmla="*/ 0 h 2074"/>
                      <a:gd name="T112" fmla="*/ 0 w 1589"/>
                      <a:gd name="T113" fmla="*/ 0 h 2074"/>
                      <a:gd name="T114" fmla="*/ 0 w 1589"/>
                      <a:gd name="T115" fmla="*/ 0 h 2074"/>
                      <a:gd name="T116" fmla="*/ 0 w 1589"/>
                      <a:gd name="T117" fmla="*/ 0 h 2074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60000 65536"/>
                      <a:gd name="T127" fmla="*/ 0 60000 65536"/>
                      <a:gd name="T128" fmla="*/ 0 60000 65536"/>
                      <a:gd name="T129" fmla="*/ 0 60000 65536"/>
                      <a:gd name="T130" fmla="*/ 0 60000 65536"/>
                      <a:gd name="T131" fmla="*/ 0 60000 65536"/>
                      <a:gd name="T132" fmla="*/ 0 60000 65536"/>
                      <a:gd name="T133" fmla="*/ 0 60000 65536"/>
                      <a:gd name="T134" fmla="*/ 0 60000 65536"/>
                      <a:gd name="T135" fmla="*/ 0 60000 65536"/>
                      <a:gd name="T136" fmla="*/ 0 60000 65536"/>
                      <a:gd name="T137" fmla="*/ 0 60000 65536"/>
                      <a:gd name="T138" fmla="*/ 0 60000 65536"/>
                      <a:gd name="T139" fmla="*/ 0 60000 65536"/>
                      <a:gd name="T140" fmla="*/ 0 60000 65536"/>
                      <a:gd name="T141" fmla="*/ 0 60000 65536"/>
                      <a:gd name="T142" fmla="*/ 0 60000 65536"/>
                      <a:gd name="T143" fmla="*/ 0 60000 65536"/>
                      <a:gd name="T144" fmla="*/ 0 60000 65536"/>
                      <a:gd name="T145" fmla="*/ 0 60000 65536"/>
                      <a:gd name="T146" fmla="*/ 0 60000 65536"/>
                      <a:gd name="T147" fmla="*/ 0 60000 65536"/>
                      <a:gd name="T148" fmla="*/ 0 60000 65536"/>
                      <a:gd name="T149" fmla="*/ 0 60000 65536"/>
                      <a:gd name="T150" fmla="*/ 0 60000 65536"/>
                      <a:gd name="T151" fmla="*/ 0 60000 65536"/>
                      <a:gd name="T152" fmla="*/ 0 60000 65536"/>
                      <a:gd name="T153" fmla="*/ 0 60000 65536"/>
                      <a:gd name="T154" fmla="*/ 0 60000 65536"/>
                      <a:gd name="T155" fmla="*/ 0 60000 65536"/>
                      <a:gd name="T156" fmla="*/ 0 60000 65536"/>
                      <a:gd name="T157" fmla="*/ 0 60000 65536"/>
                      <a:gd name="T158" fmla="*/ 0 60000 65536"/>
                      <a:gd name="T159" fmla="*/ 0 60000 65536"/>
                      <a:gd name="T160" fmla="*/ 0 60000 65536"/>
                      <a:gd name="T161" fmla="*/ 0 60000 65536"/>
                      <a:gd name="T162" fmla="*/ 0 60000 65536"/>
                      <a:gd name="T163" fmla="*/ 0 60000 65536"/>
                      <a:gd name="T164" fmla="*/ 0 60000 65536"/>
                      <a:gd name="T165" fmla="*/ 0 60000 65536"/>
                      <a:gd name="T166" fmla="*/ 0 60000 65536"/>
                      <a:gd name="T167" fmla="*/ 0 60000 65536"/>
                      <a:gd name="T168" fmla="*/ 0 60000 65536"/>
                      <a:gd name="T169" fmla="*/ 0 60000 65536"/>
                      <a:gd name="T170" fmla="*/ 0 60000 65536"/>
                      <a:gd name="T171" fmla="*/ 0 60000 65536"/>
                      <a:gd name="T172" fmla="*/ 0 60000 65536"/>
                      <a:gd name="T173" fmla="*/ 0 60000 65536"/>
                      <a:gd name="T174" fmla="*/ 0 60000 65536"/>
                      <a:gd name="T175" fmla="*/ 0 60000 65536"/>
                      <a:gd name="T176" fmla="*/ 0 60000 65536"/>
                      <a:gd name="T177" fmla="*/ 0 w 1589"/>
                      <a:gd name="T178" fmla="*/ 0 h 2074"/>
                      <a:gd name="T179" fmla="*/ 1589 w 1589"/>
                      <a:gd name="T180" fmla="*/ 2074 h 2074"/>
                    </a:gdLst>
                    <a:ahLst/>
                    <a:cxnLst>
                      <a:cxn ang="T118">
                        <a:pos x="T0" y="T1"/>
                      </a:cxn>
                      <a:cxn ang="T119">
                        <a:pos x="T2" y="T3"/>
                      </a:cxn>
                      <a:cxn ang="T120">
                        <a:pos x="T4" y="T5"/>
                      </a:cxn>
                      <a:cxn ang="T121">
                        <a:pos x="T6" y="T7"/>
                      </a:cxn>
                      <a:cxn ang="T122">
                        <a:pos x="T8" y="T9"/>
                      </a:cxn>
                      <a:cxn ang="T123">
                        <a:pos x="T10" y="T11"/>
                      </a:cxn>
                      <a:cxn ang="T124">
                        <a:pos x="T12" y="T13"/>
                      </a:cxn>
                      <a:cxn ang="T125">
                        <a:pos x="T14" y="T15"/>
                      </a:cxn>
                      <a:cxn ang="T126">
                        <a:pos x="T16" y="T17"/>
                      </a:cxn>
                      <a:cxn ang="T127">
                        <a:pos x="T18" y="T19"/>
                      </a:cxn>
                      <a:cxn ang="T128">
                        <a:pos x="T20" y="T21"/>
                      </a:cxn>
                      <a:cxn ang="T129">
                        <a:pos x="T22" y="T23"/>
                      </a:cxn>
                      <a:cxn ang="T130">
                        <a:pos x="T24" y="T25"/>
                      </a:cxn>
                      <a:cxn ang="T131">
                        <a:pos x="T26" y="T27"/>
                      </a:cxn>
                      <a:cxn ang="T132">
                        <a:pos x="T28" y="T29"/>
                      </a:cxn>
                      <a:cxn ang="T133">
                        <a:pos x="T30" y="T31"/>
                      </a:cxn>
                      <a:cxn ang="T134">
                        <a:pos x="T32" y="T33"/>
                      </a:cxn>
                      <a:cxn ang="T135">
                        <a:pos x="T34" y="T35"/>
                      </a:cxn>
                      <a:cxn ang="T136">
                        <a:pos x="T36" y="T37"/>
                      </a:cxn>
                      <a:cxn ang="T137">
                        <a:pos x="T38" y="T39"/>
                      </a:cxn>
                      <a:cxn ang="T138">
                        <a:pos x="T40" y="T41"/>
                      </a:cxn>
                      <a:cxn ang="T139">
                        <a:pos x="T42" y="T43"/>
                      </a:cxn>
                      <a:cxn ang="T140">
                        <a:pos x="T44" y="T45"/>
                      </a:cxn>
                      <a:cxn ang="T141">
                        <a:pos x="T46" y="T47"/>
                      </a:cxn>
                      <a:cxn ang="T142">
                        <a:pos x="T48" y="T49"/>
                      </a:cxn>
                      <a:cxn ang="T143">
                        <a:pos x="T50" y="T51"/>
                      </a:cxn>
                      <a:cxn ang="T144">
                        <a:pos x="T52" y="T53"/>
                      </a:cxn>
                      <a:cxn ang="T145">
                        <a:pos x="T54" y="T55"/>
                      </a:cxn>
                      <a:cxn ang="T146">
                        <a:pos x="T56" y="T57"/>
                      </a:cxn>
                      <a:cxn ang="T147">
                        <a:pos x="T58" y="T59"/>
                      </a:cxn>
                      <a:cxn ang="T148">
                        <a:pos x="T60" y="T61"/>
                      </a:cxn>
                      <a:cxn ang="T149">
                        <a:pos x="T62" y="T63"/>
                      </a:cxn>
                      <a:cxn ang="T150">
                        <a:pos x="T64" y="T65"/>
                      </a:cxn>
                      <a:cxn ang="T151">
                        <a:pos x="T66" y="T67"/>
                      </a:cxn>
                      <a:cxn ang="T152">
                        <a:pos x="T68" y="T69"/>
                      </a:cxn>
                      <a:cxn ang="T153">
                        <a:pos x="T70" y="T71"/>
                      </a:cxn>
                      <a:cxn ang="T154">
                        <a:pos x="T72" y="T73"/>
                      </a:cxn>
                      <a:cxn ang="T155">
                        <a:pos x="T74" y="T75"/>
                      </a:cxn>
                      <a:cxn ang="T156">
                        <a:pos x="T76" y="T77"/>
                      </a:cxn>
                      <a:cxn ang="T157">
                        <a:pos x="T78" y="T79"/>
                      </a:cxn>
                      <a:cxn ang="T158">
                        <a:pos x="T80" y="T81"/>
                      </a:cxn>
                      <a:cxn ang="T159">
                        <a:pos x="T82" y="T83"/>
                      </a:cxn>
                      <a:cxn ang="T160">
                        <a:pos x="T84" y="T85"/>
                      </a:cxn>
                      <a:cxn ang="T161">
                        <a:pos x="T86" y="T87"/>
                      </a:cxn>
                      <a:cxn ang="T162">
                        <a:pos x="T88" y="T89"/>
                      </a:cxn>
                      <a:cxn ang="T163">
                        <a:pos x="T90" y="T91"/>
                      </a:cxn>
                      <a:cxn ang="T164">
                        <a:pos x="T92" y="T93"/>
                      </a:cxn>
                      <a:cxn ang="T165">
                        <a:pos x="T94" y="T95"/>
                      </a:cxn>
                      <a:cxn ang="T166">
                        <a:pos x="T96" y="T97"/>
                      </a:cxn>
                      <a:cxn ang="T167">
                        <a:pos x="T98" y="T99"/>
                      </a:cxn>
                      <a:cxn ang="T168">
                        <a:pos x="T100" y="T101"/>
                      </a:cxn>
                      <a:cxn ang="T169">
                        <a:pos x="T102" y="T103"/>
                      </a:cxn>
                      <a:cxn ang="T170">
                        <a:pos x="T104" y="T105"/>
                      </a:cxn>
                      <a:cxn ang="T171">
                        <a:pos x="T106" y="T107"/>
                      </a:cxn>
                      <a:cxn ang="T172">
                        <a:pos x="T108" y="T109"/>
                      </a:cxn>
                      <a:cxn ang="T173">
                        <a:pos x="T110" y="T111"/>
                      </a:cxn>
                      <a:cxn ang="T174">
                        <a:pos x="T112" y="T113"/>
                      </a:cxn>
                      <a:cxn ang="T175">
                        <a:pos x="T114" y="T115"/>
                      </a:cxn>
                      <a:cxn ang="T176">
                        <a:pos x="T116" y="T117"/>
                      </a:cxn>
                    </a:cxnLst>
                    <a:rect l="T177" t="T178" r="T179" b="T180"/>
                    <a:pathLst>
                      <a:path w="1589" h="2074">
                        <a:moveTo>
                          <a:pt x="1371" y="65"/>
                        </a:moveTo>
                        <a:cubicBezTo>
                          <a:pt x="1336" y="35"/>
                          <a:pt x="1251" y="0"/>
                          <a:pt x="1221" y="5"/>
                        </a:cubicBezTo>
                        <a:cubicBezTo>
                          <a:pt x="1191" y="10"/>
                          <a:pt x="1208" y="68"/>
                          <a:pt x="1191" y="93"/>
                        </a:cubicBezTo>
                        <a:cubicBezTo>
                          <a:pt x="1174" y="118"/>
                          <a:pt x="1147" y="125"/>
                          <a:pt x="1117" y="153"/>
                        </a:cubicBezTo>
                        <a:cubicBezTo>
                          <a:pt x="1087" y="181"/>
                          <a:pt x="1036" y="221"/>
                          <a:pt x="1011" y="261"/>
                        </a:cubicBezTo>
                        <a:cubicBezTo>
                          <a:pt x="986" y="301"/>
                          <a:pt x="989" y="361"/>
                          <a:pt x="967" y="393"/>
                        </a:cubicBezTo>
                        <a:cubicBezTo>
                          <a:pt x="945" y="425"/>
                          <a:pt x="907" y="443"/>
                          <a:pt x="877" y="453"/>
                        </a:cubicBezTo>
                        <a:cubicBezTo>
                          <a:pt x="847" y="463"/>
                          <a:pt x="814" y="445"/>
                          <a:pt x="787" y="453"/>
                        </a:cubicBezTo>
                        <a:cubicBezTo>
                          <a:pt x="760" y="461"/>
                          <a:pt x="751" y="498"/>
                          <a:pt x="711" y="501"/>
                        </a:cubicBezTo>
                        <a:cubicBezTo>
                          <a:pt x="671" y="504"/>
                          <a:pt x="589" y="489"/>
                          <a:pt x="547" y="469"/>
                        </a:cubicBezTo>
                        <a:cubicBezTo>
                          <a:pt x="505" y="449"/>
                          <a:pt x="487" y="396"/>
                          <a:pt x="457" y="381"/>
                        </a:cubicBezTo>
                        <a:cubicBezTo>
                          <a:pt x="427" y="366"/>
                          <a:pt x="395" y="369"/>
                          <a:pt x="367" y="381"/>
                        </a:cubicBezTo>
                        <a:cubicBezTo>
                          <a:pt x="339" y="393"/>
                          <a:pt x="316" y="428"/>
                          <a:pt x="291" y="453"/>
                        </a:cubicBezTo>
                        <a:cubicBezTo>
                          <a:pt x="266" y="478"/>
                          <a:pt x="234" y="499"/>
                          <a:pt x="217" y="529"/>
                        </a:cubicBezTo>
                        <a:cubicBezTo>
                          <a:pt x="200" y="559"/>
                          <a:pt x="205" y="606"/>
                          <a:pt x="187" y="633"/>
                        </a:cubicBezTo>
                        <a:cubicBezTo>
                          <a:pt x="169" y="660"/>
                          <a:pt x="141" y="663"/>
                          <a:pt x="111" y="693"/>
                        </a:cubicBezTo>
                        <a:cubicBezTo>
                          <a:pt x="81" y="723"/>
                          <a:pt x="14" y="768"/>
                          <a:pt x="7" y="813"/>
                        </a:cubicBezTo>
                        <a:cubicBezTo>
                          <a:pt x="0" y="858"/>
                          <a:pt x="45" y="955"/>
                          <a:pt x="67" y="965"/>
                        </a:cubicBezTo>
                        <a:cubicBezTo>
                          <a:pt x="89" y="975"/>
                          <a:pt x="109" y="900"/>
                          <a:pt x="141" y="873"/>
                        </a:cubicBezTo>
                        <a:cubicBezTo>
                          <a:pt x="173" y="846"/>
                          <a:pt x="223" y="813"/>
                          <a:pt x="261" y="801"/>
                        </a:cubicBezTo>
                        <a:cubicBezTo>
                          <a:pt x="299" y="789"/>
                          <a:pt x="322" y="809"/>
                          <a:pt x="367" y="801"/>
                        </a:cubicBezTo>
                        <a:cubicBezTo>
                          <a:pt x="412" y="793"/>
                          <a:pt x="486" y="748"/>
                          <a:pt x="531" y="753"/>
                        </a:cubicBezTo>
                        <a:cubicBezTo>
                          <a:pt x="576" y="758"/>
                          <a:pt x="619" y="789"/>
                          <a:pt x="637" y="829"/>
                        </a:cubicBezTo>
                        <a:cubicBezTo>
                          <a:pt x="655" y="869"/>
                          <a:pt x="637" y="950"/>
                          <a:pt x="637" y="993"/>
                        </a:cubicBezTo>
                        <a:cubicBezTo>
                          <a:pt x="637" y="1036"/>
                          <a:pt x="610" y="1067"/>
                          <a:pt x="637" y="1085"/>
                        </a:cubicBezTo>
                        <a:cubicBezTo>
                          <a:pt x="664" y="1103"/>
                          <a:pt x="774" y="1076"/>
                          <a:pt x="801" y="1101"/>
                        </a:cubicBezTo>
                        <a:cubicBezTo>
                          <a:pt x="828" y="1126"/>
                          <a:pt x="796" y="1188"/>
                          <a:pt x="801" y="1233"/>
                        </a:cubicBezTo>
                        <a:cubicBezTo>
                          <a:pt x="806" y="1278"/>
                          <a:pt x="823" y="1329"/>
                          <a:pt x="831" y="1369"/>
                        </a:cubicBezTo>
                        <a:cubicBezTo>
                          <a:pt x="839" y="1409"/>
                          <a:pt x="852" y="1430"/>
                          <a:pt x="847" y="1473"/>
                        </a:cubicBezTo>
                        <a:cubicBezTo>
                          <a:pt x="842" y="1516"/>
                          <a:pt x="801" y="1582"/>
                          <a:pt x="801" y="1625"/>
                        </a:cubicBezTo>
                        <a:cubicBezTo>
                          <a:pt x="801" y="1668"/>
                          <a:pt x="852" y="1684"/>
                          <a:pt x="847" y="1729"/>
                        </a:cubicBezTo>
                        <a:cubicBezTo>
                          <a:pt x="842" y="1774"/>
                          <a:pt x="781" y="1838"/>
                          <a:pt x="771" y="1893"/>
                        </a:cubicBezTo>
                        <a:cubicBezTo>
                          <a:pt x="761" y="1948"/>
                          <a:pt x="779" y="2048"/>
                          <a:pt x="787" y="2061"/>
                        </a:cubicBezTo>
                        <a:cubicBezTo>
                          <a:pt x="795" y="2074"/>
                          <a:pt x="807" y="2019"/>
                          <a:pt x="817" y="1969"/>
                        </a:cubicBezTo>
                        <a:cubicBezTo>
                          <a:pt x="827" y="1919"/>
                          <a:pt x="830" y="1824"/>
                          <a:pt x="847" y="1761"/>
                        </a:cubicBezTo>
                        <a:cubicBezTo>
                          <a:pt x="864" y="1698"/>
                          <a:pt x="904" y="1661"/>
                          <a:pt x="921" y="1593"/>
                        </a:cubicBezTo>
                        <a:cubicBezTo>
                          <a:pt x="938" y="1525"/>
                          <a:pt x="946" y="1410"/>
                          <a:pt x="951" y="1353"/>
                        </a:cubicBezTo>
                        <a:cubicBezTo>
                          <a:pt x="956" y="1296"/>
                          <a:pt x="926" y="1231"/>
                          <a:pt x="951" y="1249"/>
                        </a:cubicBezTo>
                        <a:cubicBezTo>
                          <a:pt x="976" y="1267"/>
                          <a:pt x="1056" y="1416"/>
                          <a:pt x="1101" y="1461"/>
                        </a:cubicBezTo>
                        <a:cubicBezTo>
                          <a:pt x="1146" y="1506"/>
                          <a:pt x="1186" y="1494"/>
                          <a:pt x="1221" y="1521"/>
                        </a:cubicBezTo>
                        <a:cubicBezTo>
                          <a:pt x="1256" y="1548"/>
                          <a:pt x="1286" y="1593"/>
                          <a:pt x="1311" y="1625"/>
                        </a:cubicBezTo>
                        <a:cubicBezTo>
                          <a:pt x="1336" y="1657"/>
                          <a:pt x="1343" y="1688"/>
                          <a:pt x="1371" y="1713"/>
                        </a:cubicBezTo>
                        <a:cubicBezTo>
                          <a:pt x="1399" y="1738"/>
                          <a:pt x="1442" y="1758"/>
                          <a:pt x="1477" y="1773"/>
                        </a:cubicBezTo>
                        <a:cubicBezTo>
                          <a:pt x="1512" y="1788"/>
                          <a:pt x="1589" y="1827"/>
                          <a:pt x="1581" y="1805"/>
                        </a:cubicBezTo>
                        <a:cubicBezTo>
                          <a:pt x="1573" y="1783"/>
                          <a:pt x="1468" y="1688"/>
                          <a:pt x="1431" y="1641"/>
                        </a:cubicBezTo>
                        <a:cubicBezTo>
                          <a:pt x="1394" y="1594"/>
                          <a:pt x="1392" y="1564"/>
                          <a:pt x="1357" y="1521"/>
                        </a:cubicBezTo>
                        <a:cubicBezTo>
                          <a:pt x="1322" y="1478"/>
                          <a:pt x="1259" y="1430"/>
                          <a:pt x="1221" y="1385"/>
                        </a:cubicBezTo>
                        <a:cubicBezTo>
                          <a:pt x="1183" y="1340"/>
                          <a:pt x="1158" y="1294"/>
                          <a:pt x="1131" y="1249"/>
                        </a:cubicBezTo>
                        <a:cubicBezTo>
                          <a:pt x="1104" y="1204"/>
                          <a:pt x="1084" y="1163"/>
                          <a:pt x="1057" y="1113"/>
                        </a:cubicBezTo>
                        <a:cubicBezTo>
                          <a:pt x="1030" y="1063"/>
                          <a:pt x="990" y="991"/>
                          <a:pt x="967" y="949"/>
                        </a:cubicBezTo>
                        <a:cubicBezTo>
                          <a:pt x="944" y="907"/>
                          <a:pt x="936" y="894"/>
                          <a:pt x="921" y="861"/>
                        </a:cubicBezTo>
                        <a:cubicBezTo>
                          <a:pt x="906" y="828"/>
                          <a:pt x="867" y="803"/>
                          <a:pt x="877" y="753"/>
                        </a:cubicBezTo>
                        <a:cubicBezTo>
                          <a:pt x="887" y="703"/>
                          <a:pt x="944" y="593"/>
                          <a:pt x="981" y="561"/>
                        </a:cubicBezTo>
                        <a:cubicBezTo>
                          <a:pt x="1018" y="529"/>
                          <a:pt x="1076" y="584"/>
                          <a:pt x="1101" y="561"/>
                        </a:cubicBezTo>
                        <a:cubicBezTo>
                          <a:pt x="1126" y="538"/>
                          <a:pt x="1113" y="470"/>
                          <a:pt x="1131" y="425"/>
                        </a:cubicBezTo>
                        <a:cubicBezTo>
                          <a:pt x="1149" y="380"/>
                          <a:pt x="1172" y="322"/>
                          <a:pt x="1207" y="289"/>
                        </a:cubicBezTo>
                        <a:cubicBezTo>
                          <a:pt x="1242" y="256"/>
                          <a:pt x="1304" y="246"/>
                          <a:pt x="1341" y="229"/>
                        </a:cubicBezTo>
                        <a:cubicBezTo>
                          <a:pt x="1378" y="212"/>
                          <a:pt x="1421" y="215"/>
                          <a:pt x="1431" y="185"/>
                        </a:cubicBezTo>
                        <a:cubicBezTo>
                          <a:pt x="1441" y="155"/>
                          <a:pt x="1406" y="95"/>
                          <a:pt x="1371" y="65"/>
                        </a:cubicBezTo>
                        <a:close/>
                      </a:path>
                    </a:pathLst>
                  </a:custGeom>
                  <a:solidFill>
                    <a:srgbClr val="FFFFFF"/>
                  </a:solidFill>
                  <a:ln w="9525">
                    <a:solidFill>
                      <a:srgbClr val="000000"/>
                    </a:solidFill>
                    <a:round/>
                    <a:headEnd/>
                    <a:tailEnd/>
                  </a:ln>
                </xdr:spPr>
              </xdr:sp>
            </xdr:grpSp>
            <xdr:grpSp>
              <xdr:nvGrpSpPr>
                <xdr:cNvPr id="149581" name="グループ化 419"/>
                <xdr:cNvGrpSpPr>
                  <a:grpSpLocks/>
                </xdr:cNvGrpSpPr>
              </xdr:nvGrpSpPr>
              <xdr:grpSpPr bwMode="auto">
                <a:xfrm>
                  <a:off x="14163675" y="9791700"/>
                  <a:ext cx="7334250" cy="5000625"/>
                  <a:chOff x="14163675" y="9791700"/>
                  <a:chExt cx="7334250" cy="5000625"/>
                </a:xfrm>
              </xdr:grpSpPr>
              <xdr:sp macro="" textlink="">
                <xdr:nvSpPr>
                  <xdr:cNvPr id="149582" name="d14100"/>
                  <xdr:cNvSpPr>
                    <a:spLocks/>
                  </xdr:cNvSpPr>
                </xdr:nvSpPr>
                <xdr:spPr bwMode="auto">
                  <a:xfrm>
                    <a:off x="18669000" y="10915650"/>
                    <a:ext cx="2828925" cy="3857625"/>
                  </a:xfrm>
                  <a:custGeom>
                    <a:avLst/>
                    <a:gdLst>
                      <a:gd name="T0" fmla="*/ 2147483646 w 16384"/>
                      <a:gd name="T1" fmla="*/ 2147483646 h 16384"/>
                      <a:gd name="T2" fmla="*/ 2147483646 w 16384"/>
                      <a:gd name="T3" fmla="*/ 2147483646 h 16384"/>
                      <a:gd name="T4" fmla="*/ 2147483646 w 16384"/>
                      <a:gd name="T5" fmla="*/ 2147483646 h 16384"/>
                      <a:gd name="T6" fmla="*/ 2147483646 w 16384"/>
                      <a:gd name="T7" fmla="*/ 2147483646 h 16384"/>
                      <a:gd name="T8" fmla="*/ 2147483646 w 16384"/>
                      <a:gd name="T9" fmla="*/ 2147483646 h 16384"/>
                      <a:gd name="T10" fmla="*/ 2147483646 w 16384"/>
                      <a:gd name="T11" fmla="*/ 2147483646 h 16384"/>
                      <a:gd name="T12" fmla="*/ 2147483646 w 16384"/>
                      <a:gd name="T13" fmla="*/ 2147483646 h 16384"/>
                      <a:gd name="T14" fmla="*/ 2147483646 w 16384"/>
                      <a:gd name="T15" fmla="*/ 2147483646 h 16384"/>
                      <a:gd name="T16" fmla="*/ 2147483646 w 16384"/>
                      <a:gd name="T17" fmla="*/ 2147483646 h 16384"/>
                      <a:gd name="T18" fmla="*/ 2147483646 w 16384"/>
                      <a:gd name="T19" fmla="*/ 2147483646 h 16384"/>
                      <a:gd name="T20" fmla="*/ 2147483646 w 16384"/>
                      <a:gd name="T21" fmla="*/ 2147483646 h 16384"/>
                      <a:gd name="T22" fmla="*/ 2147483646 w 16384"/>
                      <a:gd name="T23" fmla="*/ 2147483646 h 16384"/>
                      <a:gd name="T24" fmla="*/ 2147483646 w 16384"/>
                      <a:gd name="T25" fmla="*/ 2147483646 h 16384"/>
                      <a:gd name="T26" fmla="*/ 2147483646 w 16384"/>
                      <a:gd name="T27" fmla="*/ 2147483646 h 16384"/>
                      <a:gd name="T28" fmla="*/ 2147483646 w 16384"/>
                      <a:gd name="T29" fmla="*/ 2147483646 h 16384"/>
                      <a:gd name="T30" fmla="*/ 2147483646 w 16384"/>
                      <a:gd name="T31" fmla="*/ 2147483646 h 16384"/>
                      <a:gd name="T32" fmla="*/ 2147483646 w 16384"/>
                      <a:gd name="T33" fmla="*/ 2147483646 h 16384"/>
                      <a:gd name="T34" fmla="*/ 2147483646 w 16384"/>
                      <a:gd name="T35" fmla="*/ 2147483646 h 16384"/>
                      <a:gd name="T36" fmla="*/ 2147483646 w 16384"/>
                      <a:gd name="T37" fmla="*/ 2147483646 h 16384"/>
                      <a:gd name="T38" fmla="*/ 2147483646 w 16384"/>
                      <a:gd name="T39" fmla="*/ 2147483646 h 16384"/>
                      <a:gd name="T40" fmla="*/ 2147483646 w 16384"/>
                      <a:gd name="T41" fmla="*/ 2147483646 h 16384"/>
                      <a:gd name="T42" fmla="*/ 2147483646 w 16384"/>
                      <a:gd name="T43" fmla="*/ 2147483646 h 16384"/>
                      <a:gd name="T44" fmla="*/ 2147483646 w 16384"/>
                      <a:gd name="T45" fmla="*/ 2147483646 h 16384"/>
                      <a:gd name="T46" fmla="*/ 2147483646 w 16384"/>
                      <a:gd name="T47" fmla="*/ 2147483646 h 16384"/>
                      <a:gd name="T48" fmla="*/ 2147483646 w 16384"/>
                      <a:gd name="T49" fmla="*/ 2147483646 h 16384"/>
                      <a:gd name="T50" fmla="*/ 2147483646 w 16384"/>
                      <a:gd name="T51" fmla="*/ 2147483646 h 16384"/>
                      <a:gd name="T52" fmla="*/ 2147483646 w 16384"/>
                      <a:gd name="T53" fmla="*/ 2147483646 h 16384"/>
                      <a:gd name="T54" fmla="*/ 2147483646 w 16384"/>
                      <a:gd name="T55" fmla="*/ 2147483646 h 16384"/>
                      <a:gd name="T56" fmla="*/ 2147483646 w 16384"/>
                      <a:gd name="T57" fmla="*/ 2147483646 h 16384"/>
                      <a:gd name="T58" fmla="*/ 2147483646 w 16384"/>
                      <a:gd name="T59" fmla="*/ 2147483646 h 16384"/>
                      <a:gd name="T60" fmla="*/ 2147483646 w 16384"/>
                      <a:gd name="T61" fmla="*/ 2147483646 h 16384"/>
                      <a:gd name="T62" fmla="*/ 2147483646 w 16384"/>
                      <a:gd name="T63" fmla="*/ 2147483646 h 16384"/>
                      <a:gd name="T64" fmla="*/ 2147483646 w 16384"/>
                      <a:gd name="T65" fmla="*/ 2147483646 h 16384"/>
                      <a:gd name="T66" fmla="*/ 2147483646 w 16384"/>
                      <a:gd name="T67" fmla="*/ 2147483646 h 16384"/>
                      <a:gd name="T68" fmla="*/ 2147483646 w 16384"/>
                      <a:gd name="T69" fmla="*/ 2147483646 h 16384"/>
                      <a:gd name="T70" fmla="*/ 2147483646 w 16384"/>
                      <a:gd name="T71" fmla="*/ 2147483646 h 16384"/>
                      <a:gd name="T72" fmla="*/ 2147483646 w 16384"/>
                      <a:gd name="T73" fmla="*/ 2147483646 h 16384"/>
                      <a:gd name="T74" fmla="*/ 0 w 16384"/>
                      <a:gd name="T75" fmla="*/ 2147483646 h 16384"/>
                      <a:gd name="T76" fmla="*/ 2147483646 w 16384"/>
                      <a:gd name="T77" fmla="*/ 2147483646 h 16384"/>
                      <a:gd name="T78" fmla="*/ 2147483646 w 16384"/>
                      <a:gd name="T79" fmla="*/ 2147483646 h 16384"/>
                      <a:gd name="T80" fmla="*/ 2147483646 w 16384"/>
                      <a:gd name="T81" fmla="*/ 2147483646 h 16384"/>
                      <a:gd name="T82" fmla="*/ 2147483646 w 16384"/>
                      <a:gd name="T83" fmla="*/ 2147483646 h 16384"/>
                      <a:gd name="T84" fmla="*/ 2147483646 w 16384"/>
                      <a:gd name="T85" fmla="*/ 2147483646 h 16384"/>
                      <a:gd name="T86" fmla="*/ 2147483646 w 16384"/>
                      <a:gd name="T87" fmla="*/ 2147483646 h 16384"/>
                      <a:gd name="T88" fmla="*/ 2147483646 w 16384"/>
                      <a:gd name="T89" fmla="*/ 2147483646 h 16384"/>
                      <a:gd name="T90" fmla="*/ 2147483646 w 16384"/>
                      <a:gd name="T91" fmla="*/ 2147483646 h 16384"/>
                      <a:gd name="T92" fmla="*/ 2147483646 w 16384"/>
                      <a:gd name="T93" fmla="*/ 2147483646 h 16384"/>
                      <a:gd name="T94" fmla="*/ 2147483646 w 16384"/>
                      <a:gd name="T95" fmla="*/ 2147483646 h 16384"/>
                      <a:gd name="T96" fmla="*/ 2147483646 w 16384"/>
                      <a:gd name="T97" fmla="*/ 2147483646 h 16384"/>
                      <a:gd name="T98" fmla="*/ 2147483646 w 16384"/>
                      <a:gd name="T99" fmla="*/ 2147483646 h 16384"/>
                      <a:gd name="T100" fmla="*/ 2147483646 w 16384"/>
                      <a:gd name="T101" fmla="*/ 2147483646 h 16384"/>
                      <a:gd name="T102" fmla="*/ 2147483646 w 16384"/>
                      <a:gd name="T103" fmla="*/ 2147483646 h 16384"/>
                      <a:gd name="T104" fmla="*/ 2147483646 w 16384"/>
                      <a:gd name="T105" fmla="*/ 2147483646 h 16384"/>
                      <a:gd name="T106" fmla="*/ 2147483646 w 16384"/>
                      <a:gd name="T107" fmla="*/ 2147483646 h 16384"/>
                      <a:gd name="T108" fmla="*/ 2147483646 w 16384"/>
                      <a:gd name="T109" fmla="*/ 2147483646 h 16384"/>
                      <a:gd name="T110" fmla="*/ 2147483646 w 16384"/>
                      <a:gd name="T111" fmla="*/ 2147483646 h 16384"/>
                      <a:gd name="T112" fmla="*/ 2147483646 w 16384"/>
                      <a:gd name="T113" fmla="*/ 2147483646 h 16384"/>
                      <a:gd name="T114" fmla="*/ 2147483646 w 16384"/>
                      <a:gd name="T115" fmla="*/ 2147483646 h 16384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60000 65536"/>
                      <a:gd name="T127" fmla="*/ 0 60000 65536"/>
                      <a:gd name="T128" fmla="*/ 0 60000 65536"/>
                      <a:gd name="T129" fmla="*/ 0 60000 65536"/>
                      <a:gd name="T130" fmla="*/ 0 60000 65536"/>
                      <a:gd name="T131" fmla="*/ 0 60000 65536"/>
                      <a:gd name="T132" fmla="*/ 0 60000 65536"/>
                      <a:gd name="T133" fmla="*/ 0 60000 65536"/>
                      <a:gd name="T134" fmla="*/ 0 60000 65536"/>
                      <a:gd name="T135" fmla="*/ 0 60000 65536"/>
                      <a:gd name="T136" fmla="*/ 0 60000 65536"/>
                      <a:gd name="T137" fmla="*/ 0 60000 65536"/>
                      <a:gd name="T138" fmla="*/ 0 60000 65536"/>
                      <a:gd name="T139" fmla="*/ 0 60000 65536"/>
                      <a:gd name="T140" fmla="*/ 0 60000 65536"/>
                      <a:gd name="T141" fmla="*/ 0 60000 65536"/>
                      <a:gd name="T142" fmla="*/ 0 60000 65536"/>
                      <a:gd name="T143" fmla="*/ 0 60000 65536"/>
                      <a:gd name="T144" fmla="*/ 0 60000 65536"/>
                      <a:gd name="T145" fmla="*/ 0 60000 65536"/>
                      <a:gd name="T146" fmla="*/ 0 60000 65536"/>
                      <a:gd name="T147" fmla="*/ 0 60000 65536"/>
                      <a:gd name="T148" fmla="*/ 0 60000 65536"/>
                      <a:gd name="T149" fmla="*/ 0 60000 65536"/>
                      <a:gd name="T150" fmla="*/ 0 60000 65536"/>
                      <a:gd name="T151" fmla="*/ 0 60000 65536"/>
                      <a:gd name="T152" fmla="*/ 0 60000 65536"/>
                      <a:gd name="T153" fmla="*/ 0 60000 65536"/>
                      <a:gd name="T154" fmla="*/ 0 60000 65536"/>
                      <a:gd name="T155" fmla="*/ 0 60000 65536"/>
                      <a:gd name="T156" fmla="*/ 0 60000 65536"/>
                      <a:gd name="T157" fmla="*/ 0 60000 65536"/>
                      <a:gd name="T158" fmla="*/ 0 60000 65536"/>
                      <a:gd name="T159" fmla="*/ 0 60000 65536"/>
                      <a:gd name="T160" fmla="*/ 0 60000 65536"/>
                      <a:gd name="T161" fmla="*/ 0 60000 65536"/>
                      <a:gd name="T162" fmla="*/ 0 60000 65536"/>
                      <a:gd name="T163" fmla="*/ 0 60000 65536"/>
                      <a:gd name="T164" fmla="*/ 0 60000 65536"/>
                      <a:gd name="T165" fmla="*/ 0 60000 65536"/>
                      <a:gd name="T166" fmla="*/ 0 60000 65536"/>
                      <a:gd name="T167" fmla="*/ 0 60000 65536"/>
                      <a:gd name="T168" fmla="*/ 0 60000 65536"/>
                      <a:gd name="T169" fmla="*/ 0 60000 65536"/>
                      <a:gd name="T170" fmla="*/ 0 60000 65536"/>
                      <a:gd name="T171" fmla="*/ 0 60000 65536"/>
                      <a:gd name="T172" fmla="*/ 0 60000 65536"/>
                      <a:gd name="T173" fmla="*/ 0 60000 65536"/>
                      <a:gd name="T174" fmla="*/ 0 w 16384"/>
                      <a:gd name="T175" fmla="*/ 0 h 16384"/>
                      <a:gd name="T176" fmla="*/ 16384 w 16384"/>
                      <a:gd name="T177" fmla="*/ 16384 h 16384"/>
                    </a:gdLst>
                    <a:ahLst/>
                    <a:cxnLst>
                      <a:cxn ang="T116">
                        <a:pos x="T0" y="T1"/>
                      </a:cxn>
                      <a:cxn ang="T117">
                        <a:pos x="T2" y="T3"/>
                      </a:cxn>
                      <a:cxn ang="T118">
                        <a:pos x="T4" y="T5"/>
                      </a:cxn>
                      <a:cxn ang="T119">
                        <a:pos x="T6" y="T7"/>
                      </a:cxn>
                      <a:cxn ang="T120">
                        <a:pos x="T8" y="T9"/>
                      </a:cxn>
                      <a:cxn ang="T121">
                        <a:pos x="T10" y="T11"/>
                      </a:cxn>
                      <a:cxn ang="T122">
                        <a:pos x="T12" y="T13"/>
                      </a:cxn>
                      <a:cxn ang="T123">
                        <a:pos x="T14" y="T15"/>
                      </a:cxn>
                      <a:cxn ang="T124">
                        <a:pos x="T16" y="T17"/>
                      </a:cxn>
                      <a:cxn ang="T125">
                        <a:pos x="T18" y="T19"/>
                      </a:cxn>
                      <a:cxn ang="T126">
                        <a:pos x="T20" y="T21"/>
                      </a:cxn>
                      <a:cxn ang="T127">
                        <a:pos x="T22" y="T23"/>
                      </a:cxn>
                      <a:cxn ang="T128">
                        <a:pos x="T24" y="T25"/>
                      </a:cxn>
                      <a:cxn ang="T129">
                        <a:pos x="T26" y="T27"/>
                      </a:cxn>
                      <a:cxn ang="T130">
                        <a:pos x="T28" y="T29"/>
                      </a:cxn>
                      <a:cxn ang="T131">
                        <a:pos x="T30" y="T31"/>
                      </a:cxn>
                      <a:cxn ang="T132">
                        <a:pos x="T32" y="T33"/>
                      </a:cxn>
                      <a:cxn ang="T133">
                        <a:pos x="T34" y="T35"/>
                      </a:cxn>
                      <a:cxn ang="T134">
                        <a:pos x="T36" y="T37"/>
                      </a:cxn>
                      <a:cxn ang="T135">
                        <a:pos x="T38" y="T39"/>
                      </a:cxn>
                      <a:cxn ang="T136">
                        <a:pos x="T40" y="T41"/>
                      </a:cxn>
                      <a:cxn ang="T137">
                        <a:pos x="T42" y="T43"/>
                      </a:cxn>
                      <a:cxn ang="T138">
                        <a:pos x="T44" y="T45"/>
                      </a:cxn>
                      <a:cxn ang="T139">
                        <a:pos x="T46" y="T47"/>
                      </a:cxn>
                      <a:cxn ang="T140">
                        <a:pos x="T48" y="T49"/>
                      </a:cxn>
                      <a:cxn ang="T141">
                        <a:pos x="T50" y="T51"/>
                      </a:cxn>
                      <a:cxn ang="T142">
                        <a:pos x="T52" y="T53"/>
                      </a:cxn>
                      <a:cxn ang="T143">
                        <a:pos x="T54" y="T55"/>
                      </a:cxn>
                      <a:cxn ang="T144">
                        <a:pos x="T56" y="T57"/>
                      </a:cxn>
                      <a:cxn ang="T145">
                        <a:pos x="T58" y="T59"/>
                      </a:cxn>
                      <a:cxn ang="T146">
                        <a:pos x="T60" y="T61"/>
                      </a:cxn>
                      <a:cxn ang="T147">
                        <a:pos x="T62" y="T63"/>
                      </a:cxn>
                      <a:cxn ang="T148">
                        <a:pos x="T64" y="T65"/>
                      </a:cxn>
                      <a:cxn ang="T149">
                        <a:pos x="T66" y="T67"/>
                      </a:cxn>
                      <a:cxn ang="T150">
                        <a:pos x="T68" y="T69"/>
                      </a:cxn>
                      <a:cxn ang="T151">
                        <a:pos x="T70" y="T71"/>
                      </a:cxn>
                      <a:cxn ang="T152">
                        <a:pos x="T72" y="T73"/>
                      </a:cxn>
                      <a:cxn ang="T153">
                        <a:pos x="T74" y="T75"/>
                      </a:cxn>
                      <a:cxn ang="T154">
                        <a:pos x="T76" y="T77"/>
                      </a:cxn>
                      <a:cxn ang="T155">
                        <a:pos x="T78" y="T79"/>
                      </a:cxn>
                      <a:cxn ang="T156">
                        <a:pos x="T80" y="T81"/>
                      </a:cxn>
                      <a:cxn ang="T157">
                        <a:pos x="T82" y="T83"/>
                      </a:cxn>
                      <a:cxn ang="T158">
                        <a:pos x="T84" y="T85"/>
                      </a:cxn>
                      <a:cxn ang="T159">
                        <a:pos x="T86" y="T87"/>
                      </a:cxn>
                      <a:cxn ang="T160">
                        <a:pos x="T88" y="T89"/>
                      </a:cxn>
                      <a:cxn ang="T161">
                        <a:pos x="T90" y="T91"/>
                      </a:cxn>
                      <a:cxn ang="T162">
                        <a:pos x="T92" y="T93"/>
                      </a:cxn>
                      <a:cxn ang="T163">
                        <a:pos x="T94" y="T95"/>
                      </a:cxn>
                      <a:cxn ang="T164">
                        <a:pos x="T96" y="T97"/>
                      </a:cxn>
                      <a:cxn ang="T165">
                        <a:pos x="T98" y="T99"/>
                      </a:cxn>
                      <a:cxn ang="T166">
                        <a:pos x="T100" y="T101"/>
                      </a:cxn>
                      <a:cxn ang="T167">
                        <a:pos x="T102" y="T103"/>
                      </a:cxn>
                      <a:cxn ang="T168">
                        <a:pos x="T104" y="T105"/>
                      </a:cxn>
                      <a:cxn ang="T169">
                        <a:pos x="T106" y="T107"/>
                      </a:cxn>
                      <a:cxn ang="T170">
                        <a:pos x="T108" y="T109"/>
                      </a:cxn>
                      <a:cxn ang="T171">
                        <a:pos x="T110" y="T111"/>
                      </a:cxn>
                      <a:cxn ang="T172">
                        <a:pos x="T112" y="T113"/>
                      </a:cxn>
                      <a:cxn ang="T173">
                        <a:pos x="T114" y="T115"/>
                      </a:cxn>
                    </a:cxnLst>
                    <a:rect l="T174" t="T175" r="T176" b="T177"/>
                    <a:pathLst>
                      <a:path w="16384" h="16384">
                        <a:moveTo>
                          <a:pt x="16384" y="6028"/>
                        </a:moveTo>
                        <a:lnTo>
                          <a:pt x="15391" y="6392"/>
                        </a:lnTo>
                        <a:lnTo>
                          <a:pt x="15170" y="5906"/>
                        </a:lnTo>
                        <a:lnTo>
                          <a:pt x="14784" y="5947"/>
                        </a:lnTo>
                        <a:lnTo>
                          <a:pt x="15170" y="6473"/>
                        </a:lnTo>
                        <a:lnTo>
                          <a:pt x="14619" y="6675"/>
                        </a:lnTo>
                        <a:lnTo>
                          <a:pt x="14122" y="5704"/>
                        </a:lnTo>
                        <a:lnTo>
                          <a:pt x="14067" y="5785"/>
                        </a:lnTo>
                        <a:lnTo>
                          <a:pt x="14398" y="7039"/>
                        </a:lnTo>
                        <a:lnTo>
                          <a:pt x="13515" y="7322"/>
                        </a:lnTo>
                        <a:lnTo>
                          <a:pt x="13405" y="7201"/>
                        </a:lnTo>
                        <a:lnTo>
                          <a:pt x="13515" y="7080"/>
                        </a:lnTo>
                        <a:lnTo>
                          <a:pt x="13846" y="6958"/>
                        </a:lnTo>
                        <a:lnTo>
                          <a:pt x="13791" y="6756"/>
                        </a:lnTo>
                        <a:lnTo>
                          <a:pt x="13626" y="6756"/>
                        </a:lnTo>
                        <a:lnTo>
                          <a:pt x="13405" y="6796"/>
                        </a:lnTo>
                        <a:lnTo>
                          <a:pt x="13184" y="6796"/>
                        </a:lnTo>
                        <a:lnTo>
                          <a:pt x="12853" y="6796"/>
                        </a:lnTo>
                        <a:lnTo>
                          <a:pt x="12467" y="6796"/>
                        </a:lnTo>
                        <a:lnTo>
                          <a:pt x="12081" y="6796"/>
                        </a:lnTo>
                        <a:lnTo>
                          <a:pt x="11860" y="6877"/>
                        </a:lnTo>
                        <a:lnTo>
                          <a:pt x="12357" y="7120"/>
                        </a:lnTo>
                        <a:lnTo>
                          <a:pt x="12247" y="7241"/>
                        </a:lnTo>
                        <a:lnTo>
                          <a:pt x="12578" y="7484"/>
                        </a:lnTo>
                        <a:lnTo>
                          <a:pt x="12467" y="7565"/>
                        </a:lnTo>
                        <a:lnTo>
                          <a:pt x="11916" y="7241"/>
                        </a:lnTo>
                        <a:lnTo>
                          <a:pt x="11254" y="7525"/>
                        </a:lnTo>
                        <a:lnTo>
                          <a:pt x="10978" y="7848"/>
                        </a:lnTo>
                        <a:lnTo>
                          <a:pt x="11254" y="8091"/>
                        </a:lnTo>
                        <a:lnTo>
                          <a:pt x="11419" y="8172"/>
                        </a:lnTo>
                        <a:lnTo>
                          <a:pt x="11750" y="7970"/>
                        </a:lnTo>
                        <a:lnTo>
                          <a:pt x="11971" y="8010"/>
                        </a:lnTo>
                        <a:lnTo>
                          <a:pt x="11860" y="8334"/>
                        </a:lnTo>
                        <a:lnTo>
                          <a:pt x="12467" y="8617"/>
                        </a:lnTo>
                        <a:lnTo>
                          <a:pt x="12743" y="8334"/>
                        </a:lnTo>
                        <a:lnTo>
                          <a:pt x="13074" y="8495"/>
                        </a:lnTo>
                        <a:lnTo>
                          <a:pt x="13184" y="8414"/>
                        </a:lnTo>
                        <a:lnTo>
                          <a:pt x="13350" y="8455"/>
                        </a:lnTo>
                        <a:lnTo>
                          <a:pt x="13295" y="8576"/>
                        </a:lnTo>
                        <a:lnTo>
                          <a:pt x="12688" y="8779"/>
                        </a:lnTo>
                        <a:lnTo>
                          <a:pt x="13019" y="8940"/>
                        </a:lnTo>
                        <a:lnTo>
                          <a:pt x="13460" y="8576"/>
                        </a:lnTo>
                        <a:lnTo>
                          <a:pt x="13681" y="8617"/>
                        </a:lnTo>
                        <a:lnTo>
                          <a:pt x="13515" y="8940"/>
                        </a:lnTo>
                        <a:lnTo>
                          <a:pt x="13626" y="9021"/>
                        </a:lnTo>
                        <a:lnTo>
                          <a:pt x="13846" y="8779"/>
                        </a:lnTo>
                        <a:lnTo>
                          <a:pt x="14012" y="8819"/>
                        </a:lnTo>
                        <a:lnTo>
                          <a:pt x="13736" y="9264"/>
                        </a:lnTo>
                        <a:lnTo>
                          <a:pt x="13902" y="9304"/>
                        </a:lnTo>
                        <a:lnTo>
                          <a:pt x="14122" y="8859"/>
                        </a:lnTo>
                        <a:lnTo>
                          <a:pt x="14343" y="8940"/>
                        </a:lnTo>
                        <a:lnTo>
                          <a:pt x="13957" y="9426"/>
                        </a:lnTo>
                        <a:lnTo>
                          <a:pt x="14233" y="9507"/>
                        </a:lnTo>
                        <a:lnTo>
                          <a:pt x="14564" y="8981"/>
                        </a:lnTo>
                        <a:lnTo>
                          <a:pt x="14619" y="9062"/>
                        </a:lnTo>
                        <a:lnTo>
                          <a:pt x="14343" y="10033"/>
                        </a:lnTo>
                        <a:lnTo>
                          <a:pt x="14067" y="9871"/>
                        </a:lnTo>
                        <a:lnTo>
                          <a:pt x="13902" y="10033"/>
                        </a:lnTo>
                        <a:lnTo>
                          <a:pt x="14343" y="10275"/>
                        </a:lnTo>
                        <a:lnTo>
                          <a:pt x="14233" y="10680"/>
                        </a:lnTo>
                        <a:lnTo>
                          <a:pt x="13515" y="11084"/>
                        </a:lnTo>
                        <a:lnTo>
                          <a:pt x="12909" y="10761"/>
                        </a:lnTo>
                        <a:lnTo>
                          <a:pt x="12412" y="10559"/>
                        </a:lnTo>
                        <a:lnTo>
                          <a:pt x="12136" y="10599"/>
                        </a:lnTo>
                        <a:lnTo>
                          <a:pt x="11860" y="10639"/>
                        </a:lnTo>
                        <a:lnTo>
                          <a:pt x="11529" y="10680"/>
                        </a:lnTo>
                        <a:lnTo>
                          <a:pt x="11143" y="10801"/>
                        </a:lnTo>
                        <a:lnTo>
                          <a:pt x="11033" y="10680"/>
                        </a:lnTo>
                        <a:lnTo>
                          <a:pt x="10868" y="10761"/>
                        </a:lnTo>
                        <a:lnTo>
                          <a:pt x="10978" y="11004"/>
                        </a:lnTo>
                        <a:lnTo>
                          <a:pt x="11750" y="10882"/>
                        </a:lnTo>
                        <a:lnTo>
                          <a:pt x="11971" y="11004"/>
                        </a:lnTo>
                        <a:lnTo>
                          <a:pt x="11971" y="11165"/>
                        </a:lnTo>
                        <a:lnTo>
                          <a:pt x="11750" y="11165"/>
                        </a:lnTo>
                        <a:lnTo>
                          <a:pt x="11474" y="11206"/>
                        </a:lnTo>
                        <a:lnTo>
                          <a:pt x="11033" y="11287"/>
                        </a:lnTo>
                        <a:lnTo>
                          <a:pt x="10757" y="11206"/>
                        </a:lnTo>
                        <a:lnTo>
                          <a:pt x="10426" y="11449"/>
                        </a:lnTo>
                        <a:lnTo>
                          <a:pt x="10592" y="11732"/>
                        </a:lnTo>
                        <a:lnTo>
                          <a:pt x="11143" y="11651"/>
                        </a:lnTo>
                        <a:lnTo>
                          <a:pt x="11309" y="11894"/>
                        </a:lnTo>
                        <a:lnTo>
                          <a:pt x="10923" y="12055"/>
                        </a:lnTo>
                        <a:lnTo>
                          <a:pt x="10757" y="12136"/>
                        </a:lnTo>
                        <a:lnTo>
                          <a:pt x="10978" y="12258"/>
                        </a:lnTo>
                        <a:lnTo>
                          <a:pt x="11364" y="12298"/>
                        </a:lnTo>
                        <a:lnTo>
                          <a:pt x="12136" y="11813"/>
                        </a:lnTo>
                        <a:lnTo>
                          <a:pt x="12522" y="12015"/>
                        </a:lnTo>
                        <a:lnTo>
                          <a:pt x="11860" y="12500"/>
                        </a:lnTo>
                        <a:lnTo>
                          <a:pt x="12136" y="12703"/>
                        </a:lnTo>
                        <a:lnTo>
                          <a:pt x="12357" y="12541"/>
                        </a:lnTo>
                        <a:lnTo>
                          <a:pt x="12522" y="13026"/>
                        </a:lnTo>
                        <a:lnTo>
                          <a:pt x="12247" y="13026"/>
                        </a:lnTo>
                        <a:lnTo>
                          <a:pt x="12136" y="13269"/>
                        </a:lnTo>
                        <a:lnTo>
                          <a:pt x="12191" y="13754"/>
                        </a:lnTo>
                        <a:lnTo>
                          <a:pt x="12467" y="13957"/>
                        </a:lnTo>
                        <a:lnTo>
                          <a:pt x="12467" y="14402"/>
                        </a:lnTo>
                        <a:lnTo>
                          <a:pt x="12136" y="14685"/>
                        </a:lnTo>
                        <a:lnTo>
                          <a:pt x="11695" y="14402"/>
                        </a:lnTo>
                        <a:lnTo>
                          <a:pt x="11364" y="14644"/>
                        </a:lnTo>
                        <a:lnTo>
                          <a:pt x="11198" y="14685"/>
                        </a:lnTo>
                        <a:lnTo>
                          <a:pt x="10978" y="14806"/>
                        </a:lnTo>
                        <a:lnTo>
                          <a:pt x="11033" y="15049"/>
                        </a:lnTo>
                        <a:lnTo>
                          <a:pt x="11143" y="15292"/>
                        </a:lnTo>
                        <a:lnTo>
                          <a:pt x="11254" y="15413"/>
                        </a:lnTo>
                        <a:lnTo>
                          <a:pt x="11474" y="15494"/>
                        </a:lnTo>
                        <a:lnTo>
                          <a:pt x="11198" y="15858"/>
                        </a:lnTo>
                        <a:lnTo>
                          <a:pt x="11088" y="15696"/>
                        </a:lnTo>
                        <a:lnTo>
                          <a:pt x="10868" y="15737"/>
                        </a:lnTo>
                        <a:lnTo>
                          <a:pt x="10702" y="15979"/>
                        </a:lnTo>
                        <a:lnTo>
                          <a:pt x="10592" y="16060"/>
                        </a:lnTo>
                        <a:lnTo>
                          <a:pt x="10261" y="16141"/>
                        </a:lnTo>
                        <a:lnTo>
                          <a:pt x="9819" y="16182"/>
                        </a:lnTo>
                        <a:lnTo>
                          <a:pt x="9764" y="16263"/>
                        </a:lnTo>
                        <a:lnTo>
                          <a:pt x="9544" y="16384"/>
                        </a:lnTo>
                        <a:lnTo>
                          <a:pt x="9323" y="16303"/>
                        </a:lnTo>
                        <a:lnTo>
                          <a:pt x="9213" y="16222"/>
                        </a:lnTo>
                        <a:lnTo>
                          <a:pt x="8937" y="16222"/>
                        </a:lnTo>
                        <a:lnTo>
                          <a:pt x="8606" y="16060"/>
                        </a:lnTo>
                        <a:lnTo>
                          <a:pt x="8495" y="15939"/>
                        </a:lnTo>
                        <a:lnTo>
                          <a:pt x="8551" y="15777"/>
                        </a:lnTo>
                        <a:lnTo>
                          <a:pt x="8385" y="15656"/>
                        </a:lnTo>
                        <a:lnTo>
                          <a:pt x="8220" y="15534"/>
                        </a:lnTo>
                        <a:lnTo>
                          <a:pt x="8220" y="15373"/>
                        </a:lnTo>
                        <a:lnTo>
                          <a:pt x="8275" y="15170"/>
                        </a:lnTo>
                        <a:lnTo>
                          <a:pt x="8109" y="15009"/>
                        </a:lnTo>
                        <a:lnTo>
                          <a:pt x="7613" y="15049"/>
                        </a:lnTo>
                        <a:lnTo>
                          <a:pt x="7337" y="15049"/>
                        </a:lnTo>
                        <a:lnTo>
                          <a:pt x="7116" y="14968"/>
                        </a:lnTo>
                        <a:lnTo>
                          <a:pt x="7116" y="14725"/>
                        </a:lnTo>
                        <a:lnTo>
                          <a:pt x="6951" y="14402"/>
                        </a:lnTo>
                        <a:lnTo>
                          <a:pt x="6896" y="14402"/>
                        </a:lnTo>
                        <a:lnTo>
                          <a:pt x="6509" y="14442"/>
                        </a:lnTo>
                        <a:lnTo>
                          <a:pt x="6289" y="14361"/>
                        </a:lnTo>
                        <a:lnTo>
                          <a:pt x="5958" y="14199"/>
                        </a:lnTo>
                        <a:lnTo>
                          <a:pt x="5682" y="13957"/>
                        </a:lnTo>
                        <a:lnTo>
                          <a:pt x="5572" y="13795"/>
                        </a:lnTo>
                        <a:lnTo>
                          <a:pt x="5461" y="13552"/>
                        </a:lnTo>
                        <a:lnTo>
                          <a:pt x="5296" y="13471"/>
                        </a:lnTo>
                        <a:lnTo>
                          <a:pt x="5130" y="13714"/>
                        </a:lnTo>
                        <a:lnTo>
                          <a:pt x="4689" y="13916"/>
                        </a:lnTo>
                        <a:lnTo>
                          <a:pt x="4137" y="13754"/>
                        </a:lnTo>
                        <a:lnTo>
                          <a:pt x="3862" y="13593"/>
                        </a:lnTo>
                        <a:lnTo>
                          <a:pt x="3696" y="13593"/>
                        </a:lnTo>
                        <a:lnTo>
                          <a:pt x="3310" y="13512"/>
                        </a:lnTo>
                        <a:lnTo>
                          <a:pt x="2924" y="13350"/>
                        </a:lnTo>
                        <a:lnTo>
                          <a:pt x="2538" y="13107"/>
                        </a:lnTo>
                        <a:lnTo>
                          <a:pt x="2372" y="13431"/>
                        </a:lnTo>
                        <a:lnTo>
                          <a:pt x="2096" y="13552"/>
                        </a:lnTo>
                        <a:lnTo>
                          <a:pt x="2041" y="13674"/>
                        </a:lnTo>
                        <a:lnTo>
                          <a:pt x="1765" y="13714"/>
                        </a:lnTo>
                        <a:lnTo>
                          <a:pt x="1434" y="13633"/>
                        </a:lnTo>
                        <a:lnTo>
                          <a:pt x="1489" y="13350"/>
                        </a:lnTo>
                        <a:lnTo>
                          <a:pt x="1600" y="13148"/>
                        </a:lnTo>
                        <a:lnTo>
                          <a:pt x="1710" y="12945"/>
                        </a:lnTo>
                        <a:lnTo>
                          <a:pt x="1931" y="12824"/>
                        </a:lnTo>
                        <a:lnTo>
                          <a:pt x="1986" y="12662"/>
                        </a:lnTo>
                        <a:lnTo>
                          <a:pt x="1876" y="12500"/>
                        </a:lnTo>
                        <a:lnTo>
                          <a:pt x="1655" y="12379"/>
                        </a:lnTo>
                        <a:lnTo>
                          <a:pt x="1489" y="12298"/>
                        </a:lnTo>
                        <a:lnTo>
                          <a:pt x="1379" y="12055"/>
                        </a:lnTo>
                        <a:lnTo>
                          <a:pt x="1269" y="12015"/>
                        </a:lnTo>
                        <a:lnTo>
                          <a:pt x="1158" y="11853"/>
                        </a:lnTo>
                        <a:lnTo>
                          <a:pt x="938" y="11732"/>
                        </a:lnTo>
                        <a:lnTo>
                          <a:pt x="938" y="11570"/>
                        </a:lnTo>
                        <a:lnTo>
                          <a:pt x="883" y="11327"/>
                        </a:lnTo>
                        <a:lnTo>
                          <a:pt x="772" y="11165"/>
                        </a:lnTo>
                        <a:lnTo>
                          <a:pt x="827" y="11004"/>
                        </a:lnTo>
                        <a:lnTo>
                          <a:pt x="772" y="10842"/>
                        </a:lnTo>
                        <a:lnTo>
                          <a:pt x="827" y="10559"/>
                        </a:lnTo>
                        <a:lnTo>
                          <a:pt x="883" y="10316"/>
                        </a:lnTo>
                        <a:lnTo>
                          <a:pt x="883" y="10154"/>
                        </a:lnTo>
                        <a:lnTo>
                          <a:pt x="717" y="10033"/>
                        </a:lnTo>
                        <a:lnTo>
                          <a:pt x="496" y="9952"/>
                        </a:lnTo>
                        <a:lnTo>
                          <a:pt x="607" y="9507"/>
                        </a:lnTo>
                        <a:lnTo>
                          <a:pt x="552" y="9345"/>
                        </a:lnTo>
                        <a:lnTo>
                          <a:pt x="827" y="8900"/>
                        </a:lnTo>
                        <a:lnTo>
                          <a:pt x="1048" y="8495"/>
                        </a:lnTo>
                        <a:lnTo>
                          <a:pt x="883" y="8172"/>
                        </a:lnTo>
                        <a:lnTo>
                          <a:pt x="662" y="7808"/>
                        </a:lnTo>
                        <a:lnTo>
                          <a:pt x="552" y="7565"/>
                        </a:lnTo>
                        <a:lnTo>
                          <a:pt x="662" y="7363"/>
                        </a:lnTo>
                        <a:lnTo>
                          <a:pt x="662" y="7201"/>
                        </a:lnTo>
                        <a:lnTo>
                          <a:pt x="441" y="6877"/>
                        </a:lnTo>
                        <a:lnTo>
                          <a:pt x="441" y="6675"/>
                        </a:lnTo>
                        <a:lnTo>
                          <a:pt x="441" y="6473"/>
                        </a:lnTo>
                        <a:lnTo>
                          <a:pt x="386" y="6311"/>
                        </a:lnTo>
                        <a:lnTo>
                          <a:pt x="496" y="6109"/>
                        </a:lnTo>
                        <a:lnTo>
                          <a:pt x="276" y="5745"/>
                        </a:lnTo>
                        <a:lnTo>
                          <a:pt x="110" y="5704"/>
                        </a:lnTo>
                        <a:lnTo>
                          <a:pt x="0" y="5583"/>
                        </a:lnTo>
                        <a:lnTo>
                          <a:pt x="110" y="5461"/>
                        </a:lnTo>
                        <a:lnTo>
                          <a:pt x="276" y="5340"/>
                        </a:lnTo>
                        <a:lnTo>
                          <a:pt x="607" y="5300"/>
                        </a:lnTo>
                        <a:lnTo>
                          <a:pt x="938" y="5259"/>
                        </a:lnTo>
                        <a:lnTo>
                          <a:pt x="1324" y="5219"/>
                        </a:lnTo>
                        <a:lnTo>
                          <a:pt x="1324" y="5097"/>
                        </a:lnTo>
                        <a:lnTo>
                          <a:pt x="1048" y="4855"/>
                        </a:lnTo>
                        <a:lnTo>
                          <a:pt x="1214" y="4612"/>
                        </a:lnTo>
                        <a:lnTo>
                          <a:pt x="1269" y="4410"/>
                        </a:lnTo>
                        <a:lnTo>
                          <a:pt x="1434" y="4248"/>
                        </a:lnTo>
                        <a:lnTo>
                          <a:pt x="1434" y="4086"/>
                        </a:lnTo>
                        <a:lnTo>
                          <a:pt x="1600" y="3722"/>
                        </a:lnTo>
                        <a:lnTo>
                          <a:pt x="1379" y="3439"/>
                        </a:lnTo>
                        <a:lnTo>
                          <a:pt x="1434" y="3277"/>
                        </a:lnTo>
                        <a:lnTo>
                          <a:pt x="1324" y="3155"/>
                        </a:lnTo>
                        <a:lnTo>
                          <a:pt x="1103" y="3075"/>
                        </a:lnTo>
                        <a:lnTo>
                          <a:pt x="1103" y="2913"/>
                        </a:lnTo>
                        <a:lnTo>
                          <a:pt x="1269" y="2589"/>
                        </a:lnTo>
                        <a:lnTo>
                          <a:pt x="1158" y="2104"/>
                        </a:lnTo>
                        <a:lnTo>
                          <a:pt x="938" y="1942"/>
                        </a:lnTo>
                        <a:lnTo>
                          <a:pt x="938" y="1740"/>
                        </a:lnTo>
                        <a:lnTo>
                          <a:pt x="827" y="1740"/>
                        </a:lnTo>
                        <a:lnTo>
                          <a:pt x="496" y="1942"/>
                        </a:lnTo>
                        <a:lnTo>
                          <a:pt x="386" y="1497"/>
                        </a:lnTo>
                        <a:lnTo>
                          <a:pt x="607" y="1173"/>
                        </a:lnTo>
                        <a:lnTo>
                          <a:pt x="993" y="1133"/>
                        </a:lnTo>
                        <a:lnTo>
                          <a:pt x="1489" y="890"/>
                        </a:lnTo>
                        <a:lnTo>
                          <a:pt x="1379" y="1295"/>
                        </a:lnTo>
                        <a:lnTo>
                          <a:pt x="1600" y="1416"/>
                        </a:lnTo>
                        <a:lnTo>
                          <a:pt x="1545" y="1578"/>
                        </a:lnTo>
                        <a:lnTo>
                          <a:pt x="1655" y="1780"/>
                        </a:lnTo>
                        <a:lnTo>
                          <a:pt x="1986" y="1780"/>
                        </a:lnTo>
                        <a:lnTo>
                          <a:pt x="2041" y="1618"/>
                        </a:lnTo>
                        <a:lnTo>
                          <a:pt x="2317" y="1618"/>
                        </a:lnTo>
                        <a:lnTo>
                          <a:pt x="2427" y="1335"/>
                        </a:lnTo>
                        <a:lnTo>
                          <a:pt x="2813" y="1254"/>
                        </a:lnTo>
                        <a:lnTo>
                          <a:pt x="2869" y="1092"/>
                        </a:lnTo>
                        <a:lnTo>
                          <a:pt x="2979" y="1173"/>
                        </a:lnTo>
                        <a:lnTo>
                          <a:pt x="3034" y="1295"/>
                        </a:lnTo>
                        <a:lnTo>
                          <a:pt x="3089" y="1335"/>
                        </a:lnTo>
                        <a:lnTo>
                          <a:pt x="3200" y="1375"/>
                        </a:lnTo>
                        <a:lnTo>
                          <a:pt x="3200" y="1537"/>
                        </a:lnTo>
                        <a:lnTo>
                          <a:pt x="3255" y="1537"/>
                        </a:lnTo>
                        <a:lnTo>
                          <a:pt x="3586" y="1375"/>
                        </a:lnTo>
                        <a:lnTo>
                          <a:pt x="3806" y="1335"/>
                        </a:lnTo>
                        <a:lnTo>
                          <a:pt x="4193" y="1052"/>
                        </a:lnTo>
                        <a:lnTo>
                          <a:pt x="4082" y="1011"/>
                        </a:lnTo>
                        <a:lnTo>
                          <a:pt x="4193" y="971"/>
                        </a:lnTo>
                        <a:lnTo>
                          <a:pt x="4027" y="769"/>
                        </a:lnTo>
                        <a:lnTo>
                          <a:pt x="3917" y="688"/>
                        </a:lnTo>
                        <a:lnTo>
                          <a:pt x="4248" y="728"/>
                        </a:lnTo>
                        <a:lnTo>
                          <a:pt x="4303" y="647"/>
                        </a:lnTo>
                        <a:lnTo>
                          <a:pt x="4303" y="485"/>
                        </a:lnTo>
                        <a:lnTo>
                          <a:pt x="4193" y="324"/>
                        </a:lnTo>
                        <a:lnTo>
                          <a:pt x="4248" y="243"/>
                        </a:lnTo>
                        <a:lnTo>
                          <a:pt x="4193" y="0"/>
                        </a:lnTo>
                        <a:lnTo>
                          <a:pt x="4579" y="81"/>
                        </a:lnTo>
                        <a:lnTo>
                          <a:pt x="4910" y="81"/>
                        </a:lnTo>
                        <a:lnTo>
                          <a:pt x="5296" y="162"/>
                        </a:lnTo>
                        <a:lnTo>
                          <a:pt x="5737" y="324"/>
                        </a:lnTo>
                        <a:lnTo>
                          <a:pt x="6123" y="324"/>
                        </a:lnTo>
                        <a:lnTo>
                          <a:pt x="6178" y="526"/>
                        </a:lnTo>
                        <a:lnTo>
                          <a:pt x="6509" y="607"/>
                        </a:lnTo>
                        <a:lnTo>
                          <a:pt x="6730" y="971"/>
                        </a:lnTo>
                        <a:lnTo>
                          <a:pt x="6896" y="1295"/>
                        </a:lnTo>
                        <a:lnTo>
                          <a:pt x="7227" y="1335"/>
                        </a:lnTo>
                        <a:lnTo>
                          <a:pt x="7447" y="1456"/>
                        </a:lnTo>
                        <a:lnTo>
                          <a:pt x="7944" y="1456"/>
                        </a:lnTo>
                        <a:lnTo>
                          <a:pt x="8109" y="1497"/>
                        </a:lnTo>
                        <a:lnTo>
                          <a:pt x="8495" y="1578"/>
                        </a:lnTo>
                        <a:lnTo>
                          <a:pt x="8771" y="1578"/>
                        </a:lnTo>
                        <a:lnTo>
                          <a:pt x="8937" y="1537"/>
                        </a:lnTo>
                        <a:lnTo>
                          <a:pt x="9268" y="1740"/>
                        </a:lnTo>
                        <a:lnTo>
                          <a:pt x="9709" y="1740"/>
                        </a:lnTo>
                        <a:lnTo>
                          <a:pt x="10040" y="1982"/>
                        </a:lnTo>
                        <a:lnTo>
                          <a:pt x="10426" y="1861"/>
                        </a:lnTo>
                        <a:lnTo>
                          <a:pt x="10647" y="1901"/>
                        </a:lnTo>
                        <a:lnTo>
                          <a:pt x="10812" y="1820"/>
                        </a:lnTo>
                        <a:lnTo>
                          <a:pt x="11254" y="1901"/>
                        </a:lnTo>
                        <a:lnTo>
                          <a:pt x="11640" y="2023"/>
                        </a:lnTo>
                        <a:lnTo>
                          <a:pt x="12026" y="2063"/>
                        </a:lnTo>
                        <a:lnTo>
                          <a:pt x="12302" y="2023"/>
                        </a:lnTo>
                        <a:lnTo>
                          <a:pt x="12467" y="2144"/>
                        </a:lnTo>
                        <a:lnTo>
                          <a:pt x="12688" y="2225"/>
                        </a:lnTo>
                        <a:lnTo>
                          <a:pt x="12909" y="2346"/>
                        </a:lnTo>
                        <a:lnTo>
                          <a:pt x="12688" y="3034"/>
                        </a:lnTo>
                        <a:lnTo>
                          <a:pt x="12688" y="3196"/>
                        </a:lnTo>
                        <a:lnTo>
                          <a:pt x="12743" y="3277"/>
                        </a:lnTo>
                        <a:lnTo>
                          <a:pt x="13019" y="3317"/>
                        </a:lnTo>
                        <a:lnTo>
                          <a:pt x="13460" y="3479"/>
                        </a:lnTo>
                        <a:lnTo>
                          <a:pt x="13957" y="3236"/>
                        </a:lnTo>
                        <a:lnTo>
                          <a:pt x="14233" y="3155"/>
                        </a:lnTo>
                        <a:lnTo>
                          <a:pt x="14619" y="3155"/>
                        </a:lnTo>
                        <a:lnTo>
                          <a:pt x="14564" y="3600"/>
                        </a:lnTo>
                        <a:lnTo>
                          <a:pt x="14674" y="3722"/>
                        </a:lnTo>
                        <a:lnTo>
                          <a:pt x="14839" y="3965"/>
                        </a:lnTo>
                        <a:lnTo>
                          <a:pt x="14895" y="4167"/>
                        </a:lnTo>
                        <a:lnTo>
                          <a:pt x="14839" y="4329"/>
                        </a:lnTo>
                        <a:lnTo>
                          <a:pt x="15060" y="4410"/>
                        </a:lnTo>
                        <a:lnTo>
                          <a:pt x="15226" y="4652"/>
                        </a:lnTo>
                        <a:lnTo>
                          <a:pt x="15501" y="5421"/>
                        </a:lnTo>
                        <a:lnTo>
                          <a:pt x="15777" y="5340"/>
                        </a:lnTo>
                        <a:lnTo>
                          <a:pt x="16384" y="6028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83" name="d14211"/>
                  <xdr:cNvSpPr>
                    <a:spLocks/>
                  </xdr:cNvSpPr>
                </xdr:nvSpPr>
                <xdr:spPr bwMode="auto">
                  <a:xfrm>
                    <a:off x="14982825" y="12706350"/>
                    <a:ext cx="1714500" cy="1590675"/>
                  </a:xfrm>
                  <a:custGeom>
                    <a:avLst/>
                    <a:gdLst>
                      <a:gd name="T0" fmla="*/ 2147483646 w 16384"/>
                      <a:gd name="T1" fmla="*/ 2147483646 h 16384"/>
                      <a:gd name="T2" fmla="*/ 2147483646 w 16384"/>
                      <a:gd name="T3" fmla="*/ 2147483646 h 16384"/>
                      <a:gd name="T4" fmla="*/ 2147483646 w 16384"/>
                      <a:gd name="T5" fmla="*/ 2147483646 h 16384"/>
                      <a:gd name="T6" fmla="*/ 2147483646 w 16384"/>
                      <a:gd name="T7" fmla="*/ 2147483646 h 16384"/>
                      <a:gd name="T8" fmla="*/ 2147483646 w 16384"/>
                      <a:gd name="T9" fmla="*/ 2147483646 h 16384"/>
                      <a:gd name="T10" fmla="*/ 2147483646 w 16384"/>
                      <a:gd name="T11" fmla="*/ 2147483646 h 16384"/>
                      <a:gd name="T12" fmla="*/ 2147483646 w 16384"/>
                      <a:gd name="T13" fmla="*/ 2147483646 h 16384"/>
                      <a:gd name="T14" fmla="*/ 2147483646 w 16384"/>
                      <a:gd name="T15" fmla="*/ 2147483646 h 16384"/>
                      <a:gd name="T16" fmla="*/ 2147483646 w 16384"/>
                      <a:gd name="T17" fmla="*/ 2147483646 h 16384"/>
                      <a:gd name="T18" fmla="*/ 2147483646 w 16384"/>
                      <a:gd name="T19" fmla="*/ 2147483646 h 16384"/>
                      <a:gd name="T20" fmla="*/ 2147483646 w 16384"/>
                      <a:gd name="T21" fmla="*/ 2147483646 h 16384"/>
                      <a:gd name="T22" fmla="*/ 2147483646 w 16384"/>
                      <a:gd name="T23" fmla="*/ 2147483646 h 16384"/>
                      <a:gd name="T24" fmla="*/ 2147483646 w 16384"/>
                      <a:gd name="T25" fmla="*/ 2147483646 h 16384"/>
                      <a:gd name="T26" fmla="*/ 2147483646 w 16384"/>
                      <a:gd name="T27" fmla="*/ 2147483646 h 16384"/>
                      <a:gd name="T28" fmla="*/ 2147483646 w 16384"/>
                      <a:gd name="T29" fmla="*/ 2147483646 h 16384"/>
                      <a:gd name="T30" fmla="*/ 2147483646 w 16384"/>
                      <a:gd name="T31" fmla="*/ 2147483646 h 16384"/>
                      <a:gd name="T32" fmla="*/ 2147483646 w 16384"/>
                      <a:gd name="T33" fmla="*/ 2147483646 h 16384"/>
                      <a:gd name="T34" fmla="*/ 2147483646 w 16384"/>
                      <a:gd name="T35" fmla="*/ 2147483646 h 16384"/>
                      <a:gd name="T36" fmla="*/ 2147483646 w 16384"/>
                      <a:gd name="T37" fmla="*/ 2147483646 h 16384"/>
                      <a:gd name="T38" fmla="*/ 2147483646 w 16384"/>
                      <a:gd name="T39" fmla="*/ 2147483646 h 16384"/>
                      <a:gd name="T40" fmla="*/ 2147483646 w 16384"/>
                      <a:gd name="T41" fmla="*/ 2147483646 h 16384"/>
                      <a:gd name="T42" fmla="*/ 2147483646 w 16384"/>
                      <a:gd name="T43" fmla="*/ 2147483646 h 16384"/>
                      <a:gd name="T44" fmla="*/ 2147483646 w 16384"/>
                      <a:gd name="T45" fmla="*/ 2147483646 h 16384"/>
                      <a:gd name="T46" fmla="*/ 2147483646 w 16384"/>
                      <a:gd name="T47" fmla="*/ 2147483646 h 16384"/>
                      <a:gd name="T48" fmla="*/ 2147483646 w 16384"/>
                      <a:gd name="T49" fmla="*/ 2147483646 h 16384"/>
                      <a:gd name="T50" fmla="*/ 2147483646 w 16384"/>
                      <a:gd name="T51" fmla="*/ 2147483646 h 16384"/>
                      <a:gd name="T52" fmla="*/ 2147483646 w 16384"/>
                      <a:gd name="T53" fmla="*/ 2147483646 h 16384"/>
                      <a:gd name="T54" fmla="*/ 2147483646 w 16384"/>
                      <a:gd name="T55" fmla="*/ 2147483646 h 16384"/>
                      <a:gd name="T56" fmla="*/ 2147483646 w 16384"/>
                      <a:gd name="T57" fmla="*/ 2147483646 h 16384"/>
                      <a:gd name="T58" fmla="*/ 0 w 16384"/>
                      <a:gd name="T59" fmla="*/ 2147483646 h 16384"/>
                      <a:gd name="T60" fmla="*/ 0 w 16384"/>
                      <a:gd name="T61" fmla="*/ 2147483646 h 16384"/>
                      <a:gd name="T62" fmla="*/ 2147483646 w 16384"/>
                      <a:gd name="T63" fmla="*/ 2147483646 h 16384"/>
                      <a:gd name="T64" fmla="*/ 2147483646 w 16384"/>
                      <a:gd name="T65" fmla="*/ 2147483646 h 16384"/>
                      <a:gd name="T66" fmla="*/ 2147483646 w 16384"/>
                      <a:gd name="T67" fmla="*/ 2147483646 h 16384"/>
                      <a:gd name="T68" fmla="*/ 2147483646 w 16384"/>
                      <a:gd name="T69" fmla="*/ 2147483646 h 16384"/>
                      <a:gd name="T70" fmla="*/ 2147483646 w 16384"/>
                      <a:gd name="T71" fmla="*/ 2147483646 h 16384"/>
                      <a:gd name="T72" fmla="*/ 2147483646 w 16384"/>
                      <a:gd name="T73" fmla="*/ 2147483646 h 16384"/>
                      <a:gd name="T74" fmla="*/ 2147483646 w 16384"/>
                      <a:gd name="T75" fmla="*/ 2147483646 h 16384"/>
                      <a:gd name="T76" fmla="*/ 2147483646 w 16384"/>
                      <a:gd name="T77" fmla="*/ 2147483646 h 16384"/>
                      <a:gd name="T78" fmla="*/ 2147483646 w 16384"/>
                      <a:gd name="T79" fmla="*/ 2147483646 h 16384"/>
                      <a:gd name="T80" fmla="*/ 2147483646 w 16384"/>
                      <a:gd name="T81" fmla="*/ 2147483646 h 16384"/>
                      <a:gd name="T82" fmla="*/ 2147483646 w 16384"/>
                      <a:gd name="T83" fmla="*/ 2147483646 h 16384"/>
                      <a:gd name="T84" fmla="*/ 2147483646 w 16384"/>
                      <a:gd name="T85" fmla="*/ 2147483646 h 16384"/>
                      <a:gd name="T86" fmla="*/ 2147483646 w 16384"/>
                      <a:gd name="T87" fmla="*/ 2147483646 h 16384"/>
                      <a:gd name="T88" fmla="*/ 2147483646 w 16384"/>
                      <a:gd name="T89" fmla="*/ 2147483646 h 16384"/>
                      <a:gd name="T90" fmla="*/ 2147483646 w 16384"/>
                      <a:gd name="T91" fmla="*/ 2147483646 h 16384"/>
                      <a:gd name="T92" fmla="*/ 2147483646 w 16384"/>
                      <a:gd name="T93" fmla="*/ 2147483646 h 16384"/>
                      <a:gd name="T94" fmla="*/ 2147483646 w 16384"/>
                      <a:gd name="T95" fmla="*/ 2147483646 h 16384"/>
                      <a:gd name="T96" fmla="*/ 2147483646 w 16384"/>
                      <a:gd name="T97" fmla="*/ 2147483646 h 16384"/>
                      <a:gd name="T98" fmla="*/ 2147483646 w 16384"/>
                      <a:gd name="T99" fmla="*/ 2147483646 h 16384"/>
                      <a:gd name="T100" fmla="*/ 2147483646 w 16384"/>
                      <a:gd name="T101" fmla="*/ 2147483646 h 16384"/>
                      <a:gd name="T102" fmla="*/ 2147483646 w 16384"/>
                      <a:gd name="T103" fmla="*/ 2147483646 h 16384"/>
                      <a:gd name="T104" fmla="*/ 2147483646 w 16384"/>
                      <a:gd name="T105" fmla="*/ 2147483646 h 16384"/>
                      <a:gd name="T106" fmla="*/ 2147483646 w 16384"/>
                      <a:gd name="T107" fmla="*/ 2147483646 h 16384"/>
                      <a:gd name="T108" fmla="*/ 2147483646 w 16384"/>
                      <a:gd name="T109" fmla="*/ 2147483646 h 16384"/>
                      <a:gd name="T110" fmla="*/ 0 60000 65536"/>
                      <a:gd name="T111" fmla="*/ 0 60000 65536"/>
                      <a:gd name="T112" fmla="*/ 0 60000 65536"/>
                      <a:gd name="T113" fmla="*/ 0 60000 65536"/>
                      <a:gd name="T114" fmla="*/ 0 60000 65536"/>
                      <a:gd name="T115" fmla="*/ 0 60000 65536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60000 65536"/>
                      <a:gd name="T127" fmla="*/ 0 60000 65536"/>
                      <a:gd name="T128" fmla="*/ 0 60000 65536"/>
                      <a:gd name="T129" fmla="*/ 0 60000 65536"/>
                      <a:gd name="T130" fmla="*/ 0 60000 65536"/>
                      <a:gd name="T131" fmla="*/ 0 60000 65536"/>
                      <a:gd name="T132" fmla="*/ 0 60000 65536"/>
                      <a:gd name="T133" fmla="*/ 0 60000 65536"/>
                      <a:gd name="T134" fmla="*/ 0 60000 65536"/>
                      <a:gd name="T135" fmla="*/ 0 60000 65536"/>
                      <a:gd name="T136" fmla="*/ 0 60000 65536"/>
                      <a:gd name="T137" fmla="*/ 0 60000 65536"/>
                      <a:gd name="T138" fmla="*/ 0 60000 65536"/>
                      <a:gd name="T139" fmla="*/ 0 60000 65536"/>
                      <a:gd name="T140" fmla="*/ 0 60000 65536"/>
                      <a:gd name="T141" fmla="*/ 0 60000 65536"/>
                      <a:gd name="T142" fmla="*/ 0 60000 65536"/>
                      <a:gd name="T143" fmla="*/ 0 60000 65536"/>
                      <a:gd name="T144" fmla="*/ 0 60000 65536"/>
                      <a:gd name="T145" fmla="*/ 0 60000 65536"/>
                      <a:gd name="T146" fmla="*/ 0 60000 65536"/>
                      <a:gd name="T147" fmla="*/ 0 60000 65536"/>
                      <a:gd name="T148" fmla="*/ 0 60000 65536"/>
                      <a:gd name="T149" fmla="*/ 0 60000 65536"/>
                      <a:gd name="T150" fmla="*/ 0 60000 65536"/>
                      <a:gd name="T151" fmla="*/ 0 60000 65536"/>
                      <a:gd name="T152" fmla="*/ 0 60000 65536"/>
                      <a:gd name="T153" fmla="*/ 0 60000 65536"/>
                      <a:gd name="T154" fmla="*/ 0 60000 65536"/>
                      <a:gd name="T155" fmla="*/ 0 60000 65536"/>
                      <a:gd name="T156" fmla="*/ 0 60000 65536"/>
                      <a:gd name="T157" fmla="*/ 0 60000 65536"/>
                      <a:gd name="T158" fmla="*/ 0 60000 65536"/>
                      <a:gd name="T159" fmla="*/ 0 60000 65536"/>
                      <a:gd name="T160" fmla="*/ 0 60000 65536"/>
                      <a:gd name="T161" fmla="*/ 0 60000 65536"/>
                      <a:gd name="T162" fmla="*/ 0 60000 65536"/>
                      <a:gd name="T163" fmla="*/ 0 60000 65536"/>
                      <a:gd name="T164" fmla="*/ 0 60000 65536"/>
                      <a:gd name="T165" fmla="*/ 0 w 16384"/>
                      <a:gd name="T166" fmla="*/ 0 h 16384"/>
                      <a:gd name="T167" fmla="*/ 16384 w 16384"/>
                      <a:gd name="T168" fmla="*/ 16384 h 16384"/>
                    </a:gdLst>
                    <a:ahLst/>
                    <a:cxnLst>
                      <a:cxn ang="T110">
                        <a:pos x="T0" y="T1"/>
                      </a:cxn>
                      <a:cxn ang="T111">
                        <a:pos x="T2" y="T3"/>
                      </a:cxn>
                      <a:cxn ang="T112">
                        <a:pos x="T4" y="T5"/>
                      </a:cxn>
                      <a:cxn ang="T113">
                        <a:pos x="T6" y="T7"/>
                      </a:cxn>
                      <a:cxn ang="T114">
                        <a:pos x="T8" y="T9"/>
                      </a:cxn>
                      <a:cxn ang="T115">
                        <a:pos x="T10" y="T11"/>
                      </a:cxn>
                      <a:cxn ang="T116">
                        <a:pos x="T12" y="T13"/>
                      </a:cxn>
                      <a:cxn ang="T117">
                        <a:pos x="T14" y="T15"/>
                      </a:cxn>
                      <a:cxn ang="T118">
                        <a:pos x="T16" y="T17"/>
                      </a:cxn>
                      <a:cxn ang="T119">
                        <a:pos x="T18" y="T19"/>
                      </a:cxn>
                      <a:cxn ang="T120">
                        <a:pos x="T20" y="T21"/>
                      </a:cxn>
                      <a:cxn ang="T121">
                        <a:pos x="T22" y="T23"/>
                      </a:cxn>
                      <a:cxn ang="T122">
                        <a:pos x="T24" y="T25"/>
                      </a:cxn>
                      <a:cxn ang="T123">
                        <a:pos x="T26" y="T27"/>
                      </a:cxn>
                      <a:cxn ang="T124">
                        <a:pos x="T28" y="T29"/>
                      </a:cxn>
                      <a:cxn ang="T125">
                        <a:pos x="T30" y="T31"/>
                      </a:cxn>
                      <a:cxn ang="T126">
                        <a:pos x="T32" y="T33"/>
                      </a:cxn>
                      <a:cxn ang="T127">
                        <a:pos x="T34" y="T35"/>
                      </a:cxn>
                      <a:cxn ang="T128">
                        <a:pos x="T36" y="T37"/>
                      </a:cxn>
                      <a:cxn ang="T129">
                        <a:pos x="T38" y="T39"/>
                      </a:cxn>
                      <a:cxn ang="T130">
                        <a:pos x="T40" y="T41"/>
                      </a:cxn>
                      <a:cxn ang="T131">
                        <a:pos x="T42" y="T43"/>
                      </a:cxn>
                      <a:cxn ang="T132">
                        <a:pos x="T44" y="T45"/>
                      </a:cxn>
                      <a:cxn ang="T133">
                        <a:pos x="T46" y="T47"/>
                      </a:cxn>
                      <a:cxn ang="T134">
                        <a:pos x="T48" y="T49"/>
                      </a:cxn>
                      <a:cxn ang="T135">
                        <a:pos x="T50" y="T51"/>
                      </a:cxn>
                      <a:cxn ang="T136">
                        <a:pos x="T52" y="T53"/>
                      </a:cxn>
                      <a:cxn ang="T137">
                        <a:pos x="T54" y="T55"/>
                      </a:cxn>
                      <a:cxn ang="T138">
                        <a:pos x="T56" y="T57"/>
                      </a:cxn>
                      <a:cxn ang="T139">
                        <a:pos x="T58" y="T59"/>
                      </a:cxn>
                      <a:cxn ang="T140">
                        <a:pos x="T60" y="T61"/>
                      </a:cxn>
                      <a:cxn ang="T141">
                        <a:pos x="T62" y="T63"/>
                      </a:cxn>
                      <a:cxn ang="T142">
                        <a:pos x="T64" y="T65"/>
                      </a:cxn>
                      <a:cxn ang="T143">
                        <a:pos x="T66" y="T67"/>
                      </a:cxn>
                      <a:cxn ang="T144">
                        <a:pos x="T68" y="T69"/>
                      </a:cxn>
                      <a:cxn ang="T145">
                        <a:pos x="T70" y="T71"/>
                      </a:cxn>
                      <a:cxn ang="T146">
                        <a:pos x="T72" y="T73"/>
                      </a:cxn>
                      <a:cxn ang="T147">
                        <a:pos x="T74" y="T75"/>
                      </a:cxn>
                      <a:cxn ang="T148">
                        <a:pos x="T76" y="T77"/>
                      </a:cxn>
                      <a:cxn ang="T149">
                        <a:pos x="T78" y="T79"/>
                      </a:cxn>
                      <a:cxn ang="T150">
                        <a:pos x="T80" y="T81"/>
                      </a:cxn>
                      <a:cxn ang="T151">
                        <a:pos x="T82" y="T83"/>
                      </a:cxn>
                      <a:cxn ang="T152">
                        <a:pos x="T84" y="T85"/>
                      </a:cxn>
                      <a:cxn ang="T153">
                        <a:pos x="T86" y="T87"/>
                      </a:cxn>
                      <a:cxn ang="T154">
                        <a:pos x="T88" y="T89"/>
                      </a:cxn>
                      <a:cxn ang="T155">
                        <a:pos x="T90" y="T91"/>
                      </a:cxn>
                      <a:cxn ang="T156">
                        <a:pos x="T92" y="T93"/>
                      </a:cxn>
                      <a:cxn ang="T157">
                        <a:pos x="T94" y="T95"/>
                      </a:cxn>
                      <a:cxn ang="T158">
                        <a:pos x="T96" y="T97"/>
                      </a:cxn>
                      <a:cxn ang="T159">
                        <a:pos x="T98" y="T99"/>
                      </a:cxn>
                      <a:cxn ang="T160">
                        <a:pos x="T100" y="T101"/>
                      </a:cxn>
                      <a:cxn ang="T161">
                        <a:pos x="T102" y="T103"/>
                      </a:cxn>
                      <a:cxn ang="T162">
                        <a:pos x="T104" y="T105"/>
                      </a:cxn>
                      <a:cxn ang="T163">
                        <a:pos x="T106" y="T107"/>
                      </a:cxn>
                      <a:cxn ang="T164">
                        <a:pos x="T108" y="T109"/>
                      </a:cxn>
                    </a:cxnLst>
                    <a:rect l="T165" t="T166" r="T167" b="T168"/>
                    <a:pathLst>
                      <a:path w="16384" h="16384">
                        <a:moveTo>
                          <a:pt x="16293" y="11479"/>
                        </a:moveTo>
                        <a:lnTo>
                          <a:pt x="16384" y="12460"/>
                        </a:lnTo>
                        <a:lnTo>
                          <a:pt x="16111" y="12558"/>
                        </a:lnTo>
                        <a:lnTo>
                          <a:pt x="15656" y="12460"/>
                        </a:lnTo>
                        <a:lnTo>
                          <a:pt x="15292" y="12656"/>
                        </a:lnTo>
                        <a:lnTo>
                          <a:pt x="14746" y="12656"/>
                        </a:lnTo>
                        <a:lnTo>
                          <a:pt x="14382" y="12754"/>
                        </a:lnTo>
                        <a:lnTo>
                          <a:pt x="14382" y="13048"/>
                        </a:lnTo>
                        <a:lnTo>
                          <a:pt x="14382" y="13539"/>
                        </a:lnTo>
                        <a:lnTo>
                          <a:pt x="14199" y="13539"/>
                        </a:lnTo>
                        <a:lnTo>
                          <a:pt x="13926" y="14226"/>
                        </a:lnTo>
                        <a:lnTo>
                          <a:pt x="13744" y="14814"/>
                        </a:lnTo>
                        <a:lnTo>
                          <a:pt x="13471" y="14912"/>
                        </a:lnTo>
                        <a:lnTo>
                          <a:pt x="12925" y="14912"/>
                        </a:lnTo>
                        <a:lnTo>
                          <a:pt x="12470" y="15010"/>
                        </a:lnTo>
                        <a:lnTo>
                          <a:pt x="12015" y="15207"/>
                        </a:lnTo>
                        <a:lnTo>
                          <a:pt x="11105" y="15109"/>
                        </a:lnTo>
                        <a:lnTo>
                          <a:pt x="10468" y="15501"/>
                        </a:lnTo>
                        <a:lnTo>
                          <a:pt x="9648" y="15305"/>
                        </a:lnTo>
                        <a:lnTo>
                          <a:pt x="8829" y="15207"/>
                        </a:lnTo>
                        <a:lnTo>
                          <a:pt x="8192" y="15501"/>
                        </a:lnTo>
                        <a:lnTo>
                          <a:pt x="7737" y="14912"/>
                        </a:lnTo>
                        <a:lnTo>
                          <a:pt x="7737" y="14814"/>
                        </a:lnTo>
                        <a:lnTo>
                          <a:pt x="7646" y="14716"/>
                        </a:lnTo>
                        <a:lnTo>
                          <a:pt x="7646" y="14422"/>
                        </a:lnTo>
                        <a:lnTo>
                          <a:pt x="7282" y="14324"/>
                        </a:lnTo>
                        <a:lnTo>
                          <a:pt x="7191" y="14128"/>
                        </a:lnTo>
                        <a:lnTo>
                          <a:pt x="6918" y="14128"/>
                        </a:lnTo>
                        <a:lnTo>
                          <a:pt x="6736" y="14520"/>
                        </a:lnTo>
                        <a:lnTo>
                          <a:pt x="6372" y="14520"/>
                        </a:lnTo>
                        <a:lnTo>
                          <a:pt x="6190" y="15109"/>
                        </a:lnTo>
                        <a:lnTo>
                          <a:pt x="5552" y="15010"/>
                        </a:lnTo>
                        <a:lnTo>
                          <a:pt x="4733" y="15599"/>
                        </a:lnTo>
                        <a:lnTo>
                          <a:pt x="4460" y="15795"/>
                        </a:lnTo>
                        <a:lnTo>
                          <a:pt x="3823" y="16384"/>
                        </a:lnTo>
                        <a:lnTo>
                          <a:pt x="3368" y="15992"/>
                        </a:lnTo>
                        <a:lnTo>
                          <a:pt x="2913" y="15010"/>
                        </a:lnTo>
                        <a:lnTo>
                          <a:pt x="2731" y="14618"/>
                        </a:lnTo>
                        <a:lnTo>
                          <a:pt x="2094" y="14814"/>
                        </a:lnTo>
                        <a:lnTo>
                          <a:pt x="1638" y="13833"/>
                        </a:lnTo>
                        <a:lnTo>
                          <a:pt x="273" y="11577"/>
                        </a:lnTo>
                        <a:lnTo>
                          <a:pt x="273" y="11184"/>
                        </a:lnTo>
                        <a:lnTo>
                          <a:pt x="364" y="10399"/>
                        </a:lnTo>
                        <a:lnTo>
                          <a:pt x="546" y="10007"/>
                        </a:lnTo>
                        <a:lnTo>
                          <a:pt x="910" y="9811"/>
                        </a:lnTo>
                        <a:lnTo>
                          <a:pt x="1001" y="9516"/>
                        </a:lnTo>
                        <a:lnTo>
                          <a:pt x="910" y="9026"/>
                        </a:lnTo>
                        <a:lnTo>
                          <a:pt x="728" y="8633"/>
                        </a:lnTo>
                        <a:lnTo>
                          <a:pt x="819" y="8143"/>
                        </a:lnTo>
                        <a:lnTo>
                          <a:pt x="364" y="7554"/>
                        </a:lnTo>
                        <a:lnTo>
                          <a:pt x="455" y="7260"/>
                        </a:lnTo>
                        <a:lnTo>
                          <a:pt x="546" y="7064"/>
                        </a:lnTo>
                        <a:lnTo>
                          <a:pt x="637" y="6671"/>
                        </a:lnTo>
                        <a:lnTo>
                          <a:pt x="546" y="6083"/>
                        </a:lnTo>
                        <a:lnTo>
                          <a:pt x="637" y="5690"/>
                        </a:lnTo>
                        <a:lnTo>
                          <a:pt x="546" y="5298"/>
                        </a:lnTo>
                        <a:lnTo>
                          <a:pt x="364" y="5003"/>
                        </a:lnTo>
                        <a:lnTo>
                          <a:pt x="455" y="4513"/>
                        </a:lnTo>
                        <a:lnTo>
                          <a:pt x="182" y="4121"/>
                        </a:lnTo>
                        <a:lnTo>
                          <a:pt x="0" y="3532"/>
                        </a:lnTo>
                        <a:lnTo>
                          <a:pt x="91" y="3139"/>
                        </a:lnTo>
                        <a:lnTo>
                          <a:pt x="0" y="2747"/>
                        </a:lnTo>
                        <a:lnTo>
                          <a:pt x="91" y="2453"/>
                        </a:lnTo>
                        <a:lnTo>
                          <a:pt x="728" y="2355"/>
                        </a:lnTo>
                        <a:lnTo>
                          <a:pt x="1365" y="2256"/>
                        </a:lnTo>
                        <a:lnTo>
                          <a:pt x="1729" y="1668"/>
                        </a:lnTo>
                        <a:lnTo>
                          <a:pt x="2094" y="1570"/>
                        </a:lnTo>
                        <a:lnTo>
                          <a:pt x="2367" y="981"/>
                        </a:lnTo>
                        <a:lnTo>
                          <a:pt x="2549" y="981"/>
                        </a:lnTo>
                        <a:lnTo>
                          <a:pt x="3095" y="1079"/>
                        </a:lnTo>
                        <a:lnTo>
                          <a:pt x="3641" y="1275"/>
                        </a:lnTo>
                        <a:lnTo>
                          <a:pt x="4187" y="2060"/>
                        </a:lnTo>
                        <a:lnTo>
                          <a:pt x="4460" y="2158"/>
                        </a:lnTo>
                        <a:lnTo>
                          <a:pt x="4551" y="1766"/>
                        </a:lnTo>
                        <a:lnTo>
                          <a:pt x="5188" y="1668"/>
                        </a:lnTo>
                        <a:lnTo>
                          <a:pt x="5916" y="1472"/>
                        </a:lnTo>
                        <a:lnTo>
                          <a:pt x="6098" y="1472"/>
                        </a:lnTo>
                        <a:lnTo>
                          <a:pt x="6463" y="981"/>
                        </a:lnTo>
                        <a:lnTo>
                          <a:pt x="6827" y="883"/>
                        </a:lnTo>
                        <a:lnTo>
                          <a:pt x="7009" y="294"/>
                        </a:lnTo>
                        <a:lnTo>
                          <a:pt x="7282" y="392"/>
                        </a:lnTo>
                        <a:lnTo>
                          <a:pt x="7464" y="294"/>
                        </a:lnTo>
                        <a:lnTo>
                          <a:pt x="8101" y="0"/>
                        </a:lnTo>
                        <a:lnTo>
                          <a:pt x="8192" y="98"/>
                        </a:lnTo>
                        <a:lnTo>
                          <a:pt x="8829" y="294"/>
                        </a:lnTo>
                        <a:lnTo>
                          <a:pt x="9648" y="883"/>
                        </a:lnTo>
                        <a:lnTo>
                          <a:pt x="9466" y="1275"/>
                        </a:lnTo>
                        <a:lnTo>
                          <a:pt x="9375" y="1570"/>
                        </a:lnTo>
                        <a:lnTo>
                          <a:pt x="9739" y="1962"/>
                        </a:lnTo>
                        <a:lnTo>
                          <a:pt x="9648" y="2256"/>
                        </a:lnTo>
                        <a:lnTo>
                          <a:pt x="9739" y="2845"/>
                        </a:lnTo>
                        <a:lnTo>
                          <a:pt x="9739" y="3041"/>
                        </a:lnTo>
                        <a:lnTo>
                          <a:pt x="9648" y="3630"/>
                        </a:lnTo>
                        <a:lnTo>
                          <a:pt x="9830" y="4121"/>
                        </a:lnTo>
                        <a:lnTo>
                          <a:pt x="10377" y="5396"/>
                        </a:lnTo>
                        <a:lnTo>
                          <a:pt x="11105" y="6868"/>
                        </a:lnTo>
                        <a:lnTo>
                          <a:pt x="11651" y="7162"/>
                        </a:lnTo>
                        <a:lnTo>
                          <a:pt x="11924" y="7751"/>
                        </a:lnTo>
                        <a:lnTo>
                          <a:pt x="12288" y="8045"/>
                        </a:lnTo>
                        <a:lnTo>
                          <a:pt x="12288" y="8633"/>
                        </a:lnTo>
                        <a:lnTo>
                          <a:pt x="12470" y="9026"/>
                        </a:lnTo>
                        <a:lnTo>
                          <a:pt x="12470" y="9320"/>
                        </a:lnTo>
                        <a:lnTo>
                          <a:pt x="12288" y="9418"/>
                        </a:lnTo>
                        <a:lnTo>
                          <a:pt x="11924" y="9909"/>
                        </a:lnTo>
                        <a:lnTo>
                          <a:pt x="12106" y="11086"/>
                        </a:lnTo>
                        <a:lnTo>
                          <a:pt x="12470" y="11282"/>
                        </a:lnTo>
                        <a:lnTo>
                          <a:pt x="13289" y="10890"/>
                        </a:lnTo>
                        <a:lnTo>
                          <a:pt x="13926" y="10890"/>
                        </a:lnTo>
                        <a:lnTo>
                          <a:pt x="14928" y="10596"/>
                        </a:lnTo>
                        <a:lnTo>
                          <a:pt x="15474" y="11282"/>
                        </a:lnTo>
                        <a:lnTo>
                          <a:pt x="16293" y="11479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84" name="d14212"/>
                  <xdr:cNvSpPr>
                    <a:spLocks/>
                  </xdr:cNvSpPr>
                </xdr:nvSpPr>
                <xdr:spPr bwMode="auto">
                  <a:xfrm>
                    <a:off x="15963900" y="11820525"/>
                    <a:ext cx="1752600" cy="1819275"/>
                  </a:xfrm>
                  <a:custGeom>
                    <a:avLst/>
                    <a:gdLst>
                      <a:gd name="T0" fmla="*/ 2147483646 w 184"/>
                      <a:gd name="T1" fmla="*/ 2147483646 h 191"/>
                      <a:gd name="T2" fmla="*/ 2147483646 w 184"/>
                      <a:gd name="T3" fmla="*/ 2147483646 h 191"/>
                      <a:gd name="T4" fmla="*/ 2147483646 w 184"/>
                      <a:gd name="T5" fmla="*/ 2147483646 h 191"/>
                      <a:gd name="T6" fmla="*/ 2147483646 w 184"/>
                      <a:gd name="T7" fmla="*/ 2147483646 h 191"/>
                      <a:gd name="T8" fmla="*/ 2147483646 w 184"/>
                      <a:gd name="T9" fmla="*/ 2147483646 h 191"/>
                      <a:gd name="T10" fmla="*/ 2147483646 w 184"/>
                      <a:gd name="T11" fmla="*/ 2147483646 h 191"/>
                      <a:gd name="T12" fmla="*/ 2147483646 w 184"/>
                      <a:gd name="T13" fmla="*/ 2147483646 h 191"/>
                      <a:gd name="T14" fmla="*/ 2147483646 w 184"/>
                      <a:gd name="T15" fmla="*/ 2147483646 h 191"/>
                      <a:gd name="T16" fmla="*/ 2147483646 w 184"/>
                      <a:gd name="T17" fmla="*/ 2147483646 h 191"/>
                      <a:gd name="T18" fmla="*/ 2147483646 w 184"/>
                      <a:gd name="T19" fmla="*/ 2147483646 h 191"/>
                      <a:gd name="T20" fmla="*/ 2147483646 w 184"/>
                      <a:gd name="T21" fmla="*/ 2147483646 h 191"/>
                      <a:gd name="T22" fmla="*/ 2147483646 w 184"/>
                      <a:gd name="T23" fmla="*/ 2147483646 h 191"/>
                      <a:gd name="T24" fmla="*/ 2147483646 w 184"/>
                      <a:gd name="T25" fmla="*/ 2147483646 h 191"/>
                      <a:gd name="T26" fmla="*/ 2147483646 w 184"/>
                      <a:gd name="T27" fmla="*/ 2147483646 h 191"/>
                      <a:gd name="T28" fmla="*/ 0 w 184"/>
                      <a:gd name="T29" fmla="*/ 2147483646 h 191"/>
                      <a:gd name="T30" fmla="*/ 2147483646 w 184"/>
                      <a:gd name="T31" fmla="*/ 2147483646 h 191"/>
                      <a:gd name="T32" fmla="*/ 2147483646 w 184"/>
                      <a:gd name="T33" fmla="*/ 2147483646 h 191"/>
                      <a:gd name="T34" fmla="*/ 2147483646 w 184"/>
                      <a:gd name="T35" fmla="*/ 2147483646 h 191"/>
                      <a:gd name="T36" fmla="*/ 2147483646 w 184"/>
                      <a:gd name="T37" fmla="*/ 2147483646 h 191"/>
                      <a:gd name="T38" fmla="*/ 2147483646 w 184"/>
                      <a:gd name="T39" fmla="*/ 2147483646 h 191"/>
                      <a:gd name="T40" fmla="*/ 2147483646 w 184"/>
                      <a:gd name="T41" fmla="*/ 2147483646 h 191"/>
                      <a:gd name="T42" fmla="*/ 2147483646 w 184"/>
                      <a:gd name="T43" fmla="*/ 2147483646 h 191"/>
                      <a:gd name="T44" fmla="*/ 2147483646 w 184"/>
                      <a:gd name="T45" fmla="*/ 2147483646 h 191"/>
                      <a:gd name="T46" fmla="*/ 2147483646 w 184"/>
                      <a:gd name="T47" fmla="*/ 2147483646 h 191"/>
                      <a:gd name="T48" fmla="*/ 2147483646 w 184"/>
                      <a:gd name="T49" fmla="*/ 2147483646 h 191"/>
                      <a:gd name="T50" fmla="*/ 2147483646 w 184"/>
                      <a:gd name="T51" fmla="*/ 2147483646 h 191"/>
                      <a:gd name="T52" fmla="*/ 2147483646 w 184"/>
                      <a:gd name="T53" fmla="*/ 2147483646 h 191"/>
                      <a:gd name="T54" fmla="*/ 2147483646 w 184"/>
                      <a:gd name="T55" fmla="*/ 2147483646 h 191"/>
                      <a:gd name="T56" fmla="*/ 2147483646 w 184"/>
                      <a:gd name="T57" fmla="*/ 2147483646 h 191"/>
                      <a:gd name="T58" fmla="*/ 2147483646 w 184"/>
                      <a:gd name="T59" fmla="*/ 2147483646 h 191"/>
                      <a:gd name="T60" fmla="*/ 2147483646 w 184"/>
                      <a:gd name="T61" fmla="*/ 2147483646 h 191"/>
                      <a:gd name="T62" fmla="*/ 2147483646 w 184"/>
                      <a:gd name="T63" fmla="*/ 2147483646 h 191"/>
                      <a:gd name="T64" fmla="*/ 2147483646 w 184"/>
                      <a:gd name="T65" fmla="*/ 2147483646 h 191"/>
                      <a:gd name="T66" fmla="*/ 2147483646 w 184"/>
                      <a:gd name="T67" fmla="*/ 2147483646 h 191"/>
                      <a:gd name="T68" fmla="*/ 2147483646 w 184"/>
                      <a:gd name="T69" fmla="*/ 2147483646 h 191"/>
                      <a:gd name="T70" fmla="*/ 2147483646 w 184"/>
                      <a:gd name="T71" fmla="*/ 2147483646 h 191"/>
                      <a:gd name="T72" fmla="*/ 2147483646 w 184"/>
                      <a:gd name="T73" fmla="*/ 2147483646 h 191"/>
                      <a:gd name="T74" fmla="*/ 2147483646 w 184"/>
                      <a:gd name="T75" fmla="*/ 2147483646 h 191"/>
                      <a:gd name="T76" fmla="*/ 2147483646 w 184"/>
                      <a:gd name="T77" fmla="*/ 2147483646 h 191"/>
                      <a:gd name="T78" fmla="*/ 2147483646 w 184"/>
                      <a:gd name="T79" fmla="*/ 2147483646 h 191"/>
                      <a:gd name="T80" fmla="*/ 2147483646 w 184"/>
                      <a:gd name="T81" fmla="*/ 2147483646 h 191"/>
                      <a:gd name="T82" fmla="*/ 2147483646 w 184"/>
                      <a:gd name="T83" fmla="*/ 2147483646 h 191"/>
                      <a:gd name="T84" fmla="*/ 2147483646 w 184"/>
                      <a:gd name="T85" fmla="*/ 2147483646 h 191"/>
                      <a:gd name="T86" fmla="*/ 2147483646 w 184"/>
                      <a:gd name="T87" fmla="*/ 2147483646 h 191"/>
                      <a:gd name="T88" fmla="*/ 2147483646 w 184"/>
                      <a:gd name="T89" fmla="*/ 2147483646 h 191"/>
                      <a:gd name="T90" fmla="*/ 2147483646 w 184"/>
                      <a:gd name="T91" fmla="*/ 2147483646 h 191"/>
                      <a:gd name="T92" fmla="*/ 2147483646 w 184"/>
                      <a:gd name="T93" fmla="*/ 2147483646 h 191"/>
                      <a:gd name="T94" fmla="*/ 2147483646 w 184"/>
                      <a:gd name="T95" fmla="*/ 2147483646 h 191"/>
                      <a:gd name="T96" fmla="*/ 2147483646 w 184"/>
                      <a:gd name="T97" fmla="*/ 2147483646 h 191"/>
                      <a:gd name="T98" fmla="*/ 2147483646 w 184"/>
                      <a:gd name="T99" fmla="*/ 2147483646 h 191"/>
                      <a:gd name="T100" fmla="*/ 2147483646 w 184"/>
                      <a:gd name="T101" fmla="*/ 2147483646 h 191"/>
                      <a:gd name="T102" fmla="*/ 2147483646 w 184"/>
                      <a:gd name="T103" fmla="*/ 2147483646 h 191"/>
                      <a:gd name="T104" fmla="*/ 2147483646 w 184"/>
                      <a:gd name="T105" fmla="*/ 2147483646 h 191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60000 65536"/>
                      <a:gd name="T112" fmla="*/ 0 60000 65536"/>
                      <a:gd name="T113" fmla="*/ 0 60000 65536"/>
                      <a:gd name="T114" fmla="*/ 0 60000 65536"/>
                      <a:gd name="T115" fmla="*/ 0 60000 65536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60000 65536"/>
                      <a:gd name="T127" fmla="*/ 0 60000 65536"/>
                      <a:gd name="T128" fmla="*/ 0 60000 65536"/>
                      <a:gd name="T129" fmla="*/ 0 60000 65536"/>
                      <a:gd name="T130" fmla="*/ 0 60000 65536"/>
                      <a:gd name="T131" fmla="*/ 0 60000 65536"/>
                      <a:gd name="T132" fmla="*/ 0 60000 65536"/>
                      <a:gd name="T133" fmla="*/ 0 60000 65536"/>
                      <a:gd name="T134" fmla="*/ 0 60000 65536"/>
                      <a:gd name="T135" fmla="*/ 0 60000 65536"/>
                      <a:gd name="T136" fmla="*/ 0 60000 65536"/>
                      <a:gd name="T137" fmla="*/ 0 60000 65536"/>
                      <a:gd name="T138" fmla="*/ 0 60000 65536"/>
                      <a:gd name="T139" fmla="*/ 0 60000 65536"/>
                      <a:gd name="T140" fmla="*/ 0 60000 65536"/>
                      <a:gd name="T141" fmla="*/ 0 60000 65536"/>
                      <a:gd name="T142" fmla="*/ 0 60000 65536"/>
                      <a:gd name="T143" fmla="*/ 0 60000 65536"/>
                      <a:gd name="T144" fmla="*/ 0 60000 65536"/>
                      <a:gd name="T145" fmla="*/ 0 60000 65536"/>
                      <a:gd name="T146" fmla="*/ 0 60000 65536"/>
                      <a:gd name="T147" fmla="*/ 0 60000 65536"/>
                      <a:gd name="T148" fmla="*/ 0 60000 65536"/>
                      <a:gd name="T149" fmla="*/ 0 60000 65536"/>
                      <a:gd name="T150" fmla="*/ 0 60000 65536"/>
                      <a:gd name="T151" fmla="*/ 0 60000 65536"/>
                      <a:gd name="T152" fmla="*/ 0 60000 65536"/>
                      <a:gd name="T153" fmla="*/ 0 60000 65536"/>
                      <a:gd name="T154" fmla="*/ 0 60000 65536"/>
                      <a:gd name="T155" fmla="*/ 0 60000 65536"/>
                      <a:gd name="T156" fmla="*/ 0 60000 65536"/>
                      <a:gd name="T157" fmla="*/ 0 60000 65536"/>
                      <a:gd name="T158" fmla="*/ 0 60000 65536"/>
                      <a:gd name="T159" fmla="*/ 0 w 184"/>
                      <a:gd name="T160" fmla="*/ 0 h 191"/>
                      <a:gd name="T161" fmla="*/ 184 w 184"/>
                      <a:gd name="T162" fmla="*/ 191 h 191"/>
                    </a:gdLst>
                    <a:ahLst/>
                    <a:cxnLst>
                      <a:cxn ang="T106">
                        <a:pos x="T0" y="T1"/>
                      </a:cxn>
                      <a:cxn ang="T107">
                        <a:pos x="T2" y="T3"/>
                      </a:cxn>
                      <a:cxn ang="T108">
                        <a:pos x="T4" y="T5"/>
                      </a:cxn>
                      <a:cxn ang="T109">
                        <a:pos x="T6" y="T7"/>
                      </a:cxn>
                      <a:cxn ang="T110">
                        <a:pos x="T8" y="T9"/>
                      </a:cxn>
                      <a:cxn ang="T111">
                        <a:pos x="T10" y="T11"/>
                      </a:cxn>
                      <a:cxn ang="T112">
                        <a:pos x="T12" y="T13"/>
                      </a:cxn>
                      <a:cxn ang="T113">
                        <a:pos x="T14" y="T15"/>
                      </a:cxn>
                      <a:cxn ang="T114">
                        <a:pos x="T16" y="T17"/>
                      </a:cxn>
                      <a:cxn ang="T115">
                        <a:pos x="T18" y="T19"/>
                      </a:cxn>
                      <a:cxn ang="T116">
                        <a:pos x="T20" y="T21"/>
                      </a:cxn>
                      <a:cxn ang="T117">
                        <a:pos x="T22" y="T23"/>
                      </a:cxn>
                      <a:cxn ang="T118">
                        <a:pos x="T24" y="T25"/>
                      </a:cxn>
                      <a:cxn ang="T119">
                        <a:pos x="T26" y="T27"/>
                      </a:cxn>
                      <a:cxn ang="T120">
                        <a:pos x="T28" y="T29"/>
                      </a:cxn>
                      <a:cxn ang="T121">
                        <a:pos x="T30" y="T31"/>
                      </a:cxn>
                      <a:cxn ang="T122">
                        <a:pos x="T32" y="T33"/>
                      </a:cxn>
                      <a:cxn ang="T123">
                        <a:pos x="T34" y="T35"/>
                      </a:cxn>
                      <a:cxn ang="T124">
                        <a:pos x="T36" y="T37"/>
                      </a:cxn>
                      <a:cxn ang="T125">
                        <a:pos x="T38" y="T39"/>
                      </a:cxn>
                      <a:cxn ang="T126">
                        <a:pos x="T40" y="T41"/>
                      </a:cxn>
                      <a:cxn ang="T127">
                        <a:pos x="T42" y="T43"/>
                      </a:cxn>
                      <a:cxn ang="T128">
                        <a:pos x="T44" y="T45"/>
                      </a:cxn>
                      <a:cxn ang="T129">
                        <a:pos x="T46" y="T47"/>
                      </a:cxn>
                      <a:cxn ang="T130">
                        <a:pos x="T48" y="T49"/>
                      </a:cxn>
                      <a:cxn ang="T131">
                        <a:pos x="T50" y="T51"/>
                      </a:cxn>
                      <a:cxn ang="T132">
                        <a:pos x="T52" y="T53"/>
                      </a:cxn>
                      <a:cxn ang="T133">
                        <a:pos x="T54" y="T55"/>
                      </a:cxn>
                      <a:cxn ang="T134">
                        <a:pos x="T56" y="T57"/>
                      </a:cxn>
                      <a:cxn ang="T135">
                        <a:pos x="T58" y="T59"/>
                      </a:cxn>
                      <a:cxn ang="T136">
                        <a:pos x="T60" y="T61"/>
                      </a:cxn>
                      <a:cxn ang="T137">
                        <a:pos x="T62" y="T63"/>
                      </a:cxn>
                      <a:cxn ang="T138">
                        <a:pos x="T64" y="T65"/>
                      </a:cxn>
                      <a:cxn ang="T139">
                        <a:pos x="T66" y="T67"/>
                      </a:cxn>
                      <a:cxn ang="T140">
                        <a:pos x="T68" y="T69"/>
                      </a:cxn>
                      <a:cxn ang="T141">
                        <a:pos x="T70" y="T71"/>
                      </a:cxn>
                      <a:cxn ang="T142">
                        <a:pos x="T72" y="T73"/>
                      </a:cxn>
                      <a:cxn ang="T143">
                        <a:pos x="T74" y="T75"/>
                      </a:cxn>
                      <a:cxn ang="T144">
                        <a:pos x="T76" y="T77"/>
                      </a:cxn>
                      <a:cxn ang="T145">
                        <a:pos x="T78" y="T79"/>
                      </a:cxn>
                      <a:cxn ang="T146">
                        <a:pos x="T80" y="T81"/>
                      </a:cxn>
                      <a:cxn ang="T147">
                        <a:pos x="T82" y="T83"/>
                      </a:cxn>
                      <a:cxn ang="T148">
                        <a:pos x="T84" y="T85"/>
                      </a:cxn>
                      <a:cxn ang="T149">
                        <a:pos x="T86" y="T87"/>
                      </a:cxn>
                      <a:cxn ang="T150">
                        <a:pos x="T88" y="T89"/>
                      </a:cxn>
                      <a:cxn ang="T151">
                        <a:pos x="T90" y="T91"/>
                      </a:cxn>
                      <a:cxn ang="T152">
                        <a:pos x="T92" y="T93"/>
                      </a:cxn>
                      <a:cxn ang="T153">
                        <a:pos x="T94" y="T95"/>
                      </a:cxn>
                      <a:cxn ang="T154">
                        <a:pos x="T96" y="T97"/>
                      </a:cxn>
                      <a:cxn ang="T155">
                        <a:pos x="T98" y="T99"/>
                      </a:cxn>
                      <a:cxn ang="T156">
                        <a:pos x="T100" y="T101"/>
                      </a:cxn>
                      <a:cxn ang="T157">
                        <a:pos x="T102" y="T103"/>
                      </a:cxn>
                      <a:cxn ang="T158">
                        <a:pos x="T104" y="T105"/>
                      </a:cxn>
                    </a:cxnLst>
                    <a:rect l="T159" t="T160" r="T161" b="T162"/>
                    <a:pathLst>
                      <a:path w="184" h="191">
                        <a:moveTo>
                          <a:pt x="151" y="190"/>
                        </a:moveTo>
                        <a:lnTo>
                          <a:pt x="149" y="182"/>
                        </a:lnTo>
                        <a:lnTo>
                          <a:pt x="145" y="178"/>
                        </a:lnTo>
                        <a:lnTo>
                          <a:pt x="144" y="173"/>
                        </a:lnTo>
                        <a:lnTo>
                          <a:pt x="144" y="168"/>
                        </a:lnTo>
                        <a:lnTo>
                          <a:pt x="144" y="162"/>
                        </a:lnTo>
                        <a:lnTo>
                          <a:pt x="142" y="160"/>
                        </a:lnTo>
                        <a:lnTo>
                          <a:pt x="140" y="157"/>
                        </a:lnTo>
                        <a:lnTo>
                          <a:pt x="135" y="156"/>
                        </a:lnTo>
                        <a:lnTo>
                          <a:pt x="130" y="150"/>
                        </a:lnTo>
                        <a:lnTo>
                          <a:pt x="126" y="148"/>
                        </a:lnTo>
                        <a:lnTo>
                          <a:pt x="122" y="145"/>
                        </a:lnTo>
                        <a:lnTo>
                          <a:pt x="123" y="142"/>
                        </a:lnTo>
                        <a:lnTo>
                          <a:pt x="121" y="141"/>
                        </a:lnTo>
                        <a:lnTo>
                          <a:pt x="118" y="142"/>
                        </a:lnTo>
                        <a:lnTo>
                          <a:pt x="114" y="142"/>
                        </a:lnTo>
                        <a:lnTo>
                          <a:pt x="114" y="145"/>
                        </a:lnTo>
                        <a:lnTo>
                          <a:pt x="105" y="151"/>
                        </a:lnTo>
                        <a:lnTo>
                          <a:pt x="102" y="148"/>
                        </a:lnTo>
                        <a:lnTo>
                          <a:pt x="96" y="146"/>
                        </a:lnTo>
                        <a:lnTo>
                          <a:pt x="93" y="144"/>
                        </a:lnTo>
                        <a:lnTo>
                          <a:pt x="90" y="139"/>
                        </a:lnTo>
                        <a:lnTo>
                          <a:pt x="91" y="132"/>
                        </a:lnTo>
                        <a:lnTo>
                          <a:pt x="82" y="132"/>
                        </a:lnTo>
                        <a:lnTo>
                          <a:pt x="78" y="128"/>
                        </a:lnTo>
                        <a:lnTo>
                          <a:pt x="75" y="128"/>
                        </a:lnTo>
                        <a:lnTo>
                          <a:pt x="74" y="125"/>
                        </a:lnTo>
                        <a:lnTo>
                          <a:pt x="62" y="123"/>
                        </a:lnTo>
                        <a:lnTo>
                          <a:pt x="59" y="120"/>
                        </a:lnTo>
                        <a:lnTo>
                          <a:pt x="47" y="119"/>
                        </a:lnTo>
                        <a:lnTo>
                          <a:pt x="45" y="117"/>
                        </a:lnTo>
                        <a:lnTo>
                          <a:pt x="42" y="118"/>
                        </a:lnTo>
                        <a:lnTo>
                          <a:pt x="40" y="115"/>
                        </a:lnTo>
                        <a:lnTo>
                          <a:pt x="36" y="114"/>
                        </a:lnTo>
                        <a:lnTo>
                          <a:pt x="32" y="112"/>
                        </a:lnTo>
                        <a:lnTo>
                          <a:pt x="27" y="115"/>
                        </a:lnTo>
                        <a:lnTo>
                          <a:pt x="21" y="114"/>
                        </a:lnTo>
                        <a:lnTo>
                          <a:pt x="18" y="115"/>
                        </a:lnTo>
                        <a:lnTo>
                          <a:pt x="15" y="119"/>
                        </a:lnTo>
                        <a:lnTo>
                          <a:pt x="11" y="123"/>
                        </a:lnTo>
                        <a:lnTo>
                          <a:pt x="4" y="124"/>
                        </a:lnTo>
                        <a:lnTo>
                          <a:pt x="4" y="122"/>
                        </a:lnTo>
                        <a:lnTo>
                          <a:pt x="3" y="116"/>
                        </a:lnTo>
                        <a:lnTo>
                          <a:pt x="4" y="113"/>
                        </a:lnTo>
                        <a:lnTo>
                          <a:pt x="0" y="109"/>
                        </a:lnTo>
                        <a:lnTo>
                          <a:pt x="1" y="106"/>
                        </a:lnTo>
                        <a:lnTo>
                          <a:pt x="6" y="104"/>
                        </a:lnTo>
                        <a:lnTo>
                          <a:pt x="12" y="101"/>
                        </a:lnTo>
                        <a:lnTo>
                          <a:pt x="13" y="98"/>
                        </a:lnTo>
                        <a:lnTo>
                          <a:pt x="15" y="95"/>
                        </a:lnTo>
                        <a:lnTo>
                          <a:pt x="18" y="95"/>
                        </a:lnTo>
                        <a:lnTo>
                          <a:pt x="23" y="91"/>
                        </a:lnTo>
                        <a:lnTo>
                          <a:pt x="29" y="96"/>
                        </a:lnTo>
                        <a:lnTo>
                          <a:pt x="35" y="95"/>
                        </a:lnTo>
                        <a:lnTo>
                          <a:pt x="39" y="93"/>
                        </a:lnTo>
                        <a:lnTo>
                          <a:pt x="41" y="94"/>
                        </a:lnTo>
                        <a:lnTo>
                          <a:pt x="45" y="93"/>
                        </a:lnTo>
                        <a:lnTo>
                          <a:pt x="50" y="92"/>
                        </a:lnTo>
                        <a:lnTo>
                          <a:pt x="54" y="93"/>
                        </a:lnTo>
                        <a:lnTo>
                          <a:pt x="60" y="91"/>
                        </a:lnTo>
                        <a:lnTo>
                          <a:pt x="66" y="91"/>
                        </a:lnTo>
                        <a:lnTo>
                          <a:pt x="70" y="94"/>
                        </a:lnTo>
                        <a:lnTo>
                          <a:pt x="76" y="91"/>
                        </a:lnTo>
                        <a:lnTo>
                          <a:pt x="77" y="92"/>
                        </a:lnTo>
                        <a:lnTo>
                          <a:pt x="80" y="92"/>
                        </a:lnTo>
                        <a:lnTo>
                          <a:pt x="82" y="89"/>
                        </a:lnTo>
                        <a:lnTo>
                          <a:pt x="82" y="82"/>
                        </a:lnTo>
                        <a:lnTo>
                          <a:pt x="85" y="80"/>
                        </a:lnTo>
                        <a:lnTo>
                          <a:pt x="85" y="76"/>
                        </a:lnTo>
                        <a:lnTo>
                          <a:pt x="85" y="72"/>
                        </a:lnTo>
                        <a:lnTo>
                          <a:pt x="84" y="67"/>
                        </a:lnTo>
                        <a:lnTo>
                          <a:pt x="81" y="66"/>
                        </a:lnTo>
                        <a:lnTo>
                          <a:pt x="77" y="64"/>
                        </a:lnTo>
                        <a:lnTo>
                          <a:pt x="75" y="63"/>
                        </a:lnTo>
                        <a:lnTo>
                          <a:pt x="74" y="58"/>
                        </a:lnTo>
                        <a:lnTo>
                          <a:pt x="73" y="54"/>
                        </a:lnTo>
                        <a:lnTo>
                          <a:pt x="69" y="53"/>
                        </a:lnTo>
                        <a:lnTo>
                          <a:pt x="67" y="50"/>
                        </a:lnTo>
                        <a:lnTo>
                          <a:pt x="66" y="47"/>
                        </a:lnTo>
                        <a:lnTo>
                          <a:pt x="66" y="42"/>
                        </a:lnTo>
                        <a:lnTo>
                          <a:pt x="62" y="38"/>
                        </a:lnTo>
                        <a:lnTo>
                          <a:pt x="61" y="33"/>
                        </a:lnTo>
                        <a:lnTo>
                          <a:pt x="58" y="29"/>
                        </a:lnTo>
                        <a:lnTo>
                          <a:pt x="58" y="27"/>
                        </a:lnTo>
                        <a:lnTo>
                          <a:pt x="59" y="21"/>
                        </a:lnTo>
                        <a:lnTo>
                          <a:pt x="62" y="19"/>
                        </a:lnTo>
                        <a:lnTo>
                          <a:pt x="66" y="21"/>
                        </a:lnTo>
                        <a:lnTo>
                          <a:pt x="75" y="17"/>
                        </a:lnTo>
                        <a:lnTo>
                          <a:pt x="81" y="9"/>
                        </a:lnTo>
                        <a:lnTo>
                          <a:pt x="86" y="9"/>
                        </a:lnTo>
                        <a:lnTo>
                          <a:pt x="88" y="7"/>
                        </a:lnTo>
                        <a:lnTo>
                          <a:pt x="92" y="9"/>
                        </a:lnTo>
                        <a:lnTo>
                          <a:pt x="96" y="6"/>
                        </a:lnTo>
                        <a:lnTo>
                          <a:pt x="103" y="9"/>
                        </a:lnTo>
                        <a:lnTo>
                          <a:pt x="102" y="14"/>
                        </a:lnTo>
                        <a:lnTo>
                          <a:pt x="106" y="20"/>
                        </a:lnTo>
                        <a:lnTo>
                          <a:pt x="106" y="27"/>
                        </a:lnTo>
                        <a:lnTo>
                          <a:pt x="112" y="26"/>
                        </a:lnTo>
                        <a:lnTo>
                          <a:pt x="115" y="29"/>
                        </a:lnTo>
                        <a:lnTo>
                          <a:pt x="122" y="29"/>
                        </a:lnTo>
                        <a:lnTo>
                          <a:pt x="131" y="32"/>
                        </a:lnTo>
                        <a:lnTo>
                          <a:pt x="136" y="39"/>
                        </a:lnTo>
                        <a:lnTo>
                          <a:pt x="140" y="41"/>
                        </a:lnTo>
                        <a:lnTo>
                          <a:pt x="142" y="40"/>
                        </a:lnTo>
                        <a:lnTo>
                          <a:pt x="144" y="38"/>
                        </a:lnTo>
                        <a:lnTo>
                          <a:pt x="143" y="32"/>
                        </a:lnTo>
                        <a:lnTo>
                          <a:pt x="145" y="30"/>
                        </a:lnTo>
                        <a:lnTo>
                          <a:pt x="144" y="28"/>
                        </a:lnTo>
                        <a:lnTo>
                          <a:pt x="146" y="27"/>
                        </a:lnTo>
                        <a:lnTo>
                          <a:pt x="145" y="25"/>
                        </a:lnTo>
                        <a:lnTo>
                          <a:pt x="147" y="25"/>
                        </a:lnTo>
                        <a:lnTo>
                          <a:pt x="147" y="23"/>
                        </a:lnTo>
                        <a:lnTo>
                          <a:pt x="146" y="18"/>
                        </a:lnTo>
                        <a:lnTo>
                          <a:pt x="145" y="13"/>
                        </a:lnTo>
                        <a:lnTo>
                          <a:pt x="155" y="10"/>
                        </a:lnTo>
                        <a:lnTo>
                          <a:pt x="155" y="5"/>
                        </a:lnTo>
                        <a:lnTo>
                          <a:pt x="151" y="4"/>
                        </a:lnTo>
                        <a:lnTo>
                          <a:pt x="150" y="3"/>
                        </a:lnTo>
                        <a:lnTo>
                          <a:pt x="154" y="0"/>
                        </a:lnTo>
                        <a:lnTo>
                          <a:pt x="157" y="2"/>
                        </a:lnTo>
                        <a:lnTo>
                          <a:pt x="161" y="8"/>
                        </a:lnTo>
                        <a:lnTo>
                          <a:pt x="167" y="8"/>
                        </a:lnTo>
                        <a:lnTo>
                          <a:pt x="179" y="15"/>
                        </a:lnTo>
                        <a:lnTo>
                          <a:pt x="180" y="22"/>
                        </a:lnTo>
                        <a:lnTo>
                          <a:pt x="179" y="40"/>
                        </a:lnTo>
                        <a:lnTo>
                          <a:pt x="177" y="50"/>
                        </a:lnTo>
                        <a:lnTo>
                          <a:pt x="176" y="55"/>
                        </a:lnTo>
                        <a:lnTo>
                          <a:pt x="177" y="59"/>
                        </a:lnTo>
                        <a:lnTo>
                          <a:pt x="177" y="64"/>
                        </a:lnTo>
                        <a:lnTo>
                          <a:pt x="179" y="68"/>
                        </a:lnTo>
                        <a:lnTo>
                          <a:pt x="182" y="73"/>
                        </a:lnTo>
                        <a:lnTo>
                          <a:pt x="183" y="79"/>
                        </a:lnTo>
                        <a:lnTo>
                          <a:pt x="184" y="83"/>
                        </a:lnTo>
                        <a:lnTo>
                          <a:pt x="184" y="88"/>
                        </a:lnTo>
                        <a:lnTo>
                          <a:pt x="183" y="96"/>
                        </a:lnTo>
                        <a:lnTo>
                          <a:pt x="178" y="104"/>
                        </a:lnTo>
                        <a:lnTo>
                          <a:pt x="174" y="110"/>
                        </a:lnTo>
                        <a:lnTo>
                          <a:pt x="172" y="115"/>
                        </a:lnTo>
                        <a:lnTo>
                          <a:pt x="173" y="121"/>
                        </a:lnTo>
                        <a:lnTo>
                          <a:pt x="174" y="125"/>
                        </a:lnTo>
                        <a:lnTo>
                          <a:pt x="176" y="129"/>
                        </a:lnTo>
                        <a:lnTo>
                          <a:pt x="177" y="137"/>
                        </a:lnTo>
                        <a:lnTo>
                          <a:pt x="175" y="145"/>
                        </a:lnTo>
                        <a:lnTo>
                          <a:pt x="173" y="153"/>
                        </a:lnTo>
                        <a:lnTo>
                          <a:pt x="172" y="159"/>
                        </a:lnTo>
                        <a:lnTo>
                          <a:pt x="171" y="164"/>
                        </a:lnTo>
                        <a:lnTo>
                          <a:pt x="170" y="172"/>
                        </a:lnTo>
                        <a:lnTo>
                          <a:pt x="171" y="178"/>
                        </a:lnTo>
                        <a:lnTo>
                          <a:pt x="172" y="182"/>
                        </a:lnTo>
                        <a:lnTo>
                          <a:pt x="174" y="186"/>
                        </a:lnTo>
                        <a:lnTo>
                          <a:pt x="175" y="191"/>
                        </a:lnTo>
                        <a:lnTo>
                          <a:pt x="165" y="190"/>
                        </a:lnTo>
                        <a:lnTo>
                          <a:pt x="158" y="191"/>
                        </a:lnTo>
                        <a:lnTo>
                          <a:pt x="157" y="189"/>
                        </a:lnTo>
                        <a:lnTo>
                          <a:pt x="156" y="188"/>
                        </a:lnTo>
                        <a:lnTo>
                          <a:pt x="156" y="184"/>
                        </a:lnTo>
                        <a:lnTo>
                          <a:pt x="154" y="182"/>
                        </a:lnTo>
                        <a:lnTo>
                          <a:pt x="155" y="178"/>
                        </a:lnTo>
                        <a:lnTo>
                          <a:pt x="153" y="178"/>
                        </a:lnTo>
                        <a:lnTo>
                          <a:pt x="152" y="190"/>
                        </a:lnTo>
                        <a:lnTo>
                          <a:pt x="151" y="190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85" name="d14213"/>
                  <xdr:cNvSpPr>
                    <a:spLocks/>
                  </xdr:cNvSpPr>
                </xdr:nvSpPr>
                <xdr:spPr bwMode="auto">
                  <a:xfrm>
                    <a:off x="18268950" y="11906250"/>
                    <a:ext cx="581025" cy="1343025"/>
                  </a:xfrm>
                  <a:custGeom>
                    <a:avLst/>
                    <a:gdLst>
                      <a:gd name="T0" fmla="*/ 2147483646 w 61"/>
                      <a:gd name="T1" fmla="*/ 2147483646 h 141"/>
                      <a:gd name="T2" fmla="*/ 2147483646 w 61"/>
                      <a:gd name="T3" fmla="*/ 2147483646 h 141"/>
                      <a:gd name="T4" fmla="*/ 2147483646 w 61"/>
                      <a:gd name="T5" fmla="*/ 2147483646 h 141"/>
                      <a:gd name="T6" fmla="*/ 2147483646 w 61"/>
                      <a:gd name="T7" fmla="*/ 2147483646 h 141"/>
                      <a:gd name="T8" fmla="*/ 2147483646 w 61"/>
                      <a:gd name="T9" fmla="*/ 2147483646 h 141"/>
                      <a:gd name="T10" fmla="*/ 2147483646 w 61"/>
                      <a:gd name="T11" fmla="*/ 2147483646 h 141"/>
                      <a:gd name="T12" fmla="*/ 2147483646 w 61"/>
                      <a:gd name="T13" fmla="*/ 2147483646 h 141"/>
                      <a:gd name="T14" fmla="*/ 2147483646 w 61"/>
                      <a:gd name="T15" fmla="*/ 2147483646 h 141"/>
                      <a:gd name="T16" fmla="*/ 2147483646 w 61"/>
                      <a:gd name="T17" fmla="*/ 2147483646 h 141"/>
                      <a:gd name="T18" fmla="*/ 2147483646 w 61"/>
                      <a:gd name="T19" fmla="*/ 2147483646 h 141"/>
                      <a:gd name="T20" fmla="*/ 2147483646 w 61"/>
                      <a:gd name="T21" fmla="*/ 2147483646 h 141"/>
                      <a:gd name="T22" fmla="*/ 2147483646 w 61"/>
                      <a:gd name="T23" fmla="*/ 2147483646 h 141"/>
                      <a:gd name="T24" fmla="*/ 2147483646 w 61"/>
                      <a:gd name="T25" fmla="*/ 2147483646 h 141"/>
                      <a:gd name="T26" fmla="*/ 2147483646 w 61"/>
                      <a:gd name="T27" fmla="*/ 2147483646 h 141"/>
                      <a:gd name="T28" fmla="*/ 2147483646 w 61"/>
                      <a:gd name="T29" fmla="*/ 2147483646 h 141"/>
                      <a:gd name="T30" fmla="*/ 2147483646 w 61"/>
                      <a:gd name="T31" fmla="*/ 2147483646 h 141"/>
                      <a:gd name="T32" fmla="*/ 2147483646 w 61"/>
                      <a:gd name="T33" fmla="*/ 2147483646 h 141"/>
                      <a:gd name="T34" fmla="*/ 2147483646 w 61"/>
                      <a:gd name="T35" fmla="*/ 2147483646 h 141"/>
                      <a:gd name="T36" fmla="*/ 2147483646 w 61"/>
                      <a:gd name="T37" fmla="*/ 2147483646 h 141"/>
                      <a:gd name="T38" fmla="*/ 2147483646 w 61"/>
                      <a:gd name="T39" fmla="*/ 2147483646 h 141"/>
                      <a:gd name="T40" fmla="*/ 2147483646 w 61"/>
                      <a:gd name="T41" fmla="*/ 2147483646 h 141"/>
                      <a:gd name="T42" fmla="*/ 2147483646 w 61"/>
                      <a:gd name="T43" fmla="*/ 2147483646 h 141"/>
                      <a:gd name="T44" fmla="*/ 2147483646 w 61"/>
                      <a:gd name="T45" fmla="*/ 2147483646 h 141"/>
                      <a:gd name="T46" fmla="*/ 2147483646 w 61"/>
                      <a:gd name="T47" fmla="*/ 2147483646 h 141"/>
                      <a:gd name="T48" fmla="*/ 2147483646 w 61"/>
                      <a:gd name="T49" fmla="*/ 2147483646 h 141"/>
                      <a:gd name="T50" fmla="*/ 2147483646 w 61"/>
                      <a:gd name="T51" fmla="*/ 2147483646 h 141"/>
                      <a:gd name="T52" fmla="*/ 2147483646 w 61"/>
                      <a:gd name="T53" fmla="*/ 2147483646 h 141"/>
                      <a:gd name="T54" fmla="*/ 2147483646 w 61"/>
                      <a:gd name="T55" fmla="*/ 2147483646 h 141"/>
                      <a:gd name="T56" fmla="*/ 2147483646 w 61"/>
                      <a:gd name="T57" fmla="*/ 2147483646 h 141"/>
                      <a:gd name="T58" fmla="*/ 2147483646 w 61"/>
                      <a:gd name="T59" fmla="*/ 2147483646 h 141"/>
                      <a:gd name="T60" fmla="*/ 2147483646 w 61"/>
                      <a:gd name="T61" fmla="*/ 2147483646 h 141"/>
                      <a:gd name="T62" fmla="*/ 2147483646 w 61"/>
                      <a:gd name="T63" fmla="*/ 2147483646 h 141"/>
                      <a:gd name="T64" fmla="*/ 0 60000 65536"/>
                      <a:gd name="T65" fmla="*/ 0 60000 65536"/>
                      <a:gd name="T66" fmla="*/ 0 60000 65536"/>
                      <a:gd name="T67" fmla="*/ 0 60000 65536"/>
                      <a:gd name="T68" fmla="*/ 0 60000 65536"/>
                      <a:gd name="T69" fmla="*/ 0 60000 65536"/>
                      <a:gd name="T70" fmla="*/ 0 60000 65536"/>
                      <a:gd name="T71" fmla="*/ 0 60000 65536"/>
                      <a:gd name="T72" fmla="*/ 0 60000 65536"/>
                      <a:gd name="T73" fmla="*/ 0 60000 65536"/>
                      <a:gd name="T74" fmla="*/ 0 60000 65536"/>
                      <a:gd name="T75" fmla="*/ 0 60000 65536"/>
                      <a:gd name="T76" fmla="*/ 0 60000 65536"/>
                      <a:gd name="T77" fmla="*/ 0 60000 65536"/>
                      <a:gd name="T78" fmla="*/ 0 60000 65536"/>
                      <a:gd name="T79" fmla="*/ 0 60000 65536"/>
                      <a:gd name="T80" fmla="*/ 0 60000 65536"/>
                      <a:gd name="T81" fmla="*/ 0 60000 65536"/>
                      <a:gd name="T82" fmla="*/ 0 60000 65536"/>
                      <a:gd name="T83" fmla="*/ 0 60000 65536"/>
                      <a:gd name="T84" fmla="*/ 0 60000 65536"/>
                      <a:gd name="T85" fmla="*/ 0 60000 65536"/>
                      <a:gd name="T86" fmla="*/ 0 60000 65536"/>
                      <a:gd name="T87" fmla="*/ 0 60000 65536"/>
                      <a:gd name="T88" fmla="*/ 0 60000 65536"/>
                      <a:gd name="T89" fmla="*/ 0 60000 65536"/>
                      <a:gd name="T90" fmla="*/ 0 60000 65536"/>
                      <a:gd name="T91" fmla="*/ 0 60000 65536"/>
                      <a:gd name="T92" fmla="*/ 0 60000 65536"/>
                      <a:gd name="T93" fmla="*/ 0 60000 65536"/>
                      <a:gd name="T94" fmla="*/ 0 60000 65536"/>
                      <a:gd name="T95" fmla="*/ 0 60000 65536"/>
                      <a:gd name="T96" fmla="*/ 0 w 61"/>
                      <a:gd name="T97" fmla="*/ 0 h 141"/>
                      <a:gd name="T98" fmla="*/ 61 w 61"/>
                      <a:gd name="T99" fmla="*/ 141 h 141"/>
                    </a:gdLst>
                    <a:ahLst/>
                    <a:cxnLst>
                      <a:cxn ang="T64">
                        <a:pos x="T0" y="T1"/>
                      </a:cxn>
                      <a:cxn ang="T65">
                        <a:pos x="T2" y="T3"/>
                      </a:cxn>
                      <a:cxn ang="T66">
                        <a:pos x="T4" y="T5"/>
                      </a:cxn>
                      <a:cxn ang="T67">
                        <a:pos x="T6" y="T7"/>
                      </a:cxn>
                      <a:cxn ang="T68">
                        <a:pos x="T8" y="T9"/>
                      </a:cxn>
                      <a:cxn ang="T69">
                        <a:pos x="T10" y="T11"/>
                      </a:cxn>
                      <a:cxn ang="T70">
                        <a:pos x="T12" y="T13"/>
                      </a:cxn>
                      <a:cxn ang="T71">
                        <a:pos x="T14" y="T15"/>
                      </a:cxn>
                      <a:cxn ang="T72">
                        <a:pos x="T16" y="T17"/>
                      </a:cxn>
                      <a:cxn ang="T73">
                        <a:pos x="T18" y="T19"/>
                      </a:cxn>
                      <a:cxn ang="T74">
                        <a:pos x="T20" y="T21"/>
                      </a:cxn>
                      <a:cxn ang="T75">
                        <a:pos x="T22" y="T23"/>
                      </a:cxn>
                      <a:cxn ang="T76">
                        <a:pos x="T24" y="T25"/>
                      </a:cxn>
                      <a:cxn ang="T77">
                        <a:pos x="T26" y="T27"/>
                      </a:cxn>
                      <a:cxn ang="T78">
                        <a:pos x="T28" y="T29"/>
                      </a:cxn>
                      <a:cxn ang="T79">
                        <a:pos x="T30" y="T31"/>
                      </a:cxn>
                      <a:cxn ang="T80">
                        <a:pos x="T32" y="T33"/>
                      </a:cxn>
                      <a:cxn ang="T81">
                        <a:pos x="T34" y="T35"/>
                      </a:cxn>
                      <a:cxn ang="T82">
                        <a:pos x="T36" y="T37"/>
                      </a:cxn>
                      <a:cxn ang="T83">
                        <a:pos x="T38" y="T39"/>
                      </a:cxn>
                      <a:cxn ang="T84">
                        <a:pos x="T40" y="T41"/>
                      </a:cxn>
                      <a:cxn ang="T85">
                        <a:pos x="T42" y="T43"/>
                      </a:cxn>
                      <a:cxn ang="T86">
                        <a:pos x="T44" y="T45"/>
                      </a:cxn>
                      <a:cxn ang="T87">
                        <a:pos x="T46" y="T47"/>
                      </a:cxn>
                      <a:cxn ang="T88">
                        <a:pos x="T48" y="T49"/>
                      </a:cxn>
                      <a:cxn ang="T89">
                        <a:pos x="T50" y="T51"/>
                      </a:cxn>
                      <a:cxn ang="T90">
                        <a:pos x="T52" y="T53"/>
                      </a:cxn>
                      <a:cxn ang="T91">
                        <a:pos x="T54" y="T55"/>
                      </a:cxn>
                      <a:cxn ang="T92">
                        <a:pos x="T56" y="T57"/>
                      </a:cxn>
                      <a:cxn ang="T93">
                        <a:pos x="T58" y="T59"/>
                      </a:cxn>
                      <a:cxn ang="T94">
                        <a:pos x="T60" y="T61"/>
                      </a:cxn>
                      <a:cxn ang="T95">
                        <a:pos x="T62" y="T63"/>
                      </a:cxn>
                    </a:cxnLst>
                    <a:rect l="T96" t="T97" r="T98" b="T99"/>
                    <a:pathLst>
                      <a:path w="61" h="141">
                        <a:moveTo>
                          <a:pt x="33" y="0"/>
                        </a:moveTo>
                        <a:lnTo>
                          <a:pt x="34" y="1"/>
                        </a:lnTo>
                        <a:lnTo>
                          <a:pt x="38" y="0"/>
                        </a:lnTo>
                        <a:lnTo>
                          <a:pt x="42" y="3"/>
                        </a:lnTo>
                        <a:lnTo>
                          <a:pt x="44" y="5"/>
                        </a:lnTo>
                        <a:lnTo>
                          <a:pt x="44" y="9"/>
                        </a:lnTo>
                        <a:lnTo>
                          <a:pt x="44" y="12"/>
                        </a:lnTo>
                        <a:lnTo>
                          <a:pt x="46" y="16"/>
                        </a:lnTo>
                        <a:lnTo>
                          <a:pt x="48" y="19"/>
                        </a:lnTo>
                        <a:lnTo>
                          <a:pt x="48" y="23"/>
                        </a:lnTo>
                        <a:lnTo>
                          <a:pt x="47" y="27"/>
                        </a:lnTo>
                        <a:lnTo>
                          <a:pt x="44" y="30"/>
                        </a:lnTo>
                        <a:lnTo>
                          <a:pt x="42" y="33"/>
                        </a:lnTo>
                        <a:lnTo>
                          <a:pt x="44" y="36"/>
                        </a:lnTo>
                        <a:lnTo>
                          <a:pt x="47" y="37"/>
                        </a:lnTo>
                        <a:lnTo>
                          <a:pt x="51" y="46"/>
                        </a:lnTo>
                        <a:lnTo>
                          <a:pt x="49" y="51"/>
                        </a:lnTo>
                        <a:lnTo>
                          <a:pt x="50" y="55"/>
                        </a:lnTo>
                        <a:lnTo>
                          <a:pt x="50" y="60"/>
                        </a:lnTo>
                        <a:lnTo>
                          <a:pt x="50" y="65"/>
                        </a:lnTo>
                        <a:lnTo>
                          <a:pt x="54" y="73"/>
                        </a:lnTo>
                        <a:lnTo>
                          <a:pt x="54" y="77"/>
                        </a:lnTo>
                        <a:lnTo>
                          <a:pt x="52" y="82"/>
                        </a:lnTo>
                        <a:lnTo>
                          <a:pt x="54" y="88"/>
                        </a:lnTo>
                        <a:lnTo>
                          <a:pt x="58" y="97"/>
                        </a:lnTo>
                        <a:lnTo>
                          <a:pt x="61" y="105"/>
                        </a:lnTo>
                        <a:lnTo>
                          <a:pt x="57" y="115"/>
                        </a:lnTo>
                        <a:lnTo>
                          <a:pt x="52" y="126"/>
                        </a:lnTo>
                        <a:lnTo>
                          <a:pt x="53" y="130"/>
                        </a:lnTo>
                        <a:lnTo>
                          <a:pt x="51" y="141"/>
                        </a:lnTo>
                        <a:lnTo>
                          <a:pt x="44" y="138"/>
                        </a:lnTo>
                        <a:lnTo>
                          <a:pt x="45" y="128"/>
                        </a:lnTo>
                        <a:lnTo>
                          <a:pt x="41" y="127"/>
                        </a:lnTo>
                        <a:lnTo>
                          <a:pt x="39" y="139"/>
                        </a:lnTo>
                        <a:lnTo>
                          <a:pt x="35" y="137"/>
                        </a:lnTo>
                        <a:lnTo>
                          <a:pt x="30" y="136"/>
                        </a:lnTo>
                        <a:lnTo>
                          <a:pt x="26" y="135"/>
                        </a:lnTo>
                        <a:lnTo>
                          <a:pt x="23" y="132"/>
                        </a:lnTo>
                        <a:lnTo>
                          <a:pt x="25" y="124"/>
                        </a:lnTo>
                        <a:lnTo>
                          <a:pt x="25" y="118"/>
                        </a:lnTo>
                        <a:lnTo>
                          <a:pt x="24" y="110"/>
                        </a:lnTo>
                        <a:lnTo>
                          <a:pt x="25" y="109"/>
                        </a:lnTo>
                        <a:lnTo>
                          <a:pt x="28" y="103"/>
                        </a:lnTo>
                        <a:lnTo>
                          <a:pt x="31" y="100"/>
                        </a:lnTo>
                        <a:lnTo>
                          <a:pt x="32" y="95"/>
                        </a:lnTo>
                        <a:lnTo>
                          <a:pt x="30" y="90"/>
                        </a:lnTo>
                        <a:lnTo>
                          <a:pt x="27" y="87"/>
                        </a:lnTo>
                        <a:lnTo>
                          <a:pt x="27" y="76"/>
                        </a:lnTo>
                        <a:lnTo>
                          <a:pt x="9" y="76"/>
                        </a:lnTo>
                        <a:lnTo>
                          <a:pt x="9" y="72"/>
                        </a:lnTo>
                        <a:lnTo>
                          <a:pt x="8" y="67"/>
                        </a:lnTo>
                        <a:lnTo>
                          <a:pt x="5" y="62"/>
                        </a:lnTo>
                        <a:lnTo>
                          <a:pt x="11" y="56"/>
                        </a:lnTo>
                        <a:lnTo>
                          <a:pt x="9" y="49"/>
                        </a:lnTo>
                        <a:lnTo>
                          <a:pt x="3" y="31"/>
                        </a:lnTo>
                        <a:lnTo>
                          <a:pt x="1" y="23"/>
                        </a:lnTo>
                        <a:lnTo>
                          <a:pt x="0" y="18"/>
                        </a:lnTo>
                        <a:lnTo>
                          <a:pt x="2" y="17"/>
                        </a:lnTo>
                        <a:lnTo>
                          <a:pt x="6" y="17"/>
                        </a:lnTo>
                        <a:lnTo>
                          <a:pt x="11" y="16"/>
                        </a:lnTo>
                        <a:lnTo>
                          <a:pt x="17" y="13"/>
                        </a:lnTo>
                        <a:lnTo>
                          <a:pt x="20" y="8"/>
                        </a:lnTo>
                        <a:lnTo>
                          <a:pt x="23" y="5"/>
                        </a:lnTo>
                        <a:lnTo>
                          <a:pt x="27" y="3"/>
                        </a:lnTo>
                        <a:lnTo>
                          <a:pt x="33" y="0"/>
                        </a:lnTo>
                        <a:close/>
                      </a:path>
                    </a:pathLst>
                  </a:custGeom>
                  <a:noFill/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  <a:extLst>
                    <a:ext uri="{909E8E84-426E-40DD-AFC4-6F175D3DCCD1}">
                      <a14:hiddenFill xmlns:a14="http://schemas.microsoft.com/office/drawing/2010/main">
                        <a:solidFill>
                          <a:srgbClr val="FFFFFF"/>
                        </a:solidFill>
                      </a14:hiddenFill>
                    </a:ext>
                  </a:extLst>
                </xdr:spPr>
              </xdr:sp>
              <xdr:sp macro="" textlink="">
                <xdr:nvSpPr>
                  <xdr:cNvPr id="149586" name="d14214"/>
                  <xdr:cNvSpPr>
                    <a:spLocks/>
                  </xdr:cNvSpPr>
                </xdr:nvSpPr>
                <xdr:spPr bwMode="auto">
                  <a:xfrm>
                    <a:off x="15992475" y="12887325"/>
                    <a:ext cx="1457325" cy="1076325"/>
                  </a:xfrm>
                  <a:custGeom>
                    <a:avLst/>
                    <a:gdLst>
                      <a:gd name="T0" fmla="*/ 2147483646 w 16384"/>
                      <a:gd name="T1" fmla="*/ 2147483646 h 16384"/>
                      <a:gd name="T2" fmla="*/ 2147483646 w 16384"/>
                      <a:gd name="T3" fmla="*/ 2147483646 h 16384"/>
                      <a:gd name="T4" fmla="*/ 2147483646 w 16384"/>
                      <a:gd name="T5" fmla="*/ 2147483646 h 16384"/>
                      <a:gd name="T6" fmla="*/ 2147483646 w 16384"/>
                      <a:gd name="T7" fmla="*/ 2147483646 h 16384"/>
                      <a:gd name="T8" fmla="*/ 2147483646 w 16384"/>
                      <a:gd name="T9" fmla="*/ 2147483646 h 16384"/>
                      <a:gd name="T10" fmla="*/ 2147483646 w 16384"/>
                      <a:gd name="T11" fmla="*/ 2147483646 h 16384"/>
                      <a:gd name="T12" fmla="*/ 2147483646 w 16384"/>
                      <a:gd name="T13" fmla="*/ 2147483646 h 16384"/>
                      <a:gd name="T14" fmla="*/ 2147483646 w 16384"/>
                      <a:gd name="T15" fmla="*/ 2147483646 h 16384"/>
                      <a:gd name="T16" fmla="*/ 2147483646 w 16384"/>
                      <a:gd name="T17" fmla="*/ 2147483646 h 16384"/>
                      <a:gd name="T18" fmla="*/ 2147483646 w 16384"/>
                      <a:gd name="T19" fmla="*/ 2147483646 h 16384"/>
                      <a:gd name="T20" fmla="*/ 2147483646 w 16384"/>
                      <a:gd name="T21" fmla="*/ 2147483646 h 16384"/>
                      <a:gd name="T22" fmla="*/ 2147483646 w 16384"/>
                      <a:gd name="T23" fmla="*/ 2147483646 h 16384"/>
                      <a:gd name="T24" fmla="*/ 2147483646 w 16384"/>
                      <a:gd name="T25" fmla="*/ 2147483646 h 16384"/>
                      <a:gd name="T26" fmla="*/ 2147483646 w 16384"/>
                      <a:gd name="T27" fmla="*/ 2147483646 h 16384"/>
                      <a:gd name="T28" fmla="*/ 2147483646 w 16384"/>
                      <a:gd name="T29" fmla="*/ 2147483646 h 16384"/>
                      <a:gd name="T30" fmla="*/ 2147483646 w 16384"/>
                      <a:gd name="T31" fmla="*/ 2147483646 h 16384"/>
                      <a:gd name="T32" fmla="*/ 2147483646 w 16384"/>
                      <a:gd name="T33" fmla="*/ 2147483646 h 16384"/>
                      <a:gd name="T34" fmla="*/ 2147483646 w 16384"/>
                      <a:gd name="T35" fmla="*/ 2147483646 h 16384"/>
                      <a:gd name="T36" fmla="*/ 2147483646 w 16384"/>
                      <a:gd name="T37" fmla="*/ 2147483646 h 16384"/>
                      <a:gd name="T38" fmla="*/ 2147483646 w 16384"/>
                      <a:gd name="T39" fmla="*/ 2147483646 h 16384"/>
                      <a:gd name="T40" fmla="*/ 2147483646 w 16384"/>
                      <a:gd name="T41" fmla="*/ 2147483646 h 16384"/>
                      <a:gd name="T42" fmla="*/ 2147483646 w 16384"/>
                      <a:gd name="T43" fmla="*/ 2147483646 h 16384"/>
                      <a:gd name="T44" fmla="*/ 2147483646 w 16384"/>
                      <a:gd name="T45" fmla="*/ 2147483646 h 16384"/>
                      <a:gd name="T46" fmla="*/ 2147483646 w 16384"/>
                      <a:gd name="T47" fmla="*/ 2147483646 h 16384"/>
                      <a:gd name="T48" fmla="*/ 2147483646 w 16384"/>
                      <a:gd name="T49" fmla="*/ 2147483646 h 16384"/>
                      <a:gd name="T50" fmla="*/ 2147483646 w 16384"/>
                      <a:gd name="T51" fmla="*/ 2147483646 h 16384"/>
                      <a:gd name="T52" fmla="*/ 2147483646 w 16384"/>
                      <a:gd name="T53" fmla="*/ 2147483646 h 16384"/>
                      <a:gd name="T54" fmla="*/ 2147483646 w 16384"/>
                      <a:gd name="T55" fmla="*/ 0 h 16384"/>
                      <a:gd name="T56" fmla="*/ 2147483646 w 16384"/>
                      <a:gd name="T57" fmla="*/ 2147483646 h 16384"/>
                      <a:gd name="T58" fmla="*/ 2147483646 w 16384"/>
                      <a:gd name="T59" fmla="*/ 2147483646 h 16384"/>
                      <a:gd name="T60" fmla="*/ 2147483646 w 16384"/>
                      <a:gd name="T61" fmla="*/ 2147483646 h 16384"/>
                      <a:gd name="T62" fmla="*/ 2147483646 w 16384"/>
                      <a:gd name="T63" fmla="*/ 2147483646 h 16384"/>
                      <a:gd name="T64" fmla="*/ 2147483646 w 16384"/>
                      <a:gd name="T65" fmla="*/ 2147483646 h 16384"/>
                      <a:gd name="T66" fmla="*/ 2147483646 w 16384"/>
                      <a:gd name="T67" fmla="*/ 2147483646 h 16384"/>
                      <a:gd name="T68" fmla="*/ 2147483646 w 16384"/>
                      <a:gd name="T69" fmla="*/ 2147483646 h 16384"/>
                      <a:gd name="T70" fmla="*/ 2147483646 w 16384"/>
                      <a:gd name="T71" fmla="*/ 2147483646 h 16384"/>
                      <a:gd name="T72" fmla="*/ 2147483646 w 16384"/>
                      <a:gd name="T73" fmla="*/ 2147483646 h 16384"/>
                      <a:gd name="T74" fmla="*/ 2147483646 w 16384"/>
                      <a:gd name="T75" fmla="*/ 2147483646 h 16384"/>
                      <a:gd name="T76" fmla="*/ 2147483646 w 16384"/>
                      <a:gd name="T77" fmla="*/ 2147483646 h 16384"/>
                      <a:gd name="T78" fmla="*/ 2147483646 w 16384"/>
                      <a:gd name="T79" fmla="*/ 2147483646 h 16384"/>
                      <a:gd name="T80" fmla="*/ 2147483646 w 16384"/>
                      <a:gd name="T81" fmla="*/ 2147483646 h 16384"/>
                      <a:gd name="T82" fmla="*/ 2147483646 w 16384"/>
                      <a:gd name="T83" fmla="*/ 2147483646 h 16384"/>
                      <a:gd name="T84" fmla="*/ 2147483646 w 16384"/>
                      <a:gd name="T85" fmla="*/ 2147483646 h 16384"/>
                      <a:gd name="T86" fmla="*/ 2147483646 w 16384"/>
                      <a:gd name="T87" fmla="*/ 2147483646 h 16384"/>
                      <a:gd name="T88" fmla="*/ 2147483646 w 16384"/>
                      <a:gd name="T89" fmla="*/ 2147483646 h 16384"/>
                      <a:gd name="T90" fmla="*/ 0 60000 65536"/>
                      <a:gd name="T91" fmla="*/ 0 60000 65536"/>
                      <a:gd name="T92" fmla="*/ 0 60000 65536"/>
                      <a:gd name="T93" fmla="*/ 0 60000 65536"/>
                      <a:gd name="T94" fmla="*/ 0 60000 65536"/>
                      <a:gd name="T95" fmla="*/ 0 60000 65536"/>
                      <a:gd name="T96" fmla="*/ 0 60000 65536"/>
                      <a:gd name="T97" fmla="*/ 0 60000 65536"/>
                      <a:gd name="T98" fmla="*/ 0 60000 65536"/>
                      <a:gd name="T99" fmla="*/ 0 60000 65536"/>
                      <a:gd name="T100" fmla="*/ 0 60000 65536"/>
                      <a:gd name="T101" fmla="*/ 0 60000 65536"/>
                      <a:gd name="T102" fmla="*/ 0 60000 65536"/>
                      <a:gd name="T103" fmla="*/ 0 60000 65536"/>
                      <a:gd name="T104" fmla="*/ 0 60000 65536"/>
                      <a:gd name="T105" fmla="*/ 0 60000 65536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60000 65536"/>
                      <a:gd name="T112" fmla="*/ 0 60000 65536"/>
                      <a:gd name="T113" fmla="*/ 0 60000 65536"/>
                      <a:gd name="T114" fmla="*/ 0 60000 65536"/>
                      <a:gd name="T115" fmla="*/ 0 60000 65536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60000 65536"/>
                      <a:gd name="T127" fmla="*/ 0 60000 65536"/>
                      <a:gd name="T128" fmla="*/ 0 60000 65536"/>
                      <a:gd name="T129" fmla="*/ 0 60000 65536"/>
                      <a:gd name="T130" fmla="*/ 0 60000 65536"/>
                      <a:gd name="T131" fmla="*/ 0 60000 65536"/>
                      <a:gd name="T132" fmla="*/ 0 60000 65536"/>
                      <a:gd name="T133" fmla="*/ 0 60000 65536"/>
                      <a:gd name="T134" fmla="*/ 0 60000 65536"/>
                      <a:gd name="T135" fmla="*/ 0 w 16384"/>
                      <a:gd name="T136" fmla="*/ 0 h 16384"/>
                      <a:gd name="T137" fmla="*/ 16384 w 16384"/>
                      <a:gd name="T138" fmla="*/ 16384 h 16384"/>
                    </a:gdLst>
                    <a:ahLst/>
                    <a:cxnLst>
                      <a:cxn ang="T90">
                        <a:pos x="T0" y="T1"/>
                      </a:cxn>
                      <a:cxn ang="T91">
                        <a:pos x="T2" y="T3"/>
                      </a:cxn>
                      <a:cxn ang="T92">
                        <a:pos x="T4" y="T5"/>
                      </a:cxn>
                      <a:cxn ang="T93">
                        <a:pos x="T6" y="T7"/>
                      </a:cxn>
                      <a:cxn ang="T94">
                        <a:pos x="T8" y="T9"/>
                      </a:cxn>
                      <a:cxn ang="T95">
                        <a:pos x="T10" y="T11"/>
                      </a:cxn>
                      <a:cxn ang="T96">
                        <a:pos x="T12" y="T13"/>
                      </a:cxn>
                      <a:cxn ang="T97">
                        <a:pos x="T14" y="T15"/>
                      </a:cxn>
                      <a:cxn ang="T98">
                        <a:pos x="T16" y="T17"/>
                      </a:cxn>
                      <a:cxn ang="T99">
                        <a:pos x="T18" y="T19"/>
                      </a:cxn>
                      <a:cxn ang="T100">
                        <a:pos x="T20" y="T21"/>
                      </a:cxn>
                      <a:cxn ang="T101">
                        <a:pos x="T22" y="T23"/>
                      </a:cxn>
                      <a:cxn ang="T102">
                        <a:pos x="T24" y="T25"/>
                      </a:cxn>
                      <a:cxn ang="T103">
                        <a:pos x="T26" y="T27"/>
                      </a:cxn>
                      <a:cxn ang="T104">
                        <a:pos x="T28" y="T29"/>
                      </a:cxn>
                      <a:cxn ang="T105">
                        <a:pos x="T30" y="T31"/>
                      </a:cxn>
                      <a:cxn ang="T106">
                        <a:pos x="T32" y="T33"/>
                      </a:cxn>
                      <a:cxn ang="T107">
                        <a:pos x="T34" y="T35"/>
                      </a:cxn>
                      <a:cxn ang="T108">
                        <a:pos x="T36" y="T37"/>
                      </a:cxn>
                      <a:cxn ang="T109">
                        <a:pos x="T38" y="T39"/>
                      </a:cxn>
                      <a:cxn ang="T110">
                        <a:pos x="T40" y="T41"/>
                      </a:cxn>
                      <a:cxn ang="T111">
                        <a:pos x="T42" y="T43"/>
                      </a:cxn>
                      <a:cxn ang="T112">
                        <a:pos x="T44" y="T45"/>
                      </a:cxn>
                      <a:cxn ang="T113">
                        <a:pos x="T46" y="T47"/>
                      </a:cxn>
                      <a:cxn ang="T114">
                        <a:pos x="T48" y="T49"/>
                      </a:cxn>
                      <a:cxn ang="T115">
                        <a:pos x="T50" y="T51"/>
                      </a:cxn>
                      <a:cxn ang="T116">
                        <a:pos x="T52" y="T53"/>
                      </a:cxn>
                      <a:cxn ang="T117">
                        <a:pos x="T54" y="T55"/>
                      </a:cxn>
                      <a:cxn ang="T118">
                        <a:pos x="T56" y="T57"/>
                      </a:cxn>
                      <a:cxn ang="T119">
                        <a:pos x="T58" y="T59"/>
                      </a:cxn>
                      <a:cxn ang="T120">
                        <a:pos x="T60" y="T61"/>
                      </a:cxn>
                      <a:cxn ang="T121">
                        <a:pos x="T62" y="T63"/>
                      </a:cxn>
                      <a:cxn ang="T122">
                        <a:pos x="T64" y="T65"/>
                      </a:cxn>
                      <a:cxn ang="T123">
                        <a:pos x="T66" y="T67"/>
                      </a:cxn>
                      <a:cxn ang="T124">
                        <a:pos x="T68" y="T69"/>
                      </a:cxn>
                      <a:cxn ang="T125">
                        <a:pos x="T70" y="T71"/>
                      </a:cxn>
                      <a:cxn ang="T126">
                        <a:pos x="T72" y="T73"/>
                      </a:cxn>
                      <a:cxn ang="T127">
                        <a:pos x="T74" y="T75"/>
                      </a:cxn>
                      <a:cxn ang="T128">
                        <a:pos x="T76" y="T77"/>
                      </a:cxn>
                      <a:cxn ang="T129">
                        <a:pos x="T78" y="T79"/>
                      </a:cxn>
                      <a:cxn ang="T130">
                        <a:pos x="T80" y="T81"/>
                      </a:cxn>
                      <a:cxn ang="T131">
                        <a:pos x="T82" y="T83"/>
                      </a:cxn>
                      <a:cxn ang="T132">
                        <a:pos x="T84" y="T85"/>
                      </a:cxn>
                      <a:cxn ang="T133">
                        <a:pos x="T86" y="T87"/>
                      </a:cxn>
                      <a:cxn ang="T134">
                        <a:pos x="T88" y="T89"/>
                      </a:cxn>
                    </a:cxnLst>
                    <a:rect l="T135" t="T136" r="T137" b="T138"/>
                    <a:pathLst>
                      <a:path w="16384" h="16384">
                        <a:moveTo>
                          <a:pt x="15849" y="11309"/>
                        </a:moveTo>
                        <a:lnTo>
                          <a:pt x="16063" y="11744"/>
                        </a:lnTo>
                        <a:lnTo>
                          <a:pt x="16384" y="12324"/>
                        </a:lnTo>
                        <a:lnTo>
                          <a:pt x="16170" y="13629"/>
                        </a:lnTo>
                        <a:lnTo>
                          <a:pt x="14992" y="14789"/>
                        </a:lnTo>
                        <a:lnTo>
                          <a:pt x="15206" y="13774"/>
                        </a:lnTo>
                        <a:lnTo>
                          <a:pt x="15206" y="12904"/>
                        </a:lnTo>
                        <a:lnTo>
                          <a:pt x="14885" y="12759"/>
                        </a:lnTo>
                        <a:lnTo>
                          <a:pt x="14564" y="14499"/>
                        </a:lnTo>
                        <a:lnTo>
                          <a:pt x="14135" y="14354"/>
                        </a:lnTo>
                        <a:lnTo>
                          <a:pt x="13600" y="13629"/>
                        </a:lnTo>
                        <a:lnTo>
                          <a:pt x="13171" y="14209"/>
                        </a:lnTo>
                        <a:lnTo>
                          <a:pt x="12636" y="14209"/>
                        </a:lnTo>
                        <a:lnTo>
                          <a:pt x="12208" y="14354"/>
                        </a:lnTo>
                        <a:lnTo>
                          <a:pt x="12208" y="14644"/>
                        </a:lnTo>
                        <a:lnTo>
                          <a:pt x="11779" y="14209"/>
                        </a:lnTo>
                        <a:lnTo>
                          <a:pt x="11565" y="13629"/>
                        </a:lnTo>
                        <a:lnTo>
                          <a:pt x="11458" y="14499"/>
                        </a:lnTo>
                        <a:lnTo>
                          <a:pt x="11565" y="15369"/>
                        </a:lnTo>
                        <a:lnTo>
                          <a:pt x="11565" y="16384"/>
                        </a:lnTo>
                        <a:lnTo>
                          <a:pt x="10923" y="15949"/>
                        </a:lnTo>
                        <a:lnTo>
                          <a:pt x="10923" y="14934"/>
                        </a:lnTo>
                        <a:lnTo>
                          <a:pt x="10601" y="14354"/>
                        </a:lnTo>
                        <a:lnTo>
                          <a:pt x="10280" y="14064"/>
                        </a:lnTo>
                        <a:lnTo>
                          <a:pt x="9638" y="14064"/>
                        </a:lnTo>
                        <a:lnTo>
                          <a:pt x="9316" y="12614"/>
                        </a:lnTo>
                        <a:lnTo>
                          <a:pt x="9102" y="13194"/>
                        </a:lnTo>
                        <a:lnTo>
                          <a:pt x="9102" y="13774"/>
                        </a:lnTo>
                        <a:lnTo>
                          <a:pt x="9102" y="14209"/>
                        </a:lnTo>
                        <a:lnTo>
                          <a:pt x="8246" y="14064"/>
                        </a:lnTo>
                        <a:lnTo>
                          <a:pt x="7817" y="14209"/>
                        </a:lnTo>
                        <a:lnTo>
                          <a:pt x="6853" y="13919"/>
                        </a:lnTo>
                        <a:lnTo>
                          <a:pt x="6211" y="12904"/>
                        </a:lnTo>
                        <a:lnTo>
                          <a:pt x="5033" y="13339"/>
                        </a:lnTo>
                        <a:lnTo>
                          <a:pt x="4283" y="13339"/>
                        </a:lnTo>
                        <a:lnTo>
                          <a:pt x="3320" y="13919"/>
                        </a:lnTo>
                        <a:lnTo>
                          <a:pt x="2891" y="13629"/>
                        </a:lnTo>
                        <a:lnTo>
                          <a:pt x="2677" y="11889"/>
                        </a:lnTo>
                        <a:lnTo>
                          <a:pt x="3105" y="11164"/>
                        </a:lnTo>
                        <a:lnTo>
                          <a:pt x="3320" y="11019"/>
                        </a:lnTo>
                        <a:lnTo>
                          <a:pt x="3320" y="10584"/>
                        </a:lnTo>
                        <a:lnTo>
                          <a:pt x="3105" y="10004"/>
                        </a:lnTo>
                        <a:lnTo>
                          <a:pt x="3105" y="9134"/>
                        </a:lnTo>
                        <a:lnTo>
                          <a:pt x="2677" y="8699"/>
                        </a:lnTo>
                        <a:lnTo>
                          <a:pt x="2356" y="7830"/>
                        </a:lnTo>
                        <a:lnTo>
                          <a:pt x="1713" y="7395"/>
                        </a:lnTo>
                        <a:lnTo>
                          <a:pt x="857" y="5220"/>
                        </a:lnTo>
                        <a:lnTo>
                          <a:pt x="214" y="3335"/>
                        </a:lnTo>
                        <a:lnTo>
                          <a:pt x="0" y="2610"/>
                        </a:lnTo>
                        <a:lnTo>
                          <a:pt x="107" y="1740"/>
                        </a:lnTo>
                        <a:lnTo>
                          <a:pt x="857" y="1595"/>
                        </a:lnTo>
                        <a:lnTo>
                          <a:pt x="1285" y="1015"/>
                        </a:lnTo>
                        <a:lnTo>
                          <a:pt x="1606" y="435"/>
                        </a:lnTo>
                        <a:lnTo>
                          <a:pt x="1928" y="290"/>
                        </a:lnTo>
                        <a:lnTo>
                          <a:pt x="2570" y="435"/>
                        </a:lnTo>
                        <a:lnTo>
                          <a:pt x="3105" y="0"/>
                        </a:lnTo>
                        <a:lnTo>
                          <a:pt x="3534" y="290"/>
                        </a:lnTo>
                        <a:lnTo>
                          <a:pt x="3962" y="435"/>
                        </a:lnTo>
                        <a:lnTo>
                          <a:pt x="4176" y="870"/>
                        </a:lnTo>
                        <a:lnTo>
                          <a:pt x="4498" y="725"/>
                        </a:lnTo>
                        <a:lnTo>
                          <a:pt x="4712" y="1015"/>
                        </a:lnTo>
                        <a:lnTo>
                          <a:pt x="5997" y="1160"/>
                        </a:lnTo>
                        <a:lnTo>
                          <a:pt x="6318" y="1595"/>
                        </a:lnTo>
                        <a:lnTo>
                          <a:pt x="7603" y="1885"/>
                        </a:lnTo>
                        <a:lnTo>
                          <a:pt x="7710" y="2320"/>
                        </a:lnTo>
                        <a:lnTo>
                          <a:pt x="8031" y="2320"/>
                        </a:lnTo>
                        <a:lnTo>
                          <a:pt x="8460" y="2900"/>
                        </a:lnTo>
                        <a:lnTo>
                          <a:pt x="9423" y="2900"/>
                        </a:lnTo>
                        <a:lnTo>
                          <a:pt x="9316" y="3915"/>
                        </a:lnTo>
                        <a:lnTo>
                          <a:pt x="9638" y="4640"/>
                        </a:lnTo>
                        <a:lnTo>
                          <a:pt x="9959" y="4930"/>
                        </a:lnTo>
                        <a:lnTo>
                          <a:pt x="10601" y="5220"/>
                        </a:lnTo>
                        <a:lnTo>
                          <a:pt x="10923" y="5655"/>
                        </a:lnTo>
                        <a:lnTo>
                          <a:pt x="11886" y="4785"/>
                        </a:lnTo>
                        <a:lnTo>
                          <a:pt x="11886" y="4350"/>
                        </a:lnTo>
                        <a:lnTo>
                          <a:pt x="12315" y="4350"/>
                        </a:lnTo>
                        <a:lnTo>
                          <a:pt x="12636" y="4205"/>
                        </a:lnTo>
                        <a:lnTo>
                          <a:pt x="12850" y="4350"/>
                        </a:lnTo>
                        <a:lnTo>
                          <a:pt x="12743" y="4785"/>
                        </a:lnTo>
                        <a:lnTo>
                          <a:pt x="13171" y="5220"/>
                        </a:lnTo>
                        <a:lnTo>
                          <a:pt x="13600" y="5510"/>
                        </a:lnTo>
                        <a:lnTo>
                          <a:pt x="14135" y="6380"/>
                        </a:lnTo>
                        <a:lnTo>
                          <a:pt x="14671" y="6525"/>
                        </a:lnTo>
                        <a:lnTo>
                          <a:pt x="14885" y="6960"/>
                        </a:lnTo>
                        <a:lnTo>
                          <a:pt x="15099" y="7250"/>
                        </a:lnTo>
                        <a:lnTo>
                          <a:pt x="15099" y="8120"/>
                        </a:lnTo>
                        <a:lnTo>
                          <a:pt x="15099" y="8844"/>
                        </a:lnTo>
                        <a:lnTo>
                          <a:pt x="15206" y="9569"/>
                        </a:lnTo>
                        <a:lnTo>
                          <a:pt x="15634" y="10149"/>
                        </a:lnTo>
                        <a:lnTo>
                          <a:pt x="15849" y="11309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87" name="d14321"/>
                  <xdr:cNvSpPr>
                    <a:spLocks/>
                  </xdr:cNvSpPr>
                </xdr:nvSpPr>
                <xdr:spPr bwMode="auto">
                  <a:xfrm>
                    <a:off x="17573625" y="13544550"/>
                    <a:ext cx="409575" cy="714375"/>
                  </a:xfrm>
                  <a:custGeom>
                    <a:avLst/>
                    <a:gdLst>
                      <a:gd name="T0" fmla="*/ 2147483646 w 43"/>
                      <a:gd name="T1" fmla="*/ 2147483646 h 75"/>
                      <a:gd name="T2" fmla="*/ 2147483646 w 43"/>
                      <a:gd name="T3" fmla="*/ 2147483646 h 75"/>
                      <a:gd name="T4" fmla="*/ 2147483646 w 43"/>
                      <a:gd name="T5" fmla="*/ 2147483646 h 75"/>
                      <a:gd name="T6" fmla="*/ 2147483646 w 43"/>
                      <a:gd name="T7" fmla="*/ 2147483646 h 75"/>
                      <a:gd name="T8" fmla="*/ 2147483646 w 43"/>
                      <a:gd name="T9" fmla="*/ 0 h 75"/>
                      <a:gd name="T10" fmla="*/ 2147483646 w 43"/>
                      <a:gd name="T11" fmla="*/ 2147483646 h 75"/>
                      <a:gd name="T12" fmla="*/ 2147483646 w 43"/>
                      <a:gd name="T13" fmla="*/ 2147483646 h 75"/>
                      <a:gd name="T14" fmla="*/ 2147483646 w 43"/>
                      <a:gd name="T15" fmla="*/ 2147483646 h 75"/>
                      <a:gd name="T16" fmla="*/ 2147483646 w 43"/>
                      <a:gd name="T17" fmla="*/ 2147483646 h 75"/>
                      <a:gd name="T18" fmla="*/ 2147483646 w 43"/>
                      <a:gd name="T19" fmla="*/ 2147483646 h 75"/>
                      <a:gd name="T20" fmla="*/ 2147483646 w 43"/>
                      <a:gd name="T21" fmla="*/ 2147483646 h 75"/>
                      <a:gd name="T22" fmla="*/ 2147483646 w 43"/>
                      <a:gd name="T23" fmla="*/ 2147483646 h 75"/>
                      <a:gd name="T24" fmla="*/ 2147483646 w 43"/>
                      <a:gd name="T25" fmla="*/ 2147483646 h 75"/>
                      <a:gd name="T26" fmla="*/ 2147483646 w 43"/>
                      <a:gd name="T27" fmla="*/ 2147483646 h 75"/>
                      <a:gd name="T28" fmla="*/ 2147483646 w 43"/>
                      <a:gd name="T29" fmla="*/ 2147483646 h 75"/>
                      <a:gd name="T30" fmla="*/ 2147483646 w 43"/>
                      <a:gd name="T31" fmla="*/ 2147483646 h 75"/>
                      <a:gd name="T32" fmla="*/ 2147483646 w 43"/>
                      <a:gd name="T33" fmla="*/ 2147483646 h 75"/>
                      <a:gd name="T34" fmla="*/ 2147483646 w 43"/>
                      <a:gd name="T35" fmla="*/ 2147483646 h 75"/>
                      <a:gd name="T36" fmla="*/ 2147483646 w 43"/>
                      <a:gd name="T37" fmla="*/ 2147483646 h 75"/>
                      <a:gd name="T38" fmla="*/ 2147483646 w 43"/>
                      <a:gd name="T39" fmla="*/ 2147483646 h 75"/>
                      <a:gd name="T40" fmla="*/ 2147483646 w 43"/>
                      <a:gd name="T41" fmla="*/ 2147483646 h 75"/>
                      <a:gd name="T42" fmla="*/ 2147483646 w 43"/>
                      <a:gd name="T43" fmla="*/ 2147483646 h 75"/>
                      <a:gd name="T44" fmla="*/ 2147483646 w 43"/>
                      <a:gd name="T45" fmla="*/ 2147483646 h 75"/>
                      <a:gd name="T46" fmla="*/ 2147483646 w 43"/>
                      <a:gd name="T47" fmla="*/ 2147483646 h 75"/>
                      <a:gd name="T48" fmla="*/ 2147483646 w 43"/>
                      <a:gd name="T49" fmla="*/ 2147483646 h 75"/>
                      <a:gd name="T50" fmla="*/ 2147483646 w 43"/>
                      <a:gd name="T51" fmla="*/ 2147483646 h 75"/>
                      <a:gd name="T52" fmla="*/ 2147483646 w 43"/>
                      <a:gd name="T53" fmla="*/ 2147483646 h 75"/>
                      <a:gd name="T54" fmla="*/ 2147483646 w 43"/>
                      <a:gd name="T55" fmla="*/ 2147483646 h 75"/>
                      <a:gd name="T56" fmla="*/ 2147483646 w 43"/>
                      <a:gd name="T57" fmla="*/ 2147483646 h 75"/>
                      <a:gd name="T58" fmla="*/ 0 w 43"/>
                      <a:gd name="T59" fmla="*/ 2147483646 h 75"/>
                      <a:gd name="T60" fmla="*/ 2147483646 w 43"/>
                      <a:gd name="T61" fmla="*/ 2147483646 h 75"/>
                      <a:gd name="T62" fmla="*/ 2147483646 w 43"/>
                      <a:gd name="T63" fmla="*/ 2147483646 h 75"/>
                      <a:gd name="T64" fmla="*/ 2147483646 w 43"/>
                      <a:gd name="T65" fmla="*/ 2147483646 h 75"/>
                      <a:gd name="T66" fmla="*/ 2147483646 w 43"/>
                      <a:gd name="T67" fmla="*/ 2147483646 h 75"/>
                      <a:gd name="T68" fmla="*/ 2147483646 w 43"/>
                      <a:gd name="T69" fmla="*/ 2147483646 h 75"/>
                      <a:gd name="T70" fmla="*/ 2147483646 w 43"/>
                      <a:gd name="T71" fmla="*/ 2147483646 h 75"/>
                      <a:gd name="T72" fmla="*/ 2147483646 w 43"/>
                      <a:gd name="T73" fmla="*/ 2147483646 h 75"/>
                      <a:gd name="T74" fmla="*/ 0 60000 65536"/>
                      <a:gd name="T75" fmla="*/ 0 60000 65536"/>
                      <a:gd name="T76" fmla="*/ 0 60000 65536"/>
                      <a:gd name="T77" fmla="*/ 0 60000 65536"/>
                      <a:gd name="T78" fmla="*/ 0 60000 65536"/>
                      <a:gd name="T79" fmla="*/ 0 60000 65536"/>
                      <a:gd name="T80" fmla="*/ 0 60000 65536"/>
                      <a:gd name="T81" fmla="*/ 0 60000 65536"/>
                      <a:gd name="T82" fmla="*/ 0 60000 65536"/>
                      <a:gd name="T83" fmla="*/ 0 60000 65536"/>
                      <a:gd name="T84" fmla="*/ 0 60000 65536"/>
                      <a:gd name="T85" fmla="*/ 0 60000 65536"/>
                      <a:gd name="T86" fmla="*/ 0 60000 65536"/>
                      <a:gd name="T87" fmla="*/ 0 60000 65536"/>
                      <a:gd name="T88" fmla="*/ 0 60000 65536"/>
                      <a:gd name="T89" fmla="*/ 0 60000 65536"/>
                      <a:gd name="T90" fmla="*/ 0 60000 65536"/>
                      <a:gd name="T91" fmla="*/ 0 60000 65536"/>
                      <a:gd name="T92" fmla="*/ 0 60000 65536"/>
                      <a:gd name="T93" fmla="*/ 0 60000 65536"/>
                      <a:gd name="T94" fmla="*/ 0 60000 65536"/>
                      <a:gd name="T95" fmla="*/ 0 60000 65536"/>
                      <a:gd name="T96" fmla="*/ 0 60000 65536"/>
                      <a:gd name="T97" fmla="*/ 0 60000 65536"/>
                      <a:gd name="T98" fmla="*/ 0 60000 65536"/>
                      <a:gd name="T99" fmla="*/ 0 60000 65536"/>
                      <a:gd name="T100" fmla="*/ 0 60000 65536"/>
                      <a:gd name="T101" fmla="*/ 0 60000 65536"/>
                      <a:gd name="T102" fmla="*/ 0 60000 65536"/>
                      <a:gd name="T103" fmla="*/ 0 60000 65536"/>
                      <a:gd name="T104" fmla="*/ 0 60000 65536"/>
                      <a:gd name="T105" fmla="*/ 0 60000 65536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w 43"/>
                      <a:gd name="T112" fmla="*/ 0 h 75"/>
                      <a:gd name="T113" fmla="*/ 43 w 43"/>
                      <a:gd name="T114" fmla="*/ 75 h 75"/>
                    </a:gdLst>
                    <a:ahLst/>
                    <a:cxnLst>
                      <a:cxn ang="T74">
                        <a:pos x="T0" y="T1"/>
                      </a:cxn>
                      <a:cxn ang="T75">
                        <a:pos x="T2" y="T3"/>
                      </a:cxn>
                      <a:cxn ang="T76">
                        <a:pos x="T4" y="T5"/>
                      </a:cxn>
                      <a:cxn ang="T77">
                        <a:pos x="T6" y="T7"/>
                      </a:cxn>
                      <a:cxn ang="T78">
                        <a:pos x="T8" y="T9"/>
                      </a:cxn>
                      <a:cxn ang="T79">
                        <a:pos x="T10" y="T11"/>
                      </a:cxn>
                      <a:cxn ang="T80">
                        <a:pos x="T12" y="T13"/>
                      </a:cxn>
                      <a:cxn ang="T81">
                        <a:pos x="T14" y="T15"/>
                      </a:cxn>
                      <a:cxn ang="T82">
                        <a:pos x="T16" y="T17"/>
                      </a:cxn>
                      <a:cxn ang="T83">
                        <a:pos x="T18" y="T19"/>
                      </a:cxn>
                      <a:cxn ang="T84">
                        <a:pos x="T20" y="T21"/>
                      </a:cxn>
                      <a:cxn ang="T85">
                        <a:pos x="T22" y="T23"/>
                      </a:cxn>
                      <a:cxn ang="T86">
                        <a:pos x="T24" y="T25"/>
                      </a:cxn>
                      <a:cxn ang="T87">
                        <a:pos x="T26" y="T27"/>
                      </a:cxn>
                      <a:cxn ang="T88">
                        <a:pos x="T28" y="T29"/>
                      </a:cxn>
                      <a:cxn ang="T89">
                        <a:pos x="T30" y="T31"/>
                      </a:cxn>
                      <a:cxn ang="T90">
                        <a:pos x="T32" y="T33"/>
                      </a:cxn>
                      <a:cxn ang="T91">
                        <a:pos x="T34" y="T35"/>
                      </a:cxn>
                      <a:cxn ang="T92">
                        <a:pos x="T36" y="T37"/>
                      </a:cxn>
                      <a:cxn ang="T93">
                        <a:pos x="T38" y="T39"/>
                      </a:cxn>
                      <a:cxn ang="T94">
                        <a:pos x="T40" y="T41"/>
                      </a:cxn>
                      <a:cxn ang="T95">
                        <a:pos x="T42" y="T43"/>
                      </a:cxn>
                      <a:cxn ang="T96">
                        <a:pos x="T44" y="T45"/>
                      </a:cxn>
                      <a:cxn ang="T97">
                        <a:pos x="T46" y="T47"/>
                      </a:cxn>
                      <a:cxn ang="T98">
                        <a:pos x="T48" y="T49"/>
                      </a:cxn>
                      <a:cxn ang="T99">
                        <a:pos x="T50" y="T51"/>
                      </a:cxn>
                      <a:cxn ang="T100">
                        <a:pos x="T52" y="T53"/>
                      </a:cxn>
                      <a:cxn ang="T101">
                        <a:pos x="T54" y="T55"/>
                      </a:cxn>
                      <a:cxn ang="T102">
                        <a:pos x="T56" y="T57"/>
                      </a:cxn>
                      <a:cxn ang="T103">
                        <a:pos x="T58" y="T59"/>
                      </a:cxn>
                      <a:cxn ang="T104">
                        <a:pos x="T60" y="T61"/>
                      </a:cxn>
                      <a:cxn ang="T105">
                        <a:pos x="T62" y="T63"/>
                      </a:cxn>
                      <a:cxn ang="T106">
                        <a:pos x="T64" y="T65"/>
                      </a:cxn>
                      <a:cxn ang="T107">
                        <a:pos x="T66" y="T67"/>
                      </a:cxn>
                      <a:cxn ang="T108">
                        <a:pos x="T68" y="T69"/>
                      </a:cxn>
                      <a:cxn ang="T109">
                        <a:pos x="T70" y="T71"/>
                      </a:cxn>
                      <a:cxn ang="T110">
                        <a:pos x="T72" y="T73"/>
                      </a:cxn>
                    </a:cxnLst>
                    <a:rect l="T111" t="T112" r="T113" b="T114"/>
                    <a:pathLst>
                      <a:path w="43" h="75">
                        <a:moveTo>
                          <a:pt x="6" y="10"/>
                        </a:moveTo>
                        <a:lnTo>
                          <a:pt x="5" y="5"/>
                        </a:lnTo>
                        <a:lnTo>
                          <a:pt x="3" y="1"/>
                        </a:lnTo>
                        <a:lnTo>
                          <a:pt x="8" y="1"/>
                        </a:lnTo>
                        <a:lnTo>
                          <a:pt x="15" y="0"/>
                        </a:lnTo>
                        <a:lnTo>
                          <a:pt x="20" y="2"/>
                        </a:lnTo>
                        <a:lnTo>
                          <a:pt x="26" y="1"/>
                        </a:lnTo>
                        <a:lnTo>
                          <a:pt x="32" y="1"/>
                        </a:lnTo>
                        <a:lnTo>
                          <a:pt x="30" y="5"/>
                        </a:lnTo>
                        <a:lnTo>
                          <a:pt x="34" y="7"/>
                        </a:lnTo>
                        <a:lnTo>
                          <a:pt x="32" y="15"/>
                        </a:lnTo>
                        <a:lnTo>
                          <a:pt x="38" y="16"/>
                        </a:lnTo>
                        <a:lnTo>
                          <a:pt x="37" y="25"/>
                        </a:lnTo>
                        <a:lnTo>
                          <a:pt x="41" y="32"/>
                        </a:lnTo>
                        <a:lnTo>
                          <a:pt x="43" y="34"/>
                        </a:lnTo>
                        <a:lnTo>
                          <a:pt x="42" y="40"/>
                        </a:lnTo>
                        <a:lnTo>
                          <a:pt x="39" y="46"/>
                        </a:lnTo>
                        <a:lnTo>
                          <a:pt x="36" y="50"/>
                        </a:lnTo>
                        <a:lnTo>
                          <a:pt x="30" y="54"/>
                        </a:lnTo>
                        <a:lnTo>
                          <a:pt x="30" y="58"/>
                        </a:lnTo>
                        <a:lnTo>
                          <a:pt x="33" y="62"/>
                        </a:lnTo>
                        <a:lnTo>
                          <a:pt x="33" y="66"/>
                        </a:lnTo>
                        <a:lnTo>
                          <a:pt x="30" y="72"/>
                        </a:lnTo>
                        <a:lnTo>
                          <a:pt x="17" y="73"/>
                        </a:lnTo>
                        <a:lnTo>
                          <a:pt x="7" y="74"/>
                        </a:lnTo>
                        <a:lnTo>
                          <a:pt x="1" y="75"/>
                        </a:lnTo>
                        <a:lnTo>
                          <a:pt x="2" y="67"/>
                        </a:lnTo>
                        <a:lnTo>
                          <a:pt x="4" y="65"/>
                        </a:lnTo>
                        <a:lnTo>
                          <a:pt x="3" y="61"/>
                        </a:lnTo>
                        <a:lnTo>
                          <a:pt x="0" y="54"/>
                        </a:lnTo>
                        <a:lnTo>
                          <a:pt x="1" y="51"/>
                        </a:lnTo>
                        <a:lnTo>
                          <a:pt x="4" y="43"/>
                        </a:lnTo>
                        <a:lnTo>
                          <a:pt x="4" y="35"/>
                        </a:lnTo>
                        <a:lnTo>
                          <a:pt x="7" y="28"/>
                        </a:lnTo>
                        <a:lnTo>
                          <a:pt x="7" y="21"/>
                        </a:lnTo>
                        <a:lnTo>
                          <a:pt x="7" y="15"/>
                        </a:lnTo>
                        <a:lnTo>
                          <a:pt x="6" y="10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88" name="d14361"/>
                  <xdr:cNvSpPr>
                    <a:spLocks/>
                  </xdr:cNvSpPr>
                </xdr:nvSpPr>
                <xdr:spPr bwMode="auto">
                  <a:xfrm>
                    <a:off x="15478125" y="14077950"/>
                    <a:ext cx="762000" cy="714375"/>
                  </a:xfrm>
                  <a:custGeom>
                    <a:avLst/>
                    <a:gdLst>
                      <a:gd name="T0" fmla="*/ 2147483646 w 16384"/>
                      <a:gd name="T1" fmla="*/ 2147483646 h 16384"/>
                      <a:gd name="T2" fmla="*/ 2147483646 w 16384"/>
                      <a:gd name="T3" fmla="*/ 2147483646 h 16384"/>
                      <a:gd name="T4" fmla="*/ 2147483646 w 16384"/>
                      <a:gd name="T5" fmla="*/ 2147483646 h 16384"/>
                      <a:gd name="T6" fmla="*/ 2147483646 w 16384"/>
                      <a:gd name="T7" fmla="*/ 2147483646 h 16384"/>
                      <a:gd name="T8" fmla="*/ 2147483646 w 16384"/>
                      <a:gd name="T9" fmla="*/ 2147483646 h 16384"/>
                      <a:gd name="T10" fmla="*/ 2147483646 w 16384"/>
                      <a:gd name="T11" fmla="*/ 2147483646 h 16384"/>
                      <a:gd name="T12" fmla="*/ 2147483646 w 16384"/>
                      <a:gd name="T13" fmla="*/ 2147483646 h 16384"/>
                      <a:gd name="T14" fmla="*/ 2147483646 w 16384"/>
                      <a:gd name="T15" fmla="*/ 2147483646 h 16384"/>
                      <a:gd name="T16" fmla="*/ 2147483646 w 16384"/>
                      <a:gd name="T17" fmla="*/ 2147483646 h 16384"/>
                      <a:gd name="T18" fmla="*/ 2147483646 w 16384"/>
                      <a:gd name="T19" fmla="*/ 2147483646 h 16384"/>
                      <a:gd name="T20" fmla="*/ 2147483646 w 16384"/>
                      <a:gd name="T21" fmla="*/ 2147483646 h 16384"/>
                      <a:gd name="T22" fmla="*/ 2147483646 w 16384"/>
                      <a:gd name="T23" fmla="*/ 2147483646 h 16384"/>
                      <a:gd name="T24" fmla="*/ 2147483646 w 16384"/>
                      <a:gd name="T25" fmla="*/ 2147483646 h 16384"/>
                      <a:gd name="T26" fmla="*/ 2147483646 w 16384"/>
                      <a:gd name="T27" fmla="*/ 2147483646 h 16384"/>
                      <a:gd name="T28" fmla="*/ 2147483646 w 16384"/>
                      <a:gd name="T29" fmla="*/ 2147483646 h 16384"/>
                      <a:gd name="T30" fmla="*/ 2147483646 w 16384"/>
                      <a:gd name="T31" fmla="*/ 2147483646 h 16384"/>
                      <a:gd name="T32" fmla="*/ 2147483646 w 16384"/>
                      <a:gd name="T33" fmla="*/ 2147483646 h 16384"/>
                      <a:gd name="T34" fmla="*/ 2147483646 w 16384"/>
                      <a:gd name="T35" fmla="*/ 2147483646 h 16384"/>
                      <a:gd name="T36" fmla="*/ 2147483646 w 16384"/>
                      <a:gd name="T37" fmla="*/ 2147483646 h 16384"/>
                      <a:gd name="T38" fmla="*/ 2147483646 w 16384"/>
                      <a:gd name="T39" fmla="*/ 2147483646 h 16384"/>
                      <a:gd name="T40" fmla="*/ 2147483646 w 16384"/>
                      <a:gd name="T41" fmla="*/ 2147483646 h 16384"/>
                      <a:gd name="T42" fmla="*/ 2147483646 w 16384"/>
                      <a:gd name="T43" fmla="*/ 2147483646 h 16384"/>
                      <a:gd name="T44" fmla="*/ 2147483646 w 16384"/>
                      <a:gd name="T45" fmla="*/ 2147483646 h 16384"/>
                      <a:gd name="T46" fmla="*/ 2147483646 w 16384"/>
                      <a:gd name="T47" fmla="*/ 2147483646 h 16384"/>
                      <a:gd name="T48" fmla="*/ 2147483646 w 16384"/>
                      <a:gd name="T49" fmla="*/ 2147483646 h 16384"/>
                      <a:gd name="T50" fmla="*/ 2147483646 w 16384"/>
                      <a:gd name="T51" fmla="*/ 2147483646 h 16384"/>
                      <a:gd name="T52" fmla="*/ 2147483646 w 16384"/>
                      <a:gd name="T53" fmla="*/ 2147483646 h 16384"/>
                      <a:gd name="T54" fmla="*/ 2147483646 w 16384"/>
                      <a:gd name="T55" fmla="*/ 2147483646 h 16384"/>
                      <a:gd name="T56" fmla="*/ 2147483646 w 16384"/>
                      <a:gd name="T57" fmla="*/ 2147483646 h 16384"/>
                      <a:gd name="T58" fmla="*/ 2147483646 w 16384"/>
                      <a:gd name="T59" fmla="*/ 2147483646 h 16384"/>
                      <a:gd name="T60" fmla="*/ 2147483646 w 16384"/>
                      <a:gd name="T61" fmla="*/ 2147483646 h 16384"/>
                      <a:gd name="T62" fmla="*/ 2147483646 w 16384"/>
                      <a:gd name="T63" fmla="*/ 2147483646 h 16384"/>
                      <a:gd name="T64" fmla="*/ 2147483646 w 16384"/>
                      <a:gd name="T65" fmla="*/ 2147483646 h 16384"/>
                      <a:gd name="T66" fmla="*/ 2147483646 w 16384"/>
                      <a:gd name="T67" fmla="*/ 2147483646 h 16384"/>
                      <a:gd name="T68" fmla="*/ 0 w 16384"/>
                      <a:gd name="T69" fmla="*/ 2147483646 h 16384"/>
                      <a:gd name="T70" fmla="*/ 0 w 16384"/>
                      <a:gd name="T71" fmla="*/ 2147483646 h 16384"/>
                      <a:gd name="T72" fmla="*/ 2147483646 w 16384"/>
                      <a:gd name="T73" fmla="*/ 2147483646 h 16384"/>
                      <a:gd name="T74" fmla="*/ 2147483646 w 16384"/>
                      <a:gd name="T75" fmla="*/ 2147483646 h 16384"/>
                      <a:gd name="T76" fmla="*/ 2147483646 w 16384"/>
                      <a:gd name="T77" fmla="*/ 2147483646 h 16384"/>
                      <a:gd name="T78" fmla="*/ 2147483646 w 16384"/>
                      <a:gd name="T79" fmla="*/ 2147483646 h 16384"/>
                      <a:gd name="T80" fmla="*/ 2147483646 w 16384"/>
                      <a:gd name="T81" fmla="*/ 0 h 16384"/>
                      <a:gd name="T82" fmla="*/ 2147483646 w 16384"/>
                      <a:gd name="T83" fmla="*/ 0 h 16384"/>
                      <a:gd name="T84" fmla="*/ 2147483646 w 16384"/>
                      <a:gd name="T85" fmla="*/ 2147483646 h 16384"/>
                      <a:gd name="T86" fmla="*/ 2147483646 w 16384"/>
                      <a:gd name="T87" fmla="*/ 2147483646 h 16384"/>
                      <a:gd name="T88" fmla="*/ 2147483646 w 16384"/>
                      <a:gd name="T89" fmla="*/ 2147483646 h 16384"/>
                      <a:gd name="T90" fmla="*/ 2147483646 w 16384"/>
                      <a:gd name="T91" fmla="*/ 2147483646 h 16384"/>
                      <a:gd name="T92" fmla="*/ 2147483646 w 16384"/>
                      <a:gd name="T93" fmla="*/ 2147483646 h 16384"/>
                      <a:gd name="T94" fmla="*/ 2147483646 w 16384"/>
                      <a:gd name="T95" fmla="*/ 2147483646 h 16384"/>
                      <a:gd name="T96" fmla="*/ 2147483646 w 16384"/>
                      <a:gd name="T97" fmla="*/ 2147483646 h 16384"/>
                      <a:gd name="T98" fmla="*/ 2147483646 w 16384"/>
                      <a:gd name="T99" fmla="*/ 2147483646 h 16384"/>
                      <a:gd name="T100" fmla="*/ 2147483646 w 16384"/>
                      <a:gd name="T101" fmla="*/ 2147483646 h 16384"/>
                      <a:gd name="T102" fmla="*/ 2147483646 w 16384"/>
                      <a:gd name="T103" fmla="*/ 2147483646 h 16384"/>
                      <a:gd name="T104" fmla="*/ 2147483646 w 16384"/>
                      <a:gd name="T105" fmla="*/ 2147483646 h 16384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60000 65536"/>
                      <a:gd name="T112" fmla="*/ 0 60000 65536"/>
                      <a:gd name="T113" fmla="*/ 0 60000 65536"/>
                      <a:gd name="T114" fmla="*/ 0 60000 65536"/>
                      <a:gd name="T115" fmla="*/ 0 60000 65536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60000 65536"/>
                      <a:gd name="T127" fmla="*/ 0 60000 65536"/>
                      <a:gd name="T128" fmla="*/ 0 60000 65536"/>
                      <a:gd name="T129" fmla="*/ 0 60000 65536"/>
                      <a:gd name="T130" fmla="*/ 0 60000 65536"/>
                      <a:gd name="T131" fmla="*/ 0 60000 65536"/>
                      <a:gd name="T132" fmla="*/ 0 60000 65536"/>
                      <a:gd name="T133" fmla="*/ 0 60000 65536"/>
                      <a:gd name="T134" fmla="*/ 0 60000 65536"/>
                      <a:gd name="T135" fmla="*/ 0 60000 65536"/>
                      <a:gd name="T136" fmla="*/ 0 60000 65536"/>
                      <a:gd name="T137" fmla="*/ 0 60000 65536"/>
                      <a:gd name="T138" fmla="*/ 0 60000 65536"/>
                      <a:gd name="T139" fmla="*/ 0 60000 65536"/>
                      <a:gd name="T140" fmla="*/ 0 60000 65536"/>
                      <a:gd name="T141" fmla="*/ 0 60000 65536"/>
                      <a:gd name="T142" fmla="*/ 0 60000 65536"/>
                      <a:gd name="T143" fmla="*/ 0 60000 65536"/>
                      <a:gd name="T144" fmla="*/ 0 60000 65536"/>
                      <a:gd name="T145" fmla="*/ 0 60000 65536"/>
                      <a:gd name="T146" fmla="*/ 0 60000 65536"/>
                      <a:gd name="T147" fmla="*/ 0 60000 65536"/>
                      <a:gd name="T148" fmla="*/ 0 60000 65536"/>
                      <a:gd name="T149" fmla="*/ 0 60000 65536"/>
                      <a:gd name="T150" fmla="*/ 0 60000 65536"/>
                      <a:gd name="T151" fmla="*/ 0 60000 65536"/>
                      <a:gd name="T152" fmla="*/ 0 60000 65536"/>
                      <a:gd name="T153" fmla="*/ 0 60000 65536"/>
                      <a:gd name="T154" fmla="*/ 0 60000 65536"/>
                      <a:gd name="T155" fmla="*/ 0 60000 65536"/>
                      <a:gd name="T156" fmla="*/ 0 60000 65536"/>
                      <a:gd name="T157" fmla="*/ 0 60000 65536"/>
                      <a:gd name="T158" fmla="*/ 0 60000 65536"/>
                      <a:gd name="T159" fmla="*/ 0 w 16384"/>
                      <a:gd name="T160" fmla="*/ 0 h 16384"/>
                      <a:gd name="T161" fmla="*/ 16384 w 16384"/>
                      <a:gd name="T162" fmla="*/ 16384 h 16384"/>
                    </a:gdLst>
                    <a:ahLst/>
                    <a:cxnLst>
                      <a:cxn ang="T106">
                        <a:pos x="T0" y="T1"/>
                      </a:cxn>
                      <a:cxn ang="T107">
                        <a:pos x="T2" y="T3"/>
                      </a:cxn>
                      <a:cxn ang="T108">
                        <a:pos x="T4" y="T5"/>
                      </a:cxn>
                      <a:cxn ang="T109">
                        <a:pos x="T6" y="T7"/>
                      </a:cxn>
                      <a:cxn ang="T110">
                        <a:pos x="T8" y="T9"/>
                      </a:cxn>
                      <a:cxn ang="T111">
                        <a:pos x="T10" y="T11"/>
                      </a:cxn>
                      <a:cxn ang="T112">
                        <a:pos x="T12" y="T13"/>
                      </a:cxn>
                      <a:cxn ang="T113">
                        <a:pos x="T14" y="T15"/>
                      </a:cxn>
                      <a:cxn ang="T114">
                        <a:pos x="T16" y="T17"/>
                      </a:cxn>
                      <a:cxn ang="T115">
                        <a:pos x="T18" y="T19"/>
                      </a:cxn>
                      <a:cxn ang="T116">
                        <a:pos x="T20" y="T21"/>
                      </a:cxn>
                      <a:cxn ang="T117">
                        <a:pos x="T22" y="T23"/>
                      </a:cxn>
                      <a:cxn ang="T118">
                        <a:pos x="T24" y="T25"/>
                      </a:cxn>
                      <a:cxn ang="T119">
                        <a:pos x="T26" y="T27"/>
                      </a:cxn>
                      <a:cxn ang="T120">
                        <a:pos x="T28" y="T29"/>
                      </a:cxn>
                      <a:cxn ang="T121">
                        <a:pos x="T30" y="T31"/>
                      </a:cxn>
                      <a:cxn ang="T122">
                        <a:pos x="T32" y="T33"/>
                      </a:cxn>
                      <a:cxn ang="T123">
                        <a:pos x="T34" y="T35"/>
                      </a:cxn>
                      <a:cxn ang="T124">
                        <a:pos x="T36" y="T37"/>
                      </a:cxn>
                      <a:cxn ang="T125">
                        <a:pos x="T38" y="T39"/>
                      </a:cxn>
                      <a:cxn ang="T126">
                        <a:pos x="T40" y="T41"/>
                      </a:cxn>
                      <a:cxn ang="T127">
                        <a:pos x="T42" y="T43"/>
                      </a:cxn>
                      <a:cxn ang="T128">
                        <a:pos x="T44" y="T45"/>
                      </a:cxn>
                      <a:cxn ang="T129">
                        <a:pos x="T46" y="T47"/>
                      </a:cxn>
                      <a:cxn ang="T130">
                        <a:pos x="T48" y="T49"/>
                      </a:cxn>
                      <a:cxn ang="T131">
                        <a:pos x="T50" y="T51"/>
                      </a:cxn>
                      <a:cxn ang="T132">
                        <a:pos x="T52" y="T53"/>
                      </a:cxn>
                      <a:cxn ang="T133">
                        <a:pos x="T54" y="T55"/>
                      </a:cxn>
                      <a:cxn ang="T134">
                        <a:pos x="T56" y="T57"/>
                      </a:cxn>
                      <a:cxn ang="T135">
                        <a:pos x="T58" y="T59"/>
                      </a:cxn>
                      <a:cxn ang="T136">
                        <a:pos x="T60" y="T61"/>
                      </a:cxn>
                      <a:cxn ang="T137">
                        <a:pos x="T62" y="T63"/>
                      </a:cxn>
                      <a:cxn ang="T138">
                        <a:pos x="T64" y="T65"/>
                      </a:cxn>
                      <a:cxn ang="T139">
                        <a:pos x="T66" y="T67"/>
                      </a:cxn>
                      <a:cxn ang="T140">
                        <a:pos x="T68" y="T69"/>
                      </a:cxn>
                      <a:cxn ang="T141">
                        <a:pos x="T70" y="T71"/>
                      </a:cxn>
                      <a:cxn ang="T142">
                        <a:pos x="T72" y="T73"/>
                      </a:cxn>
                      <a:cxn ang="T143">
                        <a:pos x="T74" y="T75"/>
                      </a:cxn>
                      <a:cxn ang="T144">
                        <a:pos x="T76" y="T77"/>
                      </a:cxn>
                      <a:cxn ang="T145">
                        <a:pos x="T78" y="T79"/>
                      </a:cxn>
                      <a:cxn ang="T146">
                        <a:pos x="T80" y="T81"/>
                      </a:cxn>
                      <a:cxn ang="T147">
                        <a:pos x="T82" y="T83"/>
                      </a:cxn>
                      <a:cxn ang="T148">
                        <a:pos x="T84" y="T85"/>
                      </a:cxn>
                      <a:cxn ang="T149">
                        <a:pos x="T86" y="T87"/>
                      </a:cxn>
                      <a:cxn ang="T150">
                        <a:pos x="T88" y="T89"/>
                      </a:cxn>
                      <a:cxn ang="T151">
                        <a:pos x="T90" y="T91"/>
                      </a:cxn>
                      <a:cxn ang="T152">
                        <a:pos x="T92" y="T93"/>
                      </a:cxn>
                      <a:cxn ang="T153">
                        <a:pos x="T94" y="T95"/>
                      </a:cxn>
                      <a:cxn ang="T154">
                        <a:pos x="T96" y="T97"/>
                      </a:cxn>
                      <a:cxn ang="T155">
                        <a:pos x="T98" y="T99"/>
                      </a:cxn>
                      <a:cxn ang="T156">
                        <a:pos x="T100" y="T101"/>
                      </a:cxn>
                      <a:cxn ang="T157">
                        <a:pos x="T102" y="T103"/>
                      </a:cxn>
                      <a:cxn ang="T158">
                        <a:pos x="T104" y="T105"/>
                      </a:cxn>
                    </a:cxnLst>
                    <a:rect l="T159" t="T160" r="T161" b="T162"/>
                    <a:pathLst>
                      <a:path w="16384" h="16384">
                        <a:moveTo>
                          <a:pt x="16384" y="2403"/>
                        </a:moveTo>
                        <a:lnTo>
                          <a:pt x="14541" y="2840"/>
                        </a:lnTo>
                        <a:lnTo>
                          <a:pt x="13312" y="3932"/>
                        </a:lnTo>
                        <a:lnTo>
                          <a:pt x="13312" y="7646"/>
                        </a:lnTo>
                        <a:lnTo>
                          <a:pt x="14746" y="8738"/>
                        </a:lnTo>
                        <a:lnTo>
                          <a:pt x="15360" y="10267"/>
                        </a:lnTo>
                        <a:lnTo>
                          <a:pt x="13722" y="11360"/>
                        </a:lnTo>
                        <a:lnTo>
                          <a:pt x="12288" y="13326"/>
                        </a:lnTo>
                        <a:lnTo>
                          <a:pt x="11469" y="13107"/>
                        </a:lnTo>
                        <a:lnTo>
                          <a:pt x="11059" y="13544"/>
                        </a:lnTo>
                        <a:lnTo>
                          <a:pt x="10035" y="14418"/>
                        </a:lnTo>
                        <a:lnTo>
                          <a:pt x="8806" y="14418"/>
                        </a:lnTo>
                        <a:lnTo>
                          <a:pt x="7168" y="13763"/>
                        </a:lnTo>
                        <a:lnTo>
                          <a:pt x="6144" y="15073"/>
                        </a:lnTo>
                        <a:lnTo>
                          <a:pt x="5325" y="15729"/>
                        </a:lnTo>
                        <a:lnTo>
                          <a:pt x="4096" y="16384"/>
                        </a:lnTo>
                        <a:lnTo>
                          <a:pt x="4096" y="15510"/>
                        </a:lnTo>
                        <a:lnTo>
                          <a:pt x="3482" y="14636"/>
                        </a:lnTo>
                        <a:lnTo>
                          <a:pt x="3072" y="14636"/>
                        </a:lnTo>
                        <a:lnTo>
                          <a:pt x="1843" y="13763"/>
                        </a:lnTo>
                        <a:lnTo>
                          <a:pt x="1024" y="13107"/>
                        </a:lnTo>
                        <a:lnTo>
                          <a:pt x="410" y="12233"/>
                        </a:lnTo>
                        <a:lnTo>
                          <a:pt x="1024" y="11578"/>
                        </a:lnTo>
                        <a:lnTo>
                          <a:pt x="1434" y="10923"/>
                        </a:lnTo>
                        <a:lnTo>
                          <a:pt x="2048" y="10267"/>
                        </a:lnTo>
                        <a:lnTo>
                          <a:pt x="1638" y="9830"/>
                        </a:lnTo>
                        <a:lnTo>
                          <a:pt x="1638" y="9175"/>
                        </a:lnTo>
                        <a:lnTo>
                          <a:pt x="1229" y="8301"/>
                        </a:lnTo>
                        <a:lnTo>
                          <a:pt x="819" y="8738"/>
                        </a:lnTo>
                        <a:lnTo>
                          <a:pt x="614" y="8520"/>
                        </a:lnTo>
                        <a:lnTo>
                          <a:pt x="1229" y="7427"/>
                        </a:lnTo>
                        <a:lnTo>
                          <a:pt x="1434" y="6335"/>
                        </a:lnTo>
                        <a:lnTo>
                          <a:pt x="1024" y="5461"/>
                        </a:lnTo>
                        <a:lnTo>
                          <a:pt x="410" y="4806"/>
                        </a:lnTo>
                        <a:lnTo>
                          <a:pt x="0" y="3932"/>
                        </a:lnTo>
                        <a:lnTo>
                          <a:pt x="0" y="3277"/>
                        </a:lnTo>
                        <a:lnTo>
                          <a:pt x="1843" y="1966"/>
                        </a:lnTo>
                        <a:lnTo>
                          <a:pt x="3277" y="2185"/>
                        </a:lnTo>
                        <a:lnTo>
                          <a:pt x="3686" y="874"/>
                        </a:lnTo>
                        <a:lnTo>
                          <a:pt x="4506" y="874"/>
                        </a:lnTo>
                        <a:lnTo>
                          <a:pt x="4915" y="0"/>
                        </a:lnTo>
                        <a:lnTo>
                          <a:pt x="5530" y="0"/>
                        </a:lnTo>
                        <a:lnTo>
                          <a:pt x="5734" y="437"/>
                        </a:lnTo>
                        <a:lnTo>
                          <a:pt x="6554" y="655"/>
                        </a:lnTo>
                        <a:lnTo>
                          <a:pt x="6554" y="1311"/>
                        </a:lnTo>
                        <a:lnTo>
                          <a:pt x="6758" y="1529"/>
                        </a:lnTo>
                        <a:lnTo>
                          <a:pt x="6758" y="1748"/>
                        </a:lnTo>
                        <a:lnTo>
                          <a:pt x="7782" y="3058"/>
                        </a:lnTo>
                        <a:lnTo>
                          <a:pt x="9216" y="2403"/>
                        </a:lnTo>
                        <a:lnTo>
                          <a:pt x="11059" y="2621"/>
                        </a:lnTo>
                        <a:lnTo>
                          <a:pt x="12902" y="3058"/>
                        </a:lnTo>
                        <a:lnTo>
                          <a:pt x="14336" y="2185"/>
                        </a:lnTo>
                        <a:lnTo>
                          <a:pt x="16384" y="2403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89" name="d14362"/>
                  <xdr:cNvSpPr>
                    <a:spLocks/>
                  </xdr:cNvSpPr>
                </xdr:nvSpPr>
                <xdr:spPr bwMode="auto">
                  <a:xfrm>
                    <a:off x="14897100" y="14125575"/>
                    <a:ext cx="676275" cy="619125"/>
                  </a:xfrm>
                  <a:custGeom>
                    <a:avLst/>
                    <a:gdLst>
                      <a:gd name="T0" fmla="*/ 2147483646 w 16384"/>
                      <a:gd name="T1" fmla="*/ 2147483646 h 16384"/>
                      <a:gd name="T2" fmla="*/ 2147483646 w 16384"/>
                      <a:gd name="T3" fmla="*/ 2147483646 h 16384"/>
                      <a:gd name="T4" fmla="*/ 2147483646 w 16384"/>
                      <a:gd name="T5" fmla="*/ 2147483646 h 16384"/>
                      <a:gd name="T6" fmla="*/ 2147483646 w 16384"/>
                      <a:gd name="T7" fmla="*/ 2147483646 h 16384"/>
                      <a:gd name="T8" fmla="*/ 2147483646 w 16384"/>
                      <a:gd name="T9" fmla="*/ 2147483646 h 16384"/>
                      <a:gd name="T10" fmla="*/ 2147483646 w 16384"/>
                      <a:gd name="T11" fmla="*/ 2147483646 h 16384"/>
                      <a:gd name="T12" fmla="*/ 2147483646 w 16384"/>
                      <a:gd name="T13" fmla="*/ 2147483646 h 16384"/>
                      <a:gd name="T14" fmla="*/ 2147483646 w 16384"/>
                      <a:gd name="T15" fmla="*/ 2147483646 h 16384"/>
                      <a:gd name="T16" fmla="*/ 2147483646 w 16384"/>
                      <a:gd name="T17" fmla="*/ 2147483646 h 16384"/>
                      <a:gd name="T18" fmla="*/ 2147483646 w 16384"/>
                      <a:gd name="T19" fmla="*/ 2147483646 h 16384"/>
                      <a:gd name="T20" fmla="*/ 2147483646 w 16384"/>
                      <a:gd name="T21" fmla="*/ 2147483646 h 16384"/>
                      <a:gd name="T22" fmla="*/ 2147483646 w 16384"/>
                      <a:gd name="T23" fmla="*/ 2147483646 h 16384"/>
                      <a:gd name="T24" fmla="*/ 2147483646 w 16384"/>
                      <a:gd name="T25" fmla="*/ 2147483646 h 16384"/>
                      <a:gd name="T26" fmla="*/ 2147483646 w 16384"/>
                      <a:gd name="T27" fmla="*/ 2147483646 h 16384"/>
                      <a:gd name="T28" fmla="*/ 2147483646 w 16384"/>
                      <a:gd name="T29" fmla="*/ 2147483646 h 16384"/>
                      <a:gd name="T30" fmla="*/ 2147483646 w 16384"/>
                      <a:gd name="T31" fmla="*/ 2147483646 h 16384"/>
                      <a:gd name="T32" fmla="*/ 2147483646 w 16384"/>
                      <a:gd name="T33" fmla="*/ 2147483646 h 16384"/>
                      <a:gd name="T34" fmla="*/ 2147483646 w 16384"/>
                      <a:gd name="T35" fmla="*/ 2147483646 h 16384"/>
                      <a:gd name="T36" fmla="*/ 2147483646 w 16384"/>
                      <a:gd name="T37" fmla="*/ 2147483646 h 16384"/>
                      <a:gd name="T38" fmla="*/ 0 w 16384"/>
                      <a:gd name="T39" fmla="*/ 2147483646 h 16384"/>
                      <a:gd name="T40" fmla="*/ 0 w 16384"/>
                      <a:gd name="T41" fmla="*/ 2147483646 h 16384"/>
                      <a:gd name="T42" fmla="*/ 2147483646 w 16384"/>
                      <a:gd name="T43" fmla="*/ 2147483646 h 16384"/>
                      <a:gd name="T44" fmla="*/ 2147483646 w 16384"/>
                      <a:gd name="T45" fmla="*/ 2147483646 h 16384"/>
                      <a:gd name="T46" fmla="*/ 2147483646 w 16384"/>
                      <a:gd name="T47" fmla="*/ 2147483646 h 16384"/>
                      <a:gd name="T48" fmla="*/ 2147483646 w 16384"/>
                      <a:gd name="T49" fmla="*/ 2147483646 h 16384"/>
                      <a:gd name="T50" fmla="*/ 2147483646 w 16384"/>
                      <a:gd name="T51" fmla="*/ 2147483646 h 16384"/>
                      <a:gd name="T52" fmla="*/ 2147483646 w 16384"/>
                      <a:gd name="T53" fmla="*/ 2147483646 h 16384"/>
                      <a:gd name="T54" fmla="*/ 2147483646 w 16384"/>
                      <a:gd name="T55" fmla="*/ 2147483646 h 16384"/>
                      <a:gd name="T56" fmla="*/ 2147483646 w 16384"/>
                      <a:gd name="T57" fmla="*/ 2147483646 h 16384"/>
                      <a:gd name="T58" fmla="*/ 2147483646 w 16384"/>
                      <a:gd name="T59" fmla="*/ 2147483646 h 16384"/>
                      <a:gd name="T60" fmla="*/ 2147483646 w 16384"/>
                      <a:gd name="T61" fmla="*/ 2147483646 h 16384"/>
                      <a:gd name="T62" fmla="*/ 2147483646 w 16384"/>
                      <a:gd name="T63" fmla="*/ 2147483646 h 16384"/>
                      <a:gd name="T64" fmla="*/ 2147483646 w 16384"/>
                      <a:gd name="T65" fmla="*/ 0 h 16384"/>
                      <a:gd name="T66" fmla="*/ 2147483646 w 16384"/>
                      <a:gd name="T67" fmla="*/ 2147483646 h 16384"/>
                      <a:gd name="T68" fmla="*/ 2147483646 w 16384"/>
                      <a:gd name="T69" fmla="*/ 2147483646 h 16384"/>
                      <a:gd name="T70" fmla="*/ 2147483646 w 16384"/>
                      <a:gd name="T71" fmla="*/ 2147483646 h 16384"/>
                      <a:gd name="T72" fmla="*/ 2147483646 w 16384"/>
                      <a:gd name="T73" fmla="*/ 2147483646 h 16384"/>
                      <a:gd name="T74" fmla="*/ 2147483646 w 16384"/>
                      <a:gd name="T75" fmla="*/ 2147483646 h 16384"/>
                      <a:gd name="T76" fmla="*/ 2147483646 w 16384"/>
                      <a:gd name="T77" fmla="*/ 2147483646 h 16384"/>
                      <a:gd name="T78" fmla="*/ 2147483646 w 16384"/>
                      <a:gd name="T79" fmla="*/ 2147483646 h 16384"/>
                      <a:gd name="T80" fmla="*/ 2147483646 w 16384"/>
                      <a:gd name="T81" fmla="*/ 2147483646 h 16384"/>
                      <a:gd name="T82" fmla="*/ 2147483646 w 16384"/>
                      <a:gd name="T83" fmla="*/ 2147483646 h 16384"/>
                      <a:gd name="T84" fmla="*/ 2147483646 w 16384"/>
                      <a:gd name="T85" fmla="*/ 2147483646 h 16384"/>
                      <a:gd name="T86" fmla="*/ 2147483646 w 16384"/>
                      <a:gd name="T87" fmla="*/ 2147483646 h 16384"/>
                      <a:gd name="T88" fmla="*/ 2147483646 w 16384"/>
                      <a:gd name="T89" fmla="*/ 2147483646 h 16384"/>
                      <a:gd name="T90" fmla="*/ 2147483646 w 16384"/>
                      <a:gd name="T91" fmla="*/ 2147483646 h 16384"/>
                      <a:gd name="T92" fmla="*/ 2147483646 w 16384"/>
                      <a:gd name="T93" fmla="*/ 2147483646 h 16384"/>
                      <a:gd name="T94" fmla="*/ 2147483646 w 16384"/>
                      <a:gd name="T95" fmla="*/ 2147483646 h 16384"/>
                      <a:gd name="T96" fmla="*/ 2147483646 w 16384"/>
                      <a:gd name="T97" fmla="*/ 2147483646 h 16384"/>
                      <a:gd name="T98" fmla="*/ 2147483646 w 16384"/>
                      <a:gd name="T99" fmla="*/ 2147483646 h 16384"/>
                      <a:gd name="T100" fmla="*/ 2147483646 w 16384"/>
                      <a:gd name="T101" fmla="*/ 2147483646 h 16384"/>
                      <a:gd name="T102" fmla="*/ 2147483646 w 16384"/>
                      <a:gd name="T103" fmla="*/ 2147483646 h 16384"/>
                      <a:gd name="T104" fmla="*/ 0 60000 65536"/>
                      <a:gd name="T105" fmla="*/ 0 60000 65536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60000 65536"/>
                      <a:gd name="T112" fmla="*/ 0 60000 65536"/>
                      <a:gd name="T113" fmla="*/ 0 60000 65536"/>
                      <a:gd name="T114" fmla="*/ 0 60000 65536"/>
                      <a:gd name="T115" fmla="*/ 0 60000 65536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60000 65536"/>
                      <a:gd name="T127" fmla="*/ 0 60000 65536"/>
                      <a:gd name="T128" fmla="*/ 0 60000 65536"/>
                      <a:gd name="T129" fmla="*/ 0 60000 65536"/>
                      <a:gd name="T130" fmla="*/ 0 60000 65536"/>
                      <a:gd name="T131" fmla="*/ 0 60000 65536"/>
                      <a:gd name="T132" fmla="*/ 0 60000 65536"/>
                      <a:gd name="T133" fmla="*/ 0 60000 65536"/>
                      <a:gd name="T134" fmla="*/ 0 60000 65536"/>
                      <a:gd name="T135" fmla="*/ 0 60000 65536"/>
                      <a:gd name="T136" fmla="*/ 0 60000 65536"/>
                      <a:gd name="T137" fmla="*/ 0 60000 65536"/>
                      <a:gd name="T138" fmla="*/ 0 60000 65536"/>
                      <a:gd name="T139" fmla="*/ 0 60000 65536"/>
                      <a:gd name="T140" fmla="*/ 0 60000 65536"/>
                      <a:gd name="T141" fmla="*/ 0 60000 65536"/>
                      <a:gd name="T142" fmla="*/ 0 60000 65536"/>
                      <a:gd name="T143" fmla="*/ 0 60000 65536"/>
                      <a:gd name="T144" fmla="*/ 0 60000 65536"/>
                      <a:gd name="T145" fmla="*/ 0 60000 65536"/>
                      <a:gd name="T146" fmla="*/ 0 60000 65536"/>
                      <a:gd name="T147" fmla="*/ 0 60000 65536"/>
                      <a:gd name="T148" fmla="*/ 0 60000 65536"/>
                      <a:gd name="T149" fmla="*/ 0 60000 65536"/>
                      <a:gd name="T150" fmla="*/ 0 60000 65536"/>
                      <a:gd name="T151" fmla="*/ 0 60000 65536"/>
                      <a:gd name="T152" fmla="*/ 0 60000 65536"/>
                      <a:gd name="T153" fmla="*/ 0 60000 65536"/>
                      <a:gd name="T154" fmla="*/ 0 60000 65536"/>
                      <a:gd name="T155" fmla="*/ 0 60000 65536"/>
                      <a:gd name="T156" fmla="*/ 0 w 16384"/>
                      <a:gd name="T157" fmla="*/ 0 h 16384"/>
                      <a:gd name="T158" fmla="*/ 16384 w 16384"/>
                      <a:gd name="T159" fmla="*/ 16384 h 16384"/>
                    </a:gdLst>
                    <a:ahLst/>
                    <a:cxnLst>
                      <a:cxn ang="T104">
                        <a:pos x="T0" y="T1"/>
                      </a:cxn>
                      <a:cxn ang="T105">
                        <a:pos x="T2" y="T3"/>
                      </a:cxn>
                      <a:cxn ang="T106">
                        <a:pos x="T4" y="T5"/>
                      </a:cxn>
                      <a:cxn ang="T107">
                        <a:pos x="T6" y="T7"/>
                      </a:cxn>
                      <a:cxn ang="T108">
                        <a:pos x="T8" y="T9"/>
                      </a:cxn>
                      <a:cxn ang="T109">
                        <a:pos x="T10" y="T11"/>
                      </a:cxn>
                      <a:cxn ang="T110">
                        <a:pos x="T12" y="T13"/>
                      </a:cxn>
                      <a:cxn ang="T111">
                        <a:pos x="T14" y="T15"/>
                      </a:cxn>
                      <a:cxn ang="T112">
                        <a:pos x="T16" y="T17"/>
                      </a:cxn>
                      <a:cxn ang="T113">
                        <a:pos x="T18" y="T19"/>
                      </a:cxn>
                      <a:cxn ang="T114">
                        <a:pos x="T20" y="T21"/>
                      </a:cxn>
                      <a:cxn ang="T115">
                        <a:pos x="T22" y="T23"/>
                      </a:cxn>
                      <a:cxn ang="T116">
                        <a:pos x="T24" y="T25"/>
                      </a:cxn>
                      <a:cxn ang="T117">
                        <a:pos x="T26" y="T27"/>
                      </a:cxn>
                      <a:cxn ang="T118">
                        <a:pos x="T28" y="T29"/>
                      </a:cxn>
                      <a:cxn ang="T119">
                        <a:pos x="T30" y="T31"/>
                      </a:cxn>
                      <a:cxn ang="T120">
                        <a:pos x="T32" y="T33"/>
                      </a:cxn>
                      <a:cxn ang="T121">
                        <a:pos x="T34" y="T35"/>
                      </a:cxn>
                      <a:cxn ang="T122">
                        <a:pos x="T36" y="T37"/>
                      </a:cxn>
                      <a:cxn ang="T123">
                        <a:pos x="T38" y="T39"/>
                      </a:cxn>
                      <a:cxn ang="T124">
                        <a:pos x="T40" y="T41"/>
                      </a:cxn>
                      <a:cxn ang="T125">
                        <a:pos x="T42" y="T43"/>
                      </a:cxn>
                      <a:cxn ang="T126">
                        <a:pos x="T44" y="T45"/>
                      </a:cxn>
                      <a:cxn ang="T127">
                        <a:pos x="T46" y="T47"/>
                      </a:cxn>
                      <a:cxn ang="T128">
                        <a:pos x="T48" y="T49"/>
                      </a:cxn>
                      <a:cxn ang="T129">
                        <a:pos x="T50" y="T51"/>
                      </a:cxn>
                      <a:cxn ang="T130">
                        <a:pos x="T52" y="T53"/>
                      </a:cxn>
                      <a:cxn ang="T131">
                        <a:pos x="T54" y="T55"/>
                      </a:cxn>
                      <a:cxn ang="T132">
                        <a:pos x="T56" y="T57"/>
                      </a:cxn>
                      <a:cxn ang="T133">
                        <a:pos x="T58" y="T59"/>
                      </a:cxn>
                      <a:cxn ang="T134">
                        <a:pos x="T60" y="T61"/>
                      </a:cxn>
                      <a:cxn ang="T135">
                        <a:pos x="T62" y="T63"/>
                      </a:cxn>
                      <a:cxn ang="T136">
                        <a:pos x="T64" y="T65"/>
                      </a:cxn>
                      <a:cxn ang="T137">
                        <a:pos x="T66" y="T67"/>
                      </a:cxn>
                      <a:cxn ang="T138">
                        <a:pos x="T68" y="T69"/>
                      </a:cxn>
                      <a:cxn ang="T139">
                        <a:pos x="T70" y="T71"/>
                      </a:cxn>
                      <a:cxn ang="T140">
                        <a:pos x="T72" y="T73"/>
                      </a:cxn>
                      <a:cxn ang="T141">
                        <a:pos x="T74" y="T75"/>
                      </a:cxn>
                      <a:cxn ang="T142">
                        <a:pos x="T76" y="T77"/>
                      </a:cxn>
                      <a:cxn ang="T143">
                        <a:pos x="T78" y="T79"/>
                      </a:cxn>
                      <a:cxn ang="T144">
                        <a:pos x="T80" y="T81"/>
                      </a:cxn>
                      <a:cxn ang="T145">
                        <a:pos x="T82" y="T83"/>
                      </a:cxn>
                      <a:cxn ang="T146">
                        <a:pos x="T84" y="T85"/>
                      </a:cxn>
                      <a:cxn ang="T147">
                        <a:pos x="T86" y="T87"/>
                      </a:cxn>
                      <a:cxn ang="T148">
                        <a:pos x="T88" y="T89"/>
                      </a:cxn>
                      <a:cxn ang="T149">
                        <a:pos x="T90" y="T91"/>
                      </a:cxn>
                      <a:cxn ang="T150">
                        <a:pos x="T92" y="T93"/>
                      </a:cxn>
                      <a:cxn ang="T151">
                        <a:pos x="T94" y="T95"/>
                      </a:cxn>
                      <a:cxn ang="T152">
                        <a:pos x="T96" y="T97"/>
                      </a:cxn>
                      <a:cxn ang="T153">
                        <a:pos x="T98" y="T99"/>
                      </a:cxn>
                      <a:cxn ang="T154">
                        <a:pos x="T100" y="T101"/>
                      </a:cxn>
                      <a:cxn ang="T155">
                        <a:pos x="T102" y="T103"/>
                      </a:cxn>
                    </a:cxnLst>
                    <a:rect l="T156" t="T157" r="T158" b="T159"/>
                    <a:pathLst>
                      <a:path w="16384" h="16384">
                        <a:moveTo>
                          <a:pt x="14538" y="12855"/>
                        </a:moveTo>
                        <a:lnTo>
                          <a:pt x="13384" y="11091"/>
                        </a:lnTo>
                        <a:lnTo>
                          <a:pt x="13153" y="10587"/>
                        </a:lnTo>
                        <a:lnTo>
                          <a:pt x="12692" y="10335"/>
                        </a:lnTo>
                        <a:lnTo>
                          <a:pt x="12230" y="10839"/>
                        </a:lnTo>
                        <a:lnTo>
                          <a:pt x="10384" y="11343"/>
                        </a:lnTo>
                        <a:lnTo>
                          <a:pt x="10153" y="11595"/>
                        </a:lnTo>
                        <a:lnTo>
                          <a:pt x="9923" y="12855"/>
                        </a:lnTo>
                        <a:lnTo>
                          <a:pt x="9230" y="13359"/>
                        </a:lnTo>
                        <a:lnTo>
                          <a:pt x="8769" y="14115"/>
                        </a:lnTo>
                        <a:lnTo>
                          <a:pt x="8307" y="15124"/>
                        </a:lnTo>
                        <a:lnTo>
                          <a:pt x="8077" y="14368"/>
                        </a:lnTo>
                        <a:lnTo>
                          <a:pt x="6923" y="15628"/>
                        </a:lnTo>
                        <a:lnTo>
                          <a:pt x="5769" y="16384"/>
                        </a:lnTo>
                        <a:lnTo>
                          <a:pt x="4154" y="16132"/>
                        </a:lnTo>
                        <a:lnTo>
                          <a:pt x="2077" y="12351"/>
                        </a:lnTo>
                        <a:lnTo>
                          <a:pt x="1846" y="11847"/>
                        </a:lnTo>
                        <a:lnTo>
                          <a:pt x="1154" y="10587"/>
                        </a:lnTo>
                        <a:lnTo>
                          <a:pt x="231" y="9578"/>
                        </a:lnTo>
                        <a:lnTo>
                          <a:pt x="0" y="8318"/>
                        </a:lnTo>
                        <a:lnTo>
                          <a:pt x="0" y="7058"/>
                        </a:lnTo>
                        <a:lnTo>
                          <a:pt x="1385" y="7562"/>
                        </a:lnTo>
                        <a:lnTo>
                          <a:pt x="2077" y="7310"/>
                        </a:lnTo>
                        <a:lnTo>
                          <a:pt x="2538" y="6302"/>
                        </a:lnTo>
                        <a:lnTo>
                          <a:pt x="3231" y="5797"/>
                        </a:lnTo>
                        <a:lnTo>
                          <a:pt x="4384" y="5293"/>
                        </a:lnTo>
                        <a:lnTo>
                          <a:pt x="5077" y="4537"/>
                        </a:lnTo>
                        <a:lnTo>
                          <a:pt x="6231" y="4789"/>
                        </a:lnTo>
                        <a:lnTo>
                          <a:pt x="6923" y="4033"/>
                        </a:lnTo>
                        <a:lnTo>
                          <a:pt x="7154" y="3025"/>
                        </a:lnTo>
                        <a:lnTo>
                          <a:pt x="7384" y="1764"/>
                        </a:lnTo>
                        <a:lnTo>
                          <a:pt x="7384" y="504"/>
                        </a:lnTo>
                        <a:lnTo>
                          <a:pt x="9000" y="0"/>
                        </a:lnTo>
                        <a:lnTo>
                          <a:pt x="9461" y="1008"/>
                        </a:lnTo>
                        <a:lnTo>
                          <a:pt x="10615" y="3529"/>
                        </a:lnTo>
                        <a:lnTo>
                          <a:pt x="11769" y="4537"/>
                        </a:lnTo>
                        <a:lnTo>
                          <a:pt x="13384" y="3025"/>
                        </a:lnTo>
                        <a:lnTo>
                          <a:pt x="14076" y="2521"/>
                        </a:lnTo>
                        <a:lnTo>
                          <a:pt x="14076" y="3277"/>
                        </a:lnTo>
                        <a:lnTo>
                          <a:pt x="14538" y="4285"/>
                        </a:lnTo>
                        <a:lnTo>
                          <a:pt x="15230" y="5041"/>
                        </a:lnTo>
                        <a:lnTo>
                          <a:pt x="15692" y="6049"/>
                        </a:lnTo>
                        <a:lnTo>
                          <a:pt x="15461" y="7310"/>
                        </a:lnTo>
                        <a:lnTo>
                          <a:pt x="14769" y="8570"/>
                        </a:lnTo>
                        <a:lnTo>
                          <a:pt x="14999" y="8822"/>
                        </a:lnTo>
                        <a:lnTo>
                          <a:pt x="15461" y="8318"/>
                        </a:lnTo>
                        <a:lnTo>
                          <a:pt x="15922" y="9326"/>
                        </a:lnTo>
                        <a:lnTo>
                          <a:pt x="15922" y="10082"/>
                        </a:lnTo>
                        <a:lnTo>
                          <a:pt x="16384" y="10587"/>
                        </a:lnTo>
                        <a:lnTo>
                          <a:pt x="15692" y="11343"/>
                        </a:lnTo>
                        <a:lnTo>
                          <a:pt x="15230" y="12099"/>
                        </a:lnTo>
                        <a:lnTo>
                          <a:pt x="14538" y="12855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90" name="d14363"/>
                  <xdr:cNvSpPr>
                    <a:spLocks/>
                  </xdr:cNvSpPr>
                </xdr:nvSpPr>
                <xdr:spPr bwMode="auto">
                  <a:xfrm>
                    <a:off x="14487525" y="12915900"/>
                    <a:ext cx="714375" cy="1495425"/>
                  </a:xfrm>
                  <a:custGeom>
                    <a:avLst/>
                    <a:gdLst>
                      <a:gd name="T0" fmla="*/ 2147483646 w 16384"/>
                      <a:gd name="T1" fmla="*/ 2147483646 h 16384"/>
                      <a:gd name="T2" fmla="*/ 2147483646 w 16384"/>
                      <a:gd name="T3" fmla="*/ 2147483646 h 16384"/>
                      <a:gd name="T4" fmla="*/ 2147483646 w 16384"/>
                      <a:gd name="T5" fmla="*/ 2147483646 h 16384"/>
                      <a:gd name="T6" fmla="*/ 2147483646 w 16384"/>
                      <a:gd name="T7" fmla="*/ 2147483646 h 16384"/>
                      <a:gd name="T8" fmla="*/ 2147483646 w 16384"/>
                      <a:gd name="T9" fmla="*/ 2147483646 h 16384"/>
                      <a:gd name="T10" fmla="*/ 2147483646 w 16384"/>
                      <a:gd name="T11" fmla="*/ 2147483646 h 16384"/>
                      <a:gd name="T12" fmla="*/ 2147483646 w 16384"/>
                      <a:gd name="T13" fmla="*/ 2147483646 h 16384"/>
                      <a:gd name="T14" fmla="*/ 2147483646 w 16384"/>
                      <a:gd name="T15" fmla="*/ 2147483646 h 16384"/>
                      <a:gd name="T16" fmla="*/ 2147483646 w 16384"/>
                      <a:gd name="T17" fmla="*/ 2147483646 h 16384"/>
                      <a:gd name="T18" fmla="*/ 2147483646 w 16384"/>
                      <a:gd name="T19" fmla="*/ 2147483646 h 16384"/>
                      <a:gd name="T20" fmla="*/ 2147483646 w 16384"/>
                      <a:gd name="T21" fmla="*/ 2147483646 h 16384"/>
                      <a:gd name="T22" fmla="*/ 2147483646 w 16384"/>
                      <a:gd name="T23" fmla="*/ 2147483646 h 16384"/>
                      <a:gd name="T24" fmla="*/ 2147483646 w 16384"/>
                      <a:gd name="T25" fmla="*/ 2147483646 h 16384"/>
                      <a:gd name="T26" fmla="*/ 2147483646 w 16384"/>
                      <a:gd name="T27" fmla="*/ 2147483646 h 16384"/>
                      <a:gd name="T28" fmla="*/ 2147483646 w 16384"/>
                      <a:gd name="T29" fmla="*/ 2147483646 h 16384"/>
                      <a:gd name="T30" fmla="*/ 2147483646 w 16384"/>
                      <a:gd name="T31" fmla="*/ 2147483646 h 16384"/>
                      <a:gd name="T32" fmla="*/ 2147483646 w 16384"/>
                      <a:gd name="T33" fmla="*/ 2147483646 h 16384"/>
                      <a:gd name="T34" fmla="*/ 2147483646 w 16384"/>
                      <a:gd name="T35" fmla="*/ 2147483646 h 16384"/>
                      <a:gd name="T36" fmla="*/ 2147483646 w 16384"/>
                      <a:gd name="T37" fmla="*/ 2147483646 h 16384"/>
                      <a:gd name="T38" fmla="*/ 2147483646 w 16384"/>
                      <a:gd name="T39" fmla="*/ 2147483646 h 16384"/>
                      <a:gd name="T40" fmla="*/ 2147483646 w 16384"/>
                      <a:gd name="T41" fmla="*/ 2147483646 h 16384"/>
                      <a:gd name="T42" fmla="*/ 2147483646 w 16384"/>
                      <a:gd name="T43" fmla="*/ 2147483646 h 16384"/>
                      <a:gd name="T44" fmla="*/ 2147483646 w 16384"/>
                      <a:gd name="T45" fmla="*/ 2147483646 h 16384"/>
                      <a:gd name="T46" fmla="*/ 2147483646 w 16384"/>
                      <a:gd name="T47" fmla="*/ 2147483646 h 16384"/>
                      <a:gd name="T48" fmla="*/ 2147483646 w 16384"/>
                      <a:gd name="T49" fmla="*/ 2147483646 h 16384"/>
                      <a:gd name="T50" fmla="*/ 2147483646 w 16384"/>
                      <a:gd name="T51" fmla="*/ 2147483646 h 16384"/>
                      <a:gd name="T52" fmla="*/ 2147483646 w 16384"/>
                      <a:gd name="T53" fmla="*/ 2147483646 h 16384"/>
                      <a:gd name="T54" fmla="*/ 2147483646 w 16384"/>
                      <a:gd name="T55" fmla="*/ 2147483646 h 16384"/>
                      <a:gd name="T56" fmla="*/ 0 w 16384"/>
                      <a:gd name="T57" fmla="*/ 2147483646 h 16384"/>
                      <a:gd name="T58" fmla="*/ 2147483646 w 16384"/>
                      <a:gd name="T59" fmla="*/ 2147483646 h 16384"/>
                      <a:gd name="T60" fmla="*/ 2147483646 w 16384"/>
                      <a:gd name="T61" fmla="*/ 2147483646 h 16384"/>
                      <a:gd name="T62" fmla="*/ 2147483646 w 16384"/>
                      <a:gd name="T63" fmla="*/ 2147483646 h 16384"/>
                      <a:gd name="T64" fmla="*/ 2147483646 w 16384"/>
                      <a:gd name="T65" fmla="*/ 2147483646 h 16384"/>
                      <a:gd name="T66" fmla="*/ 2147483646 w 16384"/>
                      <a:gd name="T67" fmla="*/ 2147483646 h 16384"/>
                      <a:gd name="T68" fmla="*/ 2147483646 w 16384"/>
                      <a:gd name="T69" fmla="*/ 2147483646 h 16384"/>
                      <a:gd name="T70" fmla="*/ 2147483646 w 16384"/>
                      <a:gd name="T71" fmla="*/ 2147483646 h 16384"/>
                      <a:gd name="T72" fmla="*/ 2147483646 w 16384"/>
                      <a:gd name="T73" fmla="*/ 2147483646 h 16384"/>
                      <a:gd name="T74" fmla="*/ 2147483646 w 16384"/>
                      <a:gd name="T75" fmla="*/ 2147483646 h 16384"/>
                      <a:gd name="T76" fmla="*/ 2147483646 w 16384"/>
                      <a:gd name="T77" fmla="*/ 2147483646 h 16384"/>
                      <a:gd name="T78" fmla="*/ 2147483646 w 16384"/>
                      <a:gd name="T79" fmla="*/ 2147483646 h 16384"/>
                      <a:gd name="T80" fmla="*/ 2147483646 w 16384"/>
                      <a:gd name="T81" fmla="*/ 0 h 16384"/>
                      <a:gd name="T82" fmla="*/ 2147483646 w 16384"/>
                      <a:gd name="T83" fmla="*/ 2147483646 h 16384"/>
                      <a:gd name="T84" fmla="*/ 0 60000 65536"/>
                      <a:gd name="T85" fmla="*/ 0 60000 65536"/>
                      <a:gd name="T86" fmla="*/ 0 60000 65536"/>
                      <a:gd name="T87" fmla="*/ 0 60000 65536"/>
                      <a:gd name="T88" fmla="*/ 0 60000 65536"/>
                      <a:gd name="T89" fmla="*/ 0 60000 65536"/>
                      <a:gd name="T90" fmla="*/ 0 60000 65536"/>
                      <a:gd name="T91" fmla="*/ 0 60000 65536"/>
                      <a:gd name="T92" fmla="*/ 0 60000 65536"/>
                      <a:gd name="T93" fmla="*/ 0 60000 65536"/>
                      <a:gd name="T94" fmla="*/ 0 60000 65536"/>
                      <a:gd name="T95" fmla="*/ 0 60000 65536"/>
                      <a:gd name="T96" fmla="*/ 0 60000 65536"/>
                      <a:gd name="T97" fmla="*/ 0 60000 65536"/>
                      <a:gd name="T98" fmla="*/ 0 60000 65536"/>
                      <a:gd name="T99" fmla="*/ 0 60000 65536"/>
                      <a:gd name="T100" fmla="*/ 0 60000 65536"/>
                      <a:gd name="T101" fmla="*/ 0 60000 65536"/>
                      <a:gd name="T102" fmla="*/ 0 60000 65536"/>
                      <a:gd name="T103" fmla="*/ 0 60000 65536"/>
                      <a:gd name="T104" fmla="*/ 0 60000 65536"/>
                      <a:gd name="T105" fmla="*/ 0 60000 65536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60000 65536"/>
                      <a:gd name="T112" fmla="*/ 0 60000 65536"/>
                      <a:gd name="T113" fmla="*/ 0 60000 65536"/>
                      <a:gd name="T114" fmla="*/ 0 60000 65536"/>
                      <a:gd name="T115" fmla="*/ 0 60000 65536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w 16384"/>
                      <a:gd name="T127" fmla="*/ 0 h 16384"/>
                      <a:gd name="T128" fmla="*/ 16384 w 16384"/>
                      <a:gd name="T129" fmla="*/ 16384 h 16384"/>
                    </a:gdLst>
                    <a:ahLst/>
                    <a:cxnLst>
                      <a:cxn ang="T84">
                        <a:pos x="T0" y="T1"/>
                      </a:cxn>
                      <a:cxn ang="T85">
                        <a:pos x="T2" y="T3"/>
                      </a:cxn>
                      <a:cxn ang="T86">
                        <a:pos x="T4" y="T5"/>
                      </a:cxn>
                      <a:cxn ang="T87">
                        <a:pos x="T6" y="T7"/>
                      </a:cxn>
                      <a:cxn ang="T88">
                        <a:pos x="T8" y="T9"/>
                      </a:cxn>
                      <a:cxn ang="T89">
                        <a:pos x="T10" y="T11"/>
                      </a:cxn>
                      <a:cxn ang="T90">
                        <a:pos x="T12" y="T13"/>
                      </a:cxn>
                      <a:cxn ang="T91">
                        <a:pos x="T14" y="T15"/>
                      </a:cxn>
                      <a:cxn ang="T92">
                        <a:pos x="T16" y="T17"/>
                      </a:cxn>
                      <a:cxn ang="T93">
                        <a:pos x="T18" y="T19"/>
                      </a:cxn>
                      <a:cxn ang="T94">
                        <a:pos x="T20" y="T21"/>
                      </a:cxn>
                      <a:cxn ang="T95">
                        <a:pos x="T22" y="T23"/>
                      </a:cxn>
                      <a:cxn ang="T96">
                        <a:pos x="T24" y="T25"/>
                      </a:cxn>
                      <a:cxn ang="T97">
                        <a:pos x="T26" y="T27"/>
                      </a:cxn>
                      <a:cxn ang="T98">
                        <a:pos x="T28" y="T29"/>
                      </a:cxn>
                      <a:cxn ang="T99">
                        <a:pos x="T30" y="T31"/>
                      </a:cxn>
                      <a:cxn ang="T100">
                        <a:pos x="T32" y="T33"/>
                      </a:cxn>
                      <a:cxn ang="T101">
                        <a:pos x="T34" y="T35"/>
                      </a:cxn>
                      <a:cxn ang="T102">
                        <a:pos x="T36" y="T37"/>
                      </a:cxn>
                      <a:cxn ang="T103">
                        <a:pos x="T38" y="T39"/>
                      </a:cxn>
                      <a:cxn ang="T104">
                        <a:pos x="T40" y="T41"/>
                      </a:cxn>
                      <a:cxn ang="T105">
                        <a:pos x="T42" y="T43"/>
                      </a:cxn>
                      <a:cxn ang="T106">
                        <a:pos x="T44" y="T45"/>
                      </a:cxn>
                      <a:cxn ang="T107">
                        <a:pos x="T46" y="T47"/>
                      </a:cxn>
                      <a:cxn ang="T108">
                        <a:pos x="T48" y="T49"/>
                      </a:cxn>
                      <a:cxn ang="T109">
                        <a:pos x="T50" y="T51"/>
                      </a:cxn>
                      <a:cxn ang="T110">
                        <a:pos x="T52" y="T53"/>
                      </a:cxn>
                      <a:cxn ang="T111">
                        <a:pos x="T54" y="T55"/>
                      </a:cxn>
                      <a:cxn ang="T112">
                        <a:pos x="T56" y="T57"/>
                      </a:cxn>
                      <a:cxn ang="T113">
                        <a:pos x="T58" y="T59"/>
                      </a:cxn>
                      <a:cxn ang="T114">
                        <a:pos x="T60" y="T61"/>
                      </a:cxn>
                      <a:cxn ang="T115">
                        <a:pos x="T62" y="T63"/>
                      </a:cxn>
                      <a:cxn ang="T116">
                        <a:pos x="T64" y="T65"/>
                      </a:cxn>
                      <a:cxn ang="T117">
                        <a:pos x="T66" y="T67"/>
                      </a:cxn>
                      <a:cxn ang="T118">
                        <a:pos x="T68" y="T69"/>
                      </a:cxn>
                      <a:cxn ang="T119">
                        <a:pos x="T70" y="T71"/>
                      </a:cxn>
                      <a:cxn ang="T120">
                        <a:pos x="T72" y="T73"/>
                      </a:cxn>
                      <a:cxn ang="T121">
                        <a:pos x="T74" y="T75"/>
                      </a:cxn>
                      <a:cxn ang="T122">
                        <a:pos x="T76" y="T77"/>
                      </a:cxn>
                      <a:cxn ang="T123">
                        <a:pos x="T78" y="T79"/>
                      </a:cxn>
                      <a:cxn ang="T124">
                        <a:pos x="T80" y="T81"/>
                      </a:cxn>
                      <a:cxn ang="T125">
                        <a:pos x="T82" y="T83"/>
                      </a:cxn>
                    </a:cxnLst>
                    <a:rect l="T126" t="T127" r="T128" b="T129"/>
                    <a:pathLst>
                      <a:path w="16384" h="16384">
                        <a:moveTo>
                          <a:pt x="11360" y="626"/>
                        </a:moveTo>
                        <a:lnTo>
                          <a:pt x="11578" y="1044"/>
                        </a:lnTo>
                        <a:lnTo>
                          <a:pt x="11360" y="1461"/>
                        </a:lnTo>
                        <a:lnTo>
                          <a:pt x="11796" y="2087"/>
                        </a:lnTo>
                        <a:lnTo>
                          <a:pt x="12452" y="2505"/>
                        </a:lnTo>
                        <a:lnTo>
                          <a:pt x="12233" y="3026"/>
                        </a:lnTo>
                        <a:lnTo>
                          <a:pt x="12670" y="3339"/>
                        </a:lnTo>
                        <a:lnTo>
                          <a:pt x="12889" y="3757"/>
                        </a:lnTo>
                        <a:lnTo>
                          <a:pt x="12670" y="4174"/>
                        </a:lnTo>
                        <a:lnTo>
                          <a:pt x="12889" y="4800"/>
                        </a:lnTo>
                        <a:lnTo>
                          <a:pt x="12670" y="5218"/>
                        </a:lnTo>
                        <a:lnTo>
                          <a:pt x="12452" y="5427"/>
                        </a:lnTo>
                        <a:lnTo>
                          <a:pt x="12233" y="5740"/>
                        </a:lnTo>
                        <a:lnTo>
                          <a:pt x="13326" y="6366"/>
                        </a:lnTo>
                        <a:lnTo>
                          <a:pt x="13107" y="6888"/>
                        </a:lnTo>
                        <a:lnTo>
                          <a:pt x="13544" y="7305"/>
                        </a:lnTo>
                        <a:lnTo>
                          <a:pt x="13763" y="7827"/>
                        </a:lnTo>
                        <a:lnTo>
                          <a:pt x="13544" y="8140"/>
                        </a:lnTo>
                        <a:lnTo>
                          <a:pt x="12670" y="8349"/>
                        </a:lnTo>
                        <a:lnTo>
                          <a:pt x="12233" y="8766"/>
                        </a:lnTo>
                        <a:lnTo>
                          <a:pt x="12015" y="9601"/>
                        </a:lnTo>
                        <a:lnTo>
                          <a:pt x="12015" y="10018"/>
                        </a:lnTo>
                        <a:lnTo>
                          <a:pt x="15292" y="12418"/>
                        </a:lnTo>
                        <a:lnTo>
                          <a:pt x="16384" y="13462"/>
                        </a:lnTo>
                        <a:lnTo>
                          <a:pt x="16384" y="13984"/>
                        </a:lnTo>
                        <a:lnTo>
                          <a:pt x="16166" y="14506"/>
                        </a:lnTo>
                        <a:lnTo>
                          <a:pt x="15947" y="14923"/>
                        </a:lnTo>
                        <a:lnTo>
                          <a:pt x="15292" y="15236"/>
                        </a:lnTo>
                        <a:lnTo>
                          <a:pt x="14199" y="15132"/>
                        </a:lnTo>
                        <a:lnTo>
                          <a:pt x="13544" y="15445"/>
                        </a:lnTo>
                        <a:lnTo>
                          <a:pt x="12452" y="15654"/>
                        </a:lnTo>
                        <a:lnTo>
                          <a:pt x="11796" y="15862"/>
                        </a:lnTo>
                        <a:lnTo>
                          <a:pt x="11360" y="16280"/>
                        </a:lnTo>
                        <a:lnTo>
                          <a:pt x="10704" y="16384"/>
                        </a:lnTo>
                        <a:lnTo>
                          <a:pt x="9393" y="16175"/>
                        </a:lnTo>
                        <a:lnTo>
                          <a:pt x="8738" y="15549"/>
                        </a:lnTo>
                        <a:lnTo>
                          <a:pt x="7864" y="15236"/>
                        </a:lnTo>
                        <a:lnTo>
                          <a:pt x="6554" y="14923"/>
                        </a:lnTo>
                        <a:lnTo>
                          <a:pt x="5680" y="14714"/>
                        </a:lnTo>
                        <a:lnTo>
                          <a:pt x="4588" y="14297"/>
                        </a:lnTo>
                        <a:lnTo>
                          <a:pt x="3714" y="14193"/>
                        </a:lnTo>
                        <a:lnTo>
                          <a:pt x="2840" y="14088"/>
                        </a:lnTo>
                        <a:lnTo>
                          <a:pt x="3277" y="13671"/>
                        </a:lnTo>
                        <a:lnTo>
                          <a:pt x="3714" y="13462"/>
                        </a:lnTo>
                        <a:lnTo>
                          <a:pt x="5024" y="13149"/>
                        </a:lnTo>
                        <a:lnTo>
                          <a:pt x="6117" y="12627"/>
                        </a:lnTo>
                        <a:lnTo>
                          <a:pt x="6554" y="12105"/>
                        </a:lnTo>
                        <a:lnTo>
                          <a:pt x="6335" y="11584"/>
                        </a:lnTo>
                        <a:lnTo>
                          <a:pt x="6335" y="10957"/>
                        </a:lnTo>
                        <a:lnTo>
                          <a:pt x="6554" y="10644"/>
                        </a:lnTo>
                        <a:lnTo>
                          <a:pt x="7646" y="10853"/>
                        </a:lnTo>
                        <a:lnTo>
                          <a:pt x="7646" y="10644"/>
                        </a:lnTo>
                        <a:lnTo>
                          <a:pt x="6117" y="10227"/>
                        </a:lnTo>
                        <a:lnTo>
                          <a:pt x="5898" y="9810"/>
                        </a:lnTo>
                        <a:lnTo>
                          <a:pt x="4369" y="9496"/>
                        </a:lnTo>
                        <a:lnTo>
                          <a:pt x="2403" y="9079"/>
                        </a:lnTo>
                        <a:lnTo>
                          <a:pt x="1092" y="8662"/>
                        </a:lnTo>
                        <a:lnTo>
                          <a:pt x="0" y="8244"/>
                        </a:lnTo>
                        <a:lnTo>
                          <a:pt x="218" y="7827"/>
                        </a:lnTo>
                        <a:lnTo>
                          <a:pt x="218" y="7409"/>
                        </a:lnTo>
                        <a:lnTo>
                          <a:pt x="437" y="6888"/>
                        </a:lnTo>
                        <a:lnTo>
                          <a:pt x="655" y="6366"/>
                        </a:lnTo>
                        <a:lnTo>
                          <a:pt x="655" y="5948"/>
                        </a:lnTo>
                        <a:lnTo>
                          <a:pt x="1311" y="5844"/>
                        </a:lnTo>
                        <a:lnTo>
                          <a:pt x="1748" y="5531"/>
                        </a:lnTo>
                        <a:lnTo>
                          <a:pt x="1748" y="5218"/>
                        </a:lnTo>
                        <a:lnTo>
                          <a:pt x="1311" y="4905"/>
                        </a:lnTo>
                        <a:lnTo>
                          <a:pt x="655" y="4487"/>
                        </a:lnTo>
                        <a:lnTo>
                          <a:pt x="874" y="4070"/>
                        </a:lnTo>
                        <a:lnTo>
                          <a:pt x="1748" y="3548"/>
                        </a:lnTo>
                        <a:lnTo>
                          <a:pt x="1748" y="3339"/>
                        </a:lnTo>
                        <a:lnTo>
                          <a:pt x="1966" y="2922"/>
                        </a:lnTo>
                        <a:lnTo>
                          <a:pt x="2621" y="2609"/>
                        </a:lnTo>
                        <a:lnTo>
                          <a:pt x="3495" y="2505"/>
                        </a:lnTo>
                        <a:lnTo>
                          <a:pt x="4369" y="2296"/>
                        </a:lnTo>
                        <a:lnTo>
                          <a:pt x="4588" y="1983"/>
                        </a:lnTo>
                        <a:lnTo>
                          <a:pt x="5024" y="1461"/>
                        </a:lnTo>
                        <a:lnTo>
                          <a:pt x="6554" y="1148"/>
                        </a:lnTo>
                        <a:lnTo>
                          <a:pt x="6991" y="939"/>
                        </a:lnTo>
                        <a:lnTo>
                          <a:pt x="7646" y="626"/>
                        </a:lnTo>
                        <a:lnTo>
                          <a:pt x="7646" y="209"/>
                        </a:lnTo>
                        <a:lnTo>
                          <a:pt x="8520" y="0"/>
                        </a:lnTo>
                        <a:lnTo>
                          <a:pt x="9175" y="313"/>
                        </a:lnTo>
                        <a:lnTo>
                          <a:pt x="11360" y="626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91" name="d14216"/>
                  <xdr:cNvSpPr>
                    <a:spLocks/>
                  </xdr:cNvSpPr>
                </xdr:nvSpPr>
                <xdr:spPr bwMode="auto">
                  <a:xfrm>
                    <a:off x="17640300" y="11982450"/>
                    <a:ext cx="733425" cy="628650"/>
                  </a:xfrm>
                  <a:custGeom>
                    <a:avLst/>
                    <a:gdLst>
                      <a:gd name="T0" fmla="*/ 2147483646 w 77"/>
                      <a:gd name="T1" fmla="*/ 2147483646 h 66"/>
                      <a:gd name="T2" fmla="*/ 2147483646 w 77"/>
                      <a:gd name="T3" fmla="*/ 2147483646 h 66"/>
                      <a:gd name="T4" fmla="*/ 2147483646 w 77"/>
                      <a:gd name="T5" fmla="*/ 2147483646 h 66"/>
                      <a:gd name="T6" fmla="*/ 2147483646 w 77"/>
                      <a:gd name="T7" fmla="*/ 2147483646 h 66"/>
                      <a:gd name="T8" fmla="*/ 2147483646 w 77"/>
                      <a:gd name="T9" fmla="*/ 0 h 66"/>
                      <a:gd name="T10" fmla="*/ 2147483646 w 77"/>
                      <a:gd name="T11" fmla="*/ 2147483646 h 66"/>
                      <a:gd name="T12" fmla="*/ 2147483646 w 77"/>
                      <a:gd name="T13" fmla="*/ 2147483646 h 66"/>
                      <a:gd name="T14" fmla="*/ 2147483646 w 77"/>
                      <a:gd name="T15" fmla="*/ 2147483646 h 66"/>
                      <a:gd name="T16" fmla="*/ 2147483646 w 77"/>
                      <a:gd name="T17" fmla="*/ 2147483646 h 66"/>
                      <a:gd name="T18" fmla="*/ 2147483646 w 77"/>
                      <a:gd name="T19" fmla="*/ 2147483646 h 66"/>
                      <a:gd name="T20" fmla="*/ 2147483646 w 77"/>
                      <a:gd name="T21" fmla="*/ 2147483646 h 66"/>
                      <a:gd name="T22" fmla="*/ 2147483646 w 77"/>
                      <a:gd name="T23" fmla="*/ 2147483646 h 66"/>
                      <a:gd name="T24" fmla="*/ 2147483646 w 77"/>
                      <a:gd name="T25" fmla="*/ 2147483646 h 66"/>
                      <a:gd name="T26" fmla="*/ 2147483646 w 77"/>
                      <a:gd name="T27" fmla="*/ 2147483646 h 66"/>
                      <a:gd name="T28" fmla="*/ 2147483646 w 77"/>
                      <a:gd name="T29" fmla="*/ 2147483646 h 66"/>
                      <a:gd name="T30" fmla="*/ 2147483646 w 77"/>
                      <a:gd name="T31" fmla="*/ 2147483646 h 66"/>
                      <a:gd name="T32" fmla="*/ 0 w 77"/>
                      <a:gd name="T33" fmla="*/ 2147483646 h 66"/>
                      <a:gd name="T34" fmla="*/ 2147483646 w 77"/>
                      <a:gd name="T35" fmla="*/ 2147483646 h 66"/>
                      <a:gd name="T36" fmla="*/ 2147483646 w 77"/>
                      <a:gd name="T37" fmla="*/ 2147483646 h 66"/>
                      <a:gd name="T38" fmla="*/ 2147483646 w 77"/>
                      <a:gd name="T39" fmla="*/ 2147483646 h 66"/>
                      <a:gd name="T40" fmla="*/ 2147483646 w 77"/>
                      <a:gd name="T41" fmla="*/ 2147483646 h 66"/>
                      <a:gd name="T42" fmla="*/ 2147483646 w 77"/>
                      <a:gd name="T43" fmla="*/ 2147483646 h 66"/>
                      <a:gd name="T44" fmla="*/ 2147483646 w 77"/>
                      <a:gd name="T45" fmla="*/ 2147483646 h 66"/>
                      <a:gd name="T46" fmla="*/ 2147483646 w 77"/>
                      <a:gd name="T47" fmla="*/ 2147483646 h 66"/>
                      <a:gd name="T48" fmla="*/ 2147483646 w 77"/>
                      <a:gd name="T49" fmla="*/ 2147483646 h 66"/>
                      <a:gd name="T50" fmla="*/ 2147483646 w 77"/>
                      <a:gd name="T51" fmla="*/ 2147483646 h 66"/>
                      <a:gd name="T52" fmla="*/ 2147483646 w 77"/>
                      <a:gd name="T53" fmla="*/ 2147483646 h 66"/>
                      <a:gd name="T54" fmla="*/ 2147483646 w 77"/>
                      <a:gd name="T55" fmla="*/ 2147483646 h 66"/>
                      <a:gd name="T56" fmla="*/ 2147483646 w 77"/>
                      <a:gd name="T57" fmla="*/ 2147483646 h 66"/>
                      <a:gd name="T58" fmla="*/ 2147483646 w 77"/>
                      <a:gd name="T59" fmla="*/ 2147483646 h 66"/>
                      <a:gd name="T60" fmla="*/ 2147483646 w 77"/>
                      <a:gd name="T61" fmla="*/ 2147483646 h 66"/>
                      <a:gd name="T62" fmla="*/ 2147483646 w 77"/>
                      <a:gd name="T63" fmla="*/ 2147483646 h 66"/>
                      <a:gd name="T64" fmla="*/ 2147483646 w 77"/>
                      <a:gd name="T65" fmla="*/ 2147483646 h 66"/>
                      <a:gd name="T66" fmla="*/ 2147483646 w 77"/>
                      <a:gd name="T67" fmla="*/ 2147483646 h 66"/>
                      <a:gd name="T68" fmla="*/ 2147483646 w 77"/>
                      <a:gd name="T69" fmla="*/ 2147483646 h 66"/>
                      <a:gd name="T70" fmla="*/ 2147483646 w 77"/>
                      <a:gd name="T71" fmla="*/ 2147483646 h 66"/>
                      <a:gd name="T72" fmla="*/ 2147483646 w 77"/>
                      <a:gd name="T73" fmla="*/ 2147483646 h 66"/>
                      <a:gd name="T74" fmla="*/ 2147483646 w 77"/>
                      <a:gd name="T75" fmla="*/ 2147483646 h 66"/>
                      <a:gd name="T76" fmla="*/ 2147483646 w 77"/>
                      <a:gd name="T77" fmla="*/ 2147483646 h 66"/>
                      <a:gd name="T78" fmla="*/ 2147483646 w 77"/>
                      <a:gd name="T79" fmla="*/ 2147483646 h 66"/>
                      <a:gd name="T80" fmla="*/ 2147483646 w 77"/>
                      <a:gd name="T81" fmla="*/ 2147483646 h 66"/>
                      <a:gd name="T82" fmla="*/ 2147483646 w 77"/>
                      <a:gd name="T83" fmla="*/ 2147483646 h 66"/>
                      <a:gd name="T84" fmla="*/ 0 60000 65536"/>
                      <a:gd name="T85" fmla="*/ 0 60000 65536"/>
                      <a:gd name="T86" fmla="*/ 0 60000 65536"/>
                      <a:gd name="T87" fmla="*/ 0 60000 65536"/>
                      <a:gd name="T88" fmla="*/ 0 60000 65536"/>
                      <a:gd name="T89" fmla="*/ 0 60000 65536"/>
                      <a:gd name="T90" fmla="*/ 0 60000 65536"/>
                      <a:gd name="T91" fmla="*/ 0 60000 65536"/>
                      <a:gd name="T92" fmla="*/ 0 60000 65536"/>
                      <a:gd name="T93" fmla="*/ 0 60000 65536"/>
                      <a:gd name="T94" fmla="*/ 0 60000 65536"/>
                      <a:gd name="T95" fmla="*/ 0 60000 65536"/>
                      <a:gd name="T96" fmla="*/ 0 60000 65536"/>
                      <a:gd name="T97" fmla="*/ 0 60000 65536"/>
                      <a:gd name="T98" fmla="*/ 0 60000 65536"/>
                      <a:gd name="T99" fmla="*/ 0 60000 65536"/>
                      <a:gd name="T100" fmla="*/ 0 60000 65536"/>
                      <a:gd name="T101" fmla="*/ 0 60000 65536"/>
                      <a:gd name="T102" fmla="*/ 0 60000 65536"/>
                      <a:gd name="T103" fmla="*/ 0 60000 65536"/>
                      <a:gd name="T104" fmla="*/ 0 60000 65536"/>
                      <a:gd name="T105" fmla="*/ 0 60000 65536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60000 65536"/>
                      <a:gd name="T112" fmla="*/ 0 60000 65536"/>
                      <a:gd name="T113" fmla="*/ 0 60000 65536"/>
                      <a:gd name="T114" fmla="*/ 0 60000 65536"/>
                      <a:gd name="T115" fmla="*/ 0 60000 65536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w 77"/>
                      <a:gd name="T127" fmla="*/ 0 h 66"/>
                      <a:gd name="T128" fmla="*/ 77 w 77"/>
                      <a:gd name="T129" fmla="*/ 66 h 66"/>
                    </a:gdLst>
                    <a:ahLst/>
                    <a:cxnLst>
                      <a:cxn ang="T84">
                        <a:pos x="T0" y="T1"/>
                      </a:cxn>
                      <a:cxn ang="T85">
                        <a:pos x="T2" y="T3"/>
                      </a:cxn>
                      <a:cxn ang="T86">
                        <a:pos x="T4" y="T5"/>
                      </a:cxn>
                      <a:cxn ang="T87">
                        <a:pos x="T6" y="T7"/>
                      </a:cxn>
                      <a:cxn ang="T88">
                        <a:pos x="T8" y="T9"/>
                      </a:cxn>
                      <a:cxn ang="T89">
                        <a:pos x="T10" y="T11"/>
                      </a:cxn>
                      <a:cxn ang="T90">
                        <a:pos x="T12" y="T13"/>
                      </a:cxn>
                      <a:cxn ang="T91">
                        <a:pos x="T14" y="T15"/>
                      </a:cxn>
                      <a:cxn ang="T92">
                        <a:pos x="T16" y="T17"/>
                      </a:cxn>
                      <a:cxn ang="T93">
                        <a:pos x="T18" y="T19"/>
                      </a:cxn>
                      <a:cxn ang="T94">
                        <a:pos x="T20" y="T21"/>
                      </a:cxn>
                      <a:cxn ang="T95">
                        <a:pos x="T22" y="T23"/>
                      </a:cxn>
                      <a:cxn ang="T96">
                        <a:pos x="T24" y="T25"/>
                      </a:cxn>
                      <a:cxn ang="T97">
                        <a:pos x="T26" y="T27"/>
                      </a:cxn>
                      <a:cxn ang="T98">
                        <a:pos x="T28" y="T29"/>
                      </a:cxn>
                      <a:cxn ang="T99">
                        <a:pos x="T30" y="T31"/>
                      </a:cxn>
                      <a:cxn ang="T100">
                        <a:pos x="T32" y="T33"/>
                      </a:cxn>
                      <a:cxn ang="T101">
                        <a:pos x="T34" y="T35"/>
                      </a:cxn>
                      <a:cxn ang="T102">
                        <a:pos x="T36" y="T37"/>
                      </a:cxn>
                      <a:cxn ang="T103">
                        <a:pos x="T38" y="T39"/>
                      </a:cxn>
                      <a:cxn ang="T104">
                        <a:pos x="T40" y="T41"/>
                      </a:cxn>
                      <a:cxn ang="T105">
                        <a:pos x="T42" y="T43"/>
                      </a:cxn>
                      <a:cxn ang="T106">
                        <a:pos x="T44" y="T45"/>
                      </a:cxn>
                      <a:cxn ang="T107">
                        <a:pos x="T46" y="T47"/>
                      </a:cxn>
                      <a:cxn ang="T108">
                        <a:pos x="T48" y="T49"/>
                      </a:cxn>
                      <a:cxn ang="T109">
                        <a:pos x="T50" y="T51"/>
                      </a:cxn>
                      <a:cxn ang="T110">
                        <a:pos x="T52" y="T53"/>
                      </a:cxn>
                      <a:cxn ang="T111">
                        <a:pos x="T54" y="T55"/>
                      </a:cxn>
                      <a:cxn ang="T112">
                        <a:pos x="T56" y="T57"/>
                      </a:cxn>
                      <a:cxn ang="T113">
                        <a:pos x="T58" y="T59"/>
                      </a:cxn>
                      <a:cxn ang="T114">
                        <a:pos x="T60" y="T61"/>
                      </a:cxn>
                      <a:cxn ang="T115">
                        <a:pos x="T62" y="T63"/>
                      </a:cxn>
                      <a:cxn ang="T116">
                        <a:pos x="T64" y="T65"/>
                      </a:cxn>
                      <a:cxn ang="T117">
                        <a:pos x="T66" y="T67"/>
                      </a:cxn>
                      <a:cxn ang="T118">
                        <a:pos x="T68" y="T69"/>
                      </a:cxn>
                      <a:cxn ang="T119">
                        <a:pos x="T70" y="T71"/>
                      </a:cxn>
                      <a:cxn ang="T120">
                        <a:pos x="T72" y="T73"/>
                      </a:cxn>
                      <a:cxn ang="T121">
                        <a:pos x="T74" y="T75"/>
                      </a:cxn>
                      <a:cxn ang="T122">
                        <a:pos x="T76" y="T77"/>
                      </a:cxn>
                      <a:cxn ang="T123">
                        <a:pos x="T78" y="T79"/>
                      </a:cxn>
                      <a:cxn ang="T124">
                        <a:pos x="T80" y="T81"/>
                      </a:cxn>
                      <a:cxn ang="T125">
                        <a:pos x="T82" y="T83"/>
                      </a:cxn>
                    </a:cxnLst>
                    <a:rect l="T126" t="T127" r="T128" b="T129"/>
                    <a:pathLst>
                      <a:path w="77" h="66">
                        <a:moveTo>
                          <a:pt x="66" y="11"/>
                        </a:moveTo>
                        <a:lnTo>
                          <a:pt x="65" y="9"/>
                        </a:lnTo>
                        <a:lnTo>
                          <a:pt x="65" y="5"/>
                        </a:lnTo>
                        <a:lnTo>
                          <a:pt x="61" y="2"/>
                        </a:lnTo>
                        <a:lnTo>
                          <a:pt x="56" y="0"/>
                        </a:lnTo>
                        <a:lnTo>
                          <a:pt x="52" y="4"/>
                        </a:lnTo>
                        <a:lnTo>
                          <a:pt x="46" y="10"/>
                        </a:lnTo>
                        <a:lnTo>
                          <a:pt x="41" y="17"/>
                        </a:lnTo>
                        <a:lnTo>
                          <a:pt x="37" y="23"/>
                        </a:lnTo>
                        <a:lnTo>
                          <a:pt x="30" y="24"/>
                        </a:lnTo>
                        <a:lnTo>
                          <a:pt x="24" y="25"/>
                        </a:lnTo>
                        <a:lnTo>
                          <a:pt x="21" y="30"/>
                        </a:lnTo>
                        <a:lnTo>
                          <a:pt x="16" y="34"/>
                        </a:lnTo>
                        <a:lnTo>
                          <a:pt x="9" y="33"/>
                        </a:lnTo>
                        <a:lnTo>
                          <a:pt x="3" y="32"/>
                        </a:lnTo>
                        <a:lnTo>
                          <a:pt x="1" y="32"/>
                        </a:lnTo>
                        <a:lnTo>
                          <a:pt x="0" y="38"/>
                        </a:lnTo>
                        <a:lnTo>
                          <a:pt x="1" y="42"/>
                        </a:lnTo>
                        <a:lnTo>
                          <a:pt x="1" y="46"/>
                        </a:lnTo>
                        <a:lnTo>
                          <a:pt x="3" y="50"/>
                        </a:lnTo>
                        <a:lnTo>
                          <a:pt x="6" y="55"/>
                        </a:lnTo>
                        <a:lnTo>
                          <a:pt x="7" y="62"/>
                        </a:lnTo>
                        <a:lnTo>
                          <a:pt x="8" y="65"/>
                        </a:lnTo>
                        <a:lnTo>
                          <a:pt x="16" y="64"/>
                        </a:lnTo>
                        <a:lnTo>
                          <a:pt x="21" y="63"/>
                        </a:lnTo>
                        <a:lnTo>
                          <a:pt x="24" y="63"/>
                        </a:lnTo>
                        <a:lnTo>
                          <a:pt x="28" y="59"/>
                        </a:lnTo>
                        <a:lnTo>
                          <a:pt x="35" y="60"/>
                        </a:lnTo>
                        <a:lnTo>
                          <a:pt x="40" y="61"/>
                        </a:lnTo>
                        <a:lnTo>
                          <a:pt x="45" y="62"/>
                        </a:lnTo>
                        <a:lnTo>
                          <a:pt x="47" y="65"/>
                        </a:lnTo>
                        <a:lnTo>
                          <a:pt x="51" y="66"/>
                        </a:lnTo>
                        <a:lnTo>
                          <a:pt x="54" y="65"/>
                        </a:lnTo>
                        <a:lnTo>
                          <a:pt x="56" y="66"/>
                        </a:lnTo>
                        <a:lnTo>
                          <a:pt x="65" y="58"/>
                        </a:lnTo>
                        <a:lnTo>
                          <a:pt x="71" y="54"/>
                        </a:lnTo>
                        <a:lnTo>
                          <a:pt x="73" y="53"/>
                        </a:lnTo>
                        <a:lnTo>
                          <a:pt x="77" y="49"/>
                        </a:lnTo>
                        <a:lnTo>
                          <a:pt x="75" y="42"/>
                        </a:lnTo>
                        <a:lnTo>
                          <a:pt x="69" y="24"/>
                        </a:lnTo>
                        <a:lnTo>
                          <a:pt x="67" y="16"/>
                        </a:lnTo>
                        <a:lnTo>
                          <a:pt x="66" y="11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92" name="d14215"/>
                  <xdr:cNvSpPr>
                    <a:spLocks/>
                  </xdr:cNvSpPr>
                </xdr:nvSpPr>
                <xdr:spPr bwMode="auto">
                  <a:xfrm>
                    <a:off x="17583150" y="12496800"/>
                    <a:ext cx="771525" cy="1066800"/>
                  </a:xfrm>
                  <a:custGeom>
                    <a:avLst/>
                    <a:gdLst>
                      <a:gd name="T0" fmla="*/ 2147483646 w 81"/>
                      <a:gd name="T1" fmla="*/ 2147483646 h 112"/>
                      <a:gd name="T2" fmla="*/ 2147483646 w 81"/>
                      <a:gd name="T3" fmla="*/ 2147483646 h 112"/>
                      <a:gd name="T4" fmla="*/ 2147483646 w 81"/>
                      <a:gd name="T5" fmla="*/ 2147483646 h 112"/>
                      <a:gd name="T6" fmla="*/ 2147483646 w 81"/>
                      <a:gd name="T7" fmla="*/ 2147483646 h 112"/>
                      <a:gd name="T8" fmla="*/ 2147483646 w 81"/>
                      <a:gd name="T9" fmla="*/ 2147483646 h 112"/>
                      <a:gd name="T10" fmla="*/ 2147483646 w 81"/>
                      <a:gd name="T11" fmla="*/ 2147483646 h 112"/>
                      <a:gd name="T12" fmla="*/ 2147483646 w 81"/>
                      <a:gd name="T13" fmla="*/ 2147483646 h 112"/>
                      <a:gd name="T14" fmla="*/ 2147483646 w 81"/>
                      <a:gd name="T15" fmla="*/ 2147483646 h 112"/>
                      <a:gd name="T16" fmla="*/ 2147483646 w 81"/>
                      <a:gd name="T17" fmla="*/ 2147483646 h 112"/>
                      <a:gd name="T18" fmla="*/ 2147483646 w 81"/>
                      <a:gd name="T19" fmla="*/ 2147483646 h 112"/>
                      <a:gd name="T20" fmla="*/ 2147483646 w 81"/>
                      <a:gd name="T21" fmla="*/ 2147483646 h 112"/>
                      <a:gd name="T22" fmla="*/ 2147483646 w 81"/>
                      <a:gd name="T23" fmla="*/ 2147483646 h 112"/>
                      <a:gd name="T24" fmla="*/ 2147483646 w 81"/>
                      <a:gd name="T25" fmla="*/ 2147483646 h 112"/>
                      <a:gd name="T26" fmla="*/ 0 w 81"/>
                      <a:gd name="T27" fmla="*/ 2147483646 h 112"/>
                      <a:gd name="T28" fmla="*/ 2147483646 w 81"/>
                      <a:gd name="T29" fmla="*/ 2147483646 h 112"/>
                      <a:gd name="T30" fmla="*/ 2147483646 w 81"/>
                      <a:gd name="T31" fmla="*/ 2147483646 h 112"/>
                      <a:gd name="T32" fmla="*/ 2147483646 w 81"/>
                      <a:gd name="T33" fmla="*/ 2147483646 h 112"/>
                      <a:gd name="T34" fmla="*/ 2147483646 w 81"/>
                      <a:gd name="T35" fmla="*/ 2147483646 h 112"/>
                      <a:gd name="T36" fmla="*/ 2147483646 w 81"/>
                      <a:gd name="T37" fmla="*/ 2147483646 h 112"/>
                      <a:gd name="T38" fmla="*/ 2147483646 w 81"/>
                      <a:gd name="T39" fmla="*/ 2147483646 h 112"/>
                      <a:gd name="T40" fmla="*/ 2147483646 w 81"/>
                      <a:gd name="T41" fmla="*/ 2147483646 h 112"/>
                      <a:gd name="T42" fmla="*/ 2147483646 w 81"/>
                      <a:gd name="T43" fmla="*/ 2147483646 h 112"/>
                      <a:gd name="T44" fmla="*/ 2147483646 w 81"/>
                      <a:gd name="T45" fmla="*/ 2147483646 h 112"/>
                      <a:gd name="T46" fmla="*/ 2147483646 w 81"/>
                      <a:gd name="T47" fmla="*/ 2147483646 h 112"/>
                      <a:gd name="T48" fmla="*/ 2147483646 w 81"/>
                      <a:gd name="T49" fmla="*/ 2147483646 h 112"/>
                      <a:gd name="T50" fmla="*/ 2147483646 w 81"/>
                      <a:gd name="T51" fmla="*/ 2147483646 h 112"/>
                      <a:gd name="T52" fmla="*/ 2147483646 w 81"/>
                      <a:gd name="T53" fmla="*/ 2147483646 h 112"/>
                      <a:gd name="T54" fmla="*/ 2147483646 w 81"/>
                      <a:gd name="T55" fmla="*/ 2147483646 h 112"/>
                      <a:gd name="T56" fmla="*/ 2147483646 w 81"/>
                      <a:gd name="T57" fmla="*/ 2147483646 h 112"/>
                      <a:gd name="T58" fmla="*/ 2147483646 w 81"/>
                      <a:gd name="T59" fmla="*/ 2147483646 h 112"/>
                      <a:gd name="T60" fmla="*/ 2147483646 w 81"/>
                      <a:gd name="T61" fmla="*/ 2147483646 h 112"/>
                      <a:gd name="T62" fmla="*/ 2147483646 w 81"/>
                      <a:gd name="T63" fmla="*/ 2147483646 h 112"/>
                      <a:gd name="T64" fmla="*/ 2147483646 w 81"/>
                      <a:gd name="T65" fmla="*/ 2147483646 h 112"/>
                      <a:gd name="T66" fmla="*/ 2147483646 w 81"/>
                      <a:gd name="T67" fmla="*/ 2147483646 h 112"/>
                      <a:gd name="T68" fmla="*/ 2147483646 w 81"/>
                      <a:gd name="T69" fmla="*/ 2147483646 h 112"/>
                      <a:gd name="T70" fmla="*/ 2147483646 w 81"/>
                      <a:gd name="T71" fmla="*/ 2147483646 h 112"/>
                      <a:gd name="T72" fmla="*/ 2147483646 w 81"/>
                      <a:gd name="T73" fmla="*/ 2147483646 h 112"/>
                      <a:gd name="T74" fmla="*/ 2147483646 w 81"/>
                      <a:gd name="T75" fmla="*/ 2147483646 h 112"/>
                      <a:gd name="T76" fmla="*/ 2147483646 w 81"/>
                      <a:gd name="T77" fmla="*/ 2147483646 h 112"/>
                      <a:gd name="T78" fmla="*/ 2147483646 w 81"/>
                      <a:gd name="T79" fmla="*/ 2147483646 h 112"/>
                      <a:gd name="T80" fmla="*/ 2147483646 w 81"/>
                      <a:gd name="T81" fmla="*/ 0 h 112"/>
                      <a:gd name="T82" fmla="*/ 2147483646 w 81"/>
                      <a:gd name="T83" fmla="*/ 2147483646 h 112"/>
                      <a:gd name="T84" fmla="*/ 2147483646 w 81"/>
                      <a:gd name="T85" fmla="*/ 2147483646 h 112"/>
                      <a:gd name="T86" fmla="*/ 2147483646 w 81"/>
                      <a:gd name="T87" fmla="*/ 2147483646 h 112"/>
                      <a:gd name="T88" fmla="*/ 2147483646 w 81"/>
                      <a:gd name="T89" fmla="*/ 2147483646 h 112"/>
                      <a:gd name="T90" fmla="*/ 2147483646 w 81"/>
                      <a:gd name="T91" fmla="*/ 2147483646 h 112"/>
                      <a:gd name="T92" fmla="*/ 2147483646 w 81"/>
                      <a:gd name="T93" fmla="*/ 2147483646 h 112"/>
                      <a:gd name="T94" fmla="*/ 2147483646 w 81"/>
                      <a:gd name="T95" fmla="*/ 2147483646 h 112"/>
                      <a:gd name="T96" fmla="*/ 2147483646 w 81"/>
                      <a:gd name="T97" fmla="*/ 2147483646 h 112"/>
                      <a:gd name="T98" fmla="*/ 2147483646 w 81"/>
                      <a:gd name="T99" fmla="*/ 2147483646 h 112"/>
                      <a:gd name="T100" fmla="*/ 2147483646 w 81"/>
                      <a:gd name="T101" fmla="*/ 2147483646 h 112"/>
                      <a:gd name="T102" fmla="*/ 2147483646 w 81"/>
                      <a:gd name="T103" fmla="*/ 2147483646 h 112"/>
                      <a:gd name="T104" fmla="*/ 2147483646 w 81"/>
                      <a:gd name="T105" fmla="*/ 2147483646 h 112"/>
                      <a:gd name="T106" fmla="*/ 2147483646 w 81"/>
                      <a:gd name="T107" fmla="*/ 2147483646 h 112"/>
                      <a:gd name="T108" fmla="*/ 2147483646 w 81"/>
                      <a:gd name="T109" fmla="*/ 2147483646 h 112"/>
                      <a:gd name="T110" fmla="*/ 2147483646 w 81"/>
                      <a:gd name="T111" fmla="*/ 2147483646 h 112"/>
                      <a:gd name="T112" fmla="*/ 2147483646 w 81"/>
                      <a:gd name="T113" fmla="*/ 2147483646 h 112"/>
                      <a:gd name="T114" fmla="*/ 2147483646 w 81"/>
                      <a:gd name="T115" fmla="*/ 2147483646 h 112"/>
                      <a:gd name="T116" fmla="*/ 2147483646 w 81"/>
                      <a:gd name="T117" fmla="*/ 2147483646 h 112"/>
                      <a:gd name="T118" fmla="*/ 2147483646 w 81"/>
                      <a:gd name="T119" fmla="*/ 2147483646 h 112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60000 65536"/>
                      <a:gd name="T127" fmla="*/ 0 60000 65536"/>
                      <a:gd name="T128" fmla="*/ 0 60000 65536"/>
                      <a:gd name="T129" fmla="*/ 0 60000 65536"/>
                      <a:gd name="T130" fmla="*/ 0 60000 65536"/>
                      <a:gd name="T131" fmla="*/ 0 60000 65536"/>
                      <a:gd name="T132" fmla="*/ 0 60000 65536"/>
                      <a:gd name="T133" fmla="*/ 0 60000 65536"/>
                      <a:gd name="T134" fmla="*/ 0 60000 65536"/>
                      <a:gd name="T135" fmla="*/ 0 60000 65536"/>
                      <a:gd name="T136" fmla="*/ 0 60000 65536"/>
                      <a:gd name="T137" fmla="*/ 0 60000 65536"/>
                      <a:gd name="T138" fmla="*/ 0 60000 65536"/>
                      <a:gd name="T139" fmla="*/ 0 60000 65536"/>
                      <a:gd name="T140" fmla="*/ 0 60000 65536"/>
                      <a:gd name="T141" fmla="*/ 0 60000 65536"/>
                      <a:gd name="T142" fmla="*/ 0 60000 65536"/>
                      <a:gd name="T143" fmla="*/ 0 60000 65536"/>
                      <a:gd name="T144" fmla="*/ 0 60000 65536"/>
                      <a:gd name="T145" fmla="*/ 0 60000 65536"/>
                      <a:gd name="T146" fmla="*/ 0 60000 65536"/>
                      <a:gd name="T147" fmla="*/ 0 60000 65536"/>
                      <a:gd name="T148" fmla="*/ 0 60000 65536"/>
                      <a:gd name="T149" fmla="*/ 0 60000 65536"/>
                      <a:gd name="T150" fmla="*/ 0 60000 65536"/>
                      <a:gd name="T151" fmla="*/ 0 60000 65536"/>
                      <a:gd name="T152" fmla="*/ 0 60000 65536"/>
                      <a:gd name="T153" fmla="*/ 0 60000 65536"/>
                      <a:gd name="T154" fmla="*/ 0 60000 65536"/>
                      <a:gd name="T155" fmla="*/ 0 60000 65536"/>
                      <a:gd name="T156" fmla="*/ 0 60000 65536"/>
                      <a:gd name="T157" fmla="*/ 0 60000 65536"/>
                      <a:gd name="T158" fmla="*/ 0 60000 65536"/>
                      <a:gd name="T159" fmla="*/ 0 60000 65536"/>
                      <a:gd name="T160" fmla="*/ 0 60000 65536"/>
                      <a:gd name="T161" fmla="*/ 0 60000 65536"/>
                      <a:gd name="T162" fmla="*/ 0 60000 65536"/>
                      <a:gd name="T163" fmla="*/ 0 60000 65536"/>
                      <a:gd name="T164" fmla="*/ 0 60000 65536"/>
                      <a:gd name="T165" fmla="*/ 0 60000 65536"/>
                      <a:gd name="T166" fmla="*/ 0 60000 65536"/>
                      <a:gd name="T167" fmla="*/ 0 60000 65536"/>
                      <a:gd name="T168" fmla="*/ 0 60000 65536"/>
                      <a:gd name="T169" fmla="*/ 0 60000 65536"/>
                      <a:gd name="T170" fmla="*/ 0 60000 65536"/>
                      <a:gd name="T171" fmla="*/ 0 60000 65536"/>
                      <a:gd name="T172" fmla="*/ 0 60000 65536"/>
                      <a:gd name="T173" fmla="*/ 0 60000 65536"/>
                      <a:gd name="T174" fmla="*/ 0 60000 65536"/>
                      <a:gd name="T175" fmla="*/ 0 60000 65536"/>
                      <a:gd name="T176" fmla="*/ 0 60000 65536"/>
                      <a:gd name="T177" fmla="*/ 0 60000 65536"/>
                      <a:gd name="T178" fmla="*/ 0 60000 65536"/>
                      <a:gd name="T179" fmla="*/ 0 60000 65536"/>
                      <a:gd name="T180" fmla="*/ 0 w 81"/>
                      <a:gd name="T181" fmla="*/ 0 h 112"/>
                      <a:gd name="T182" fmla="*/ 81 w 81"/>
                      <a:gd name="T183" fmla="*/ 112 h 112"/>
                    </a:gdLst>
                    <a:ahLst/>
                    <a:cxnLst>
                      <a:cxn ang="T120">
                        <a:pos x="T0" y="T1"/>
                      </a:cxn>
                      <a:cxn ang="T121">
                        <a:pos x="T2" y="T3"/>
                      </a:cxn>
                      <a:cxn ang="T122">
                        <a:pos x="T4" y="T5"/>
                      </a:cxn>
                      <a:cxn ang="T123">
                        <a:pos x="T6" y="T7"/>
                      </a:cxn>
                      <a:cxn ang="T124">
                        <a:pos x="T8" y="T9"/>
                      </a:cxn>
                      <a:cxn ang="T125">
                        <a:pos x="T10" y="T11"/>
                      </a:cxn>
                      <a:cxn ang="T126">
                        <a:pos x="T12" y="T13"/>
                      </a:cxn>
                      <a:cxn ang="T127">
                        <a:pos x="T14" y="T15"/>
                      </a:cxn>
                      <a:cxn ang="T128">
                        <a:pos x="T16" y="T17"/>
                      </a:cxn>
                      <a:cxn ang="T129">
                        <a:pos x="T18" y="T19"/>
                      </a:cxn>
                      <a:cxn ang="T130">
                        <a:pos x="T20" y="T21"/>
                      </a:cxn>
                      <a:cxn ang="T131">
                        <a:pos x="T22" y="T23"/>
                      </a:cxn>
                      <a:cxn ang="T132">
                        <a:pos x="T24" y="T25"/>
                      </a:cxn>
                      <a:cxn ang="T133">
                        <a:pos x="T26" y="T27"/>
                      </a:cxn>
                      <a:cxn ang="T134">
                        <a:pos x="T28" y="T29"/>
                      </a:cxn>
                      <a:cxn ang="T135">
                        <a:pos x="T30" y="T31"/>
                      </a:cxn>
                      <a:cxn ang="T136">
                        <a:pos x="T32" y="T33"/>
                      </a:cxn>
                      <a:cxn ang="T137">
                        <a:pos x="T34" y="T35"/>
                      </a:cxn>
                      <a:cxn ang="T138">
                        <a:pos x="T36" y="T37"/>
                      </a:cxn>
                      <a:cxn ang="T139">
                        <a:pos x="T38" y="T39"/>
                      </a:cxn>
                      <a:cxn ang="T140">
                        <a:pos x="T40" y="T41"/>
                      </a:cxn>
                      <a:cxn ang="T141">
                        <a:pos x="T42" y="T43"/>
                      </a:cxn>
                      <a:cxn ang="T142">
                        <a:pos x="T44" y="T45"/>
                      </a:cxn>
                      <a:cxn ang="T143">
                        <a:pos x="T46" y="T47"/>
                      </a:cxn>
                      <a:cxn ang="T144">
                        <a:pos x="T48" y="T49"/>
                      </a:cxn>
                      <a:cxn ang="T145">
                        <a:pos x="T50" y="T51"/>
                      </a:cxn>
                      <a:cxn ang="T146">
                        <a:pos x="T52" y="T53"/>
                      </a:cxn>
                      <a:cxn ang="T147">
                        <a:pos x="T54" y="T55"/>
                      </a:cxn>
                      <a:cxn ang="T148">
                        <a:pos x="T56" y="T57"/>
                      </a:cxn>
                      <a:cxn ang="T149">
                        <a:pos x="T58" y="T59"/>
                      </a:cxn>
                      <a:cxn ang="T150">
                        <a:pos x="T60" y="T61"/>
                      </a:cxn>
                      <a:cxn ang="T151">
                        <a:pos x="T62" y="T63"/>
                      </a:cxn>
                      <a:cxn ang="T152">
                        <a:pos x="T64" y="T65"/>
                      </a:cxn>
                      <a:cxn ang="T153">
                        <a:pos x="T66" y="T67"/>
                      </a:cxn>
                      <a:cxn ang="T154">
                        <a:pos x="T68" y="T69"/>
                      </a:cxn>
                      <a:cxn ang="T155">
                        <a:pos x="T70" y="T71"/>
                      </a:cxn>
                      <a:cxn ang="T156">
                        <a:pos x="T72" y="T73"/>
                      </a:cxn>
                      <a:cxn ang="T157">
                        <a:pos x="T74" y="T75"/>
                      </a:cxn>
                      <a:cxn ang="T158">
                        <a:pos x="T76" y="T77"/>
                      </a:cxn>
                      <a:cxn ang="T159">
                        <a:pos x="T78" y="T79"/>
                      </a:cxn>
                      <a:cxn ang="T160">
                        <a:pos x="T80" y="T81"/>
                      </a:cxn>
                      <a:cxn ang="T161">
                        <a:pos x="T82" y="T83"/>
                      </a:cxn>
                      <a:cxn ang="T162">
                        <a:pos x="T84" y="T85"/>
                      </a:cxn>
                      <a:cxn ang="T163">
                        <a:pos x="T86" y="T87"/>
                      </a:cxn>
                      <a:cxn ang="T164">
                        <a:pos x="T88" y="T89"/>
                      </a:cxn>
                      <a:cxn ang="T165">
                        <a:pos x="T90" y="T91"/>
                      </a:cxn>
                      <a:cxn ang="T166">
                        <a:pos x="T92" y="T93"/>
                      </a:cxn>
                      <a:cxn ang="T167">
                        <a:pos x="T94" y="T95"/>
                      </a:cxn>
                      <a:cxn ang="T168">
                        <a:pos x="T96" y="T97"/>
                      </a:cxn>
                      <a:cxn ang="T169">
                        <a:pos x="T98" y="T99"/>
                      </a:cxn>
                      <a:cxn ang="T170">
                        <a:pos x="T100" y="T101"/>
                      </a:cxn>
                      <a:cxn ang="T171">
                        <a:pos x="T102" y="T103"/>
                      </a:cxn>
                      <a:cxn ang="T172">
                        <a:pos x="T104" y="T105"/>
                      </a:cxn>
                      <a:cxn ang="T173">
                        <a:pos x="T106" y="T107"/>
                      </a:cxn>
                      <a:cxn ang="T174">
                        <a:pos x="T108" y="T109"/>
                      </a:cxn>
                      <a:cxn ang="T175">
                        <a:pos x="T110" y="T111"/>
                      </a:cxn>
                      <a:cxn ang="T176">
                        <a:pos x="T112" y="T113"/>
                      </a:cxn>
                      <a:cxn ang="T177">
                        <a:pos x="T114" y="T115"/>
                      </a:cxn>
                      <a:cxn ang="T178">
                        <a:pos x="T116" y="T117"/>
                      </a:cxn>
                      <a:cxn ang="T179">
                        <a:pos x="T118" y="T119"/>
                      </a:cxn>
                    </a:cxnLst>
                    <a:rect l="T180" t="T181" r="T182" b="T183"/>
                    <a:pathLst>
                      <a:path w="81" h="112">
                        <a:moveTo>
                          <a:pt x="45" y="101"/>
                        </a:moveTo>
                        <a:lnTo>
                          <a:pt x="43" y="108"/>
                        </a:lnTo>
                        <a:lnTo>
                          <a:pt x="40" y="109"/>
                        </a:lnTo>
                        <a:lnTo>
                          <a:pt x="37" y="111"/>
                        </a:lnTo>
                        <a:lnTo>
                          <a:pt x="34" y="110"/>
                        </a:lnTo>
                        <a:lnTo>
                          <a:pt x="31" y="110"/>
                        </a:lnTo>
                        <a:lnTo>
                          <a:pt x="25" y="111"/>
                        </a:lnTo>
                        <a:lnTo>
                          <a:pt x="20" y="112"/>
                        </a:lnTo>
                        <a:lnTo>
                          <a:pt x="15" y="110"/>
                        </a:lnTo>
                        <a:lnTo>
                          <a:pt x="8" y="111"/>
                        </a:lnTo>
                        <a:lnTo>
                          <a:pt x="4" y="111"/>
                        </a:lnTo>
                        <a:lnTo>
                          <a:pt x="2" y="111"/>
                        </a:lnTo>
                        <a:lnTo>
                          <a:pt x="1" y="106"/>
                        </a:lnTo>
                        <a:lnTo>
                          <a:pt x="0" y="100"/>
                        </a:lnTo>
                        <a:lnTo>
                          <a:pt x="1" y="92"/>
                        </a:lnTo>
                        <a:lnTo>
                          <a:pt x="2" y="87"/>
                        </a:lnTo>
                        <a:lnTo>
                          <a:pt x="3" y="81"/>
                        </a:lnTo>
                        <a:lnTo>
                          <a:pt x="5" y="73"/>
                        </a:lnTo>
                        <a:lnTo>
                          <a:pt x="7" y="65"/>
                        </a:lnTo>
                        <a:lnTo>
                          <a:pt x="6" y="57"/>
                        </a:lnTo>
                        <a:lnTo>
                          <a:pt x="4" y="53"/>
                        </a:lnTo>
                        <a:lnTo>
                          <a:pt x="3" y="49"/>
                        </a:lnTo>
                        <a:lnTo>
                          <a:pt x="2" y="43"/>
                        </a:lnTo>
                        <a:lnTo>
                          <a:pt x="4" y="38"/>
                        </a:lnTo>
                        <a:lnTo>
                          <a:pt x="8" y="32"/>
                        </a:lnTo>
                        <a:lnTo>
                          <a:pt x="13" y="24"/>
                        </a:lnTo>
                        <a:lnTo>
                          <a:pt x="14" y="16"/>
                        </a:lnTo>
                        <a:lnTo>
                          <a:pt x="14" y="11"/>
                        </a:lnTo>
                        <a:lnTo>
                          <a:pt x="22" y="10"/>
                        </a:lnTo>
                        <a:lnTo>
                          <a:pt x="27" y="9"/>
                        </a:lnTo>
                        <a:lnTo>
                          <a:pt x="30" y="9"/>
                        </a:lnTo>
                        <a:lnTo>
                          <a:pt x="34" y="5"/>
                        </a:lnTo>
                        <a:lnTo>
                          <a:pt x="41" y="6"/>
                        </a:lnTo>
                        <a:lnTo>
                          <a:pt x="46" y="7"/>
                        </a:lnTo>
                        <a:lnTo>
                          <a:pt x="51" y="8"/>
                        </a:lnTo>
                        <a:lnTo>
                          <a:pt x="53" y="11"/>
                        </a:lnTo>
                        <a:lnTo>
                          <a:pt x="57" y="12"/>
                        </a:lnTo>
                        <a:lnTo>
                          <a:pt x="60" y="11"/>
                        </a:lnTo>
                        <a:lnTo>
                          <a:pt x="62" y="12"/>
                        </a:lnTo>
                        <a:lnTo>
                          <a:pt x="71" y="4"/>
                        </a:lnTo>
                        <a:lnTo>
                          <a:pt x="78" y="0"/>
                        </a:lnTo>
                        <a:lnTo>
                          <a:pt x="80" y="5"/>
                        </a:lnTo>
                        <a:lnTo>
                          <a:pt x="81" y="10"/>
                        </a:lnTo>
                        <a:lnTo>
                          <a:pt x="81" y="15"/>
                        </a:lnTo>
                        <a:lnTo>
                          <a:pt x="63" y="16"/>
                        </a:lnTo>
                        <a:lnTo>
                          <a:pt x="61" y="15"/>
                        </a:lnTo>
                        <a:lnTo>
                          <a:pt x="59" y="15"/>
                        </a:lnTo>
                        <a:lnTo>
                          <a:pt x="59" y="16"/>
                        </a:lnTo>
                        <a:lnTo>
                          <a:pt x="50" y="29"/>
                        </a:lnTo>
                        <a:lnTo>
                          <a:pt x="48" y="30"/>
                        </a:lnTo>
                        <a:lnTo>
                          <a:pt x="44" y="39"/>
                        </a:lnTo>
                        <a:lnTo>
                          <a:pt x="40" y="41"/>
                        </a:lnTo>
                        <a:lnTo>
                          <a:pt x="40" y="43"/>
                        </a:lnTo>
                        <a:lnTo>
                          <a:pt x="44" y="46"/>
                        </a:lnTo>
                        <a:lnTo>
                          <a:pt x="45" y="52"/>
                        </a:lnTo>
                        <a:lnTo>
                          <a:pt x="48" y="63"/>
                        </a:lnTo>
                        <a:lnTo>
                          <a:pt x="48" y="69"/>
                        </a:lnTo>
                        <a:lnTo>
                          <a:pt x="46" y="79"/>
                        </a:lnTo>
                        <a:lnTo>
                          <a:pt x="45" y="87"/>
                        </a:lnTo>
                        <a:lnTo>
                          <a:pt x="45" y="101"/>
                        </a:lnTo>
                        <a:close/>
                      </a:path>
                    </a:pathLst>
                  </a:custGeom>
                  <a:solidFill>
                    <a:srgbClr val="D9D9D9"/>
                  </a:solidFill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</xdr:spPr>
              </xdr:sp>
              <xdr:sp macro="" textlink="">
                <xdr:nvSpPr>
                  <xdr:cNvPr id="149593" name="d14218"/>
                  <xdr:cNvSpPr>
                    <a:spLocks/>
                  </xdr:cNvSpPr>
                </xdr:nvSpPr>
                <xdr:spPr bwMode="auto">
                  <a:xfrm>
                    <a:off x="17964150" y="12630150"/>
                    <a:ext cx="619125" cy="838200"/>
                  </a:xfrm>
                  <a:custGeom>
                    <a:avLst/>
                    <a:gdLst>
                      <a:gd name="T0" fmla="*/ 2147483646 w 65"/>
                      <a:gd name="T1" fmla="*/ 2147483646 h 88"/>
                      <a:gd name="T2" fmla="*/ 2147483646 w 65"/>
                      <a:gd name="T3" fmla="*/ 2147483646 h 88"/>
                      <a:gd name="T4" fmla="*/ 2147483646 w 65"/>
                      <a:gd name="T5" fmla="*/ 2147483646 h 88"/>
                      <a:gd name="T6" fmla="*/ 2147483646 w 65"/>
                      <a:gd name="T7" fmla="*/ 2147483646 h 88"/>
                      <a:gd name="T8" fmla="*/ 2147483646 w 65"/>
                      <a:gd name="T9" fmla="*/ 2147483646 h 88"/>
                      <a:gd name="T10" fmla="*/ 2147483646 w 65"/>
                      <a:gd name="T11" fmla="*/ 2147483646 h 88"/>
                      <a:gd name="T12" fmla="*/ 2147483646 w 65"/>
                      <a:gd name="T13" fmla="*/ 2147483646 h 88"/>
                      <a:gd name="T14" fmla="*/ 0 w 65"/>
                      <a:gd name="T15" fmla="*/ 2147483646 h 88"/>
                      <a:gd name="T16" fmla="*/ 0 w 65"/>
                      <a:gd name="T17" fmla="*/ 2147483646 h 88"/>
                      <a:gd name="T18" fmla="*/ 2147483646 w 65"/>
                      <a:gd name="T19" fmla="*/ 2147483646 h 88"/>
                      <a:gd name="T20" fmla="*/ 2147483646 w 65"/>
                      <a:gd name="T21" fmla="*/ 2147483646 h 88"/>
                      <a:gd name="T22" fmla="*/ 2147483646 w 65"/>
                      <a:gd name="T23" fmla="*/ 2147483646 h 88"/>
                      <a:gd name="T24" fmla="*/ 2147483646 w 65"/>
                      <a:gd name="T25" fmla="*/ 2147483646 h 88"/>
                      <a:gd name="T26" fmla="*/ 2147483646 w 65"/>
                      <a:gd name="T27" fmla="*/ 2147483646 h 88"/>
                      <a:gd name="T28" fmla="*/ 2147483646 w 65"/>
                      <a:gd name="T29" fmla="*/ 2147483646 h 88"/>
                      <a:gd name="T30" fmla="*/ 2147483646 w 65"/>
                      <a:gd name="T31" fmla="*/ 0 h 88"/>
                      <a:gd name="T32" fmla="*/ 2147483646 w 65"/>
                      <a:gd name="T33" fmla="*/ 2147483646 h 88"/>
                      <a:gd name="T34" fmla="*/ 2147483646 w 65"/>
                      <a:gd name="T35" fmla="*/ 2147483646 h 88"/>
                      <a:gd name="T36" fmla="*/ 2147483646 w 65"/>
                      <a:gd name="T37" fmla="*/ 2147483646 h 88"/>
                      <a:gd name="T38" fmla="*/ 2147483646 w 65"/>
                      <a:gd name="T39" fmla="*/ 2147483646 h 88"/>
                      <a:gd name="T40" fmla="*/ 2147483646 w 65"/>
                      <a:gd name="T41" fmla="*/ 2147483646 h 88"/>
                      <a:gd name="T42" fmla="*/ 2147483646 w 65"/>
                      <a:gd name="T43" fmla="*/ 2147483646 h 88"/>
                      <a:gd name="T44" fmla="*/ 2147483646 w 65"/>
                      <a:gd name="T45" fmla="*/ 2147483646 h 88"/>
                      <a:gd name="T46" fmla="*/ 2147483646 w 65"/>
                      <a:gd name="T47" fmla="*/ 2147483646 h 88"/>
                      <a:gd name="T48" fmla="*/ 2147483646 w 65"/>
                      <a:gd name="T49" fmla="*/ 2147483646 h 88"/>
                      <a:gd name="T50" fmla="*/ 2147483646 w 65"/>
                      <a:gd name="T51" fmla="*/ 2147483646 h 88"/>
                      <a:gd name="T52" fmla="*/ 2147483646 w 65"/>
                      <a:gd name="T53" fmla="*/ 2147483646 h 88"/>
                      <a:gd name="T54" fmla="*/ 2147483646 w 65"/>
                      <a:gd name="T55" fmla="*/ 2147483646 h 88"/>
                      <a:gd name="T56" fmla="*/ 2147483646 w 65"/>
                      <a:gd name="T57" fmla="*/ 2147483646 h 88"/>
                      <a:gd name="T58" fmla="*/ 2147483646 w 65"/>
                      <a:gd name="T59" fmla="*/ 2147483646 h 88"/>
                      <a:gd name="T60" fmla="*/ 2147483646 w 65"/>
                      <a:gd name="T61" fmla="*/ 2147483646 h 88"/>
                      <a:gd name="T62" fmla="*/ 2147483646 w 65"/>
                      <a:gd name="T63" fmla="*/ 2147483646 h 88"/>
                      <a:gd name="T64" fmla="*/ 2147483646 w 65"/>
                      <a:gd name="T65" fmla="*/ 2147483646 h 88"/>
                      <a:gd name="T66" fmla="*/ 2147483646 w 65"/>
                      <a:gd name="T67" fmla="*/ 2147483646 h 88"/>
                      <a:gd name="T68" fmla="*/ 2147483646 w 65"/>
                      <a:gd name="T69" fmla="*/ 2147483646 h 88"/>
                      <a:gd name="T70" fmla="*/ 2147483646 w 65"/>
                      <a:gd name="T71" fmla="*/ 2147483646 h 88"/>
                      <a:gd name="T72" fmla="*/ 2147483646 w 65"/>
                      <a:gd name="T73" fmla="*/ 2147483646 h 88"/>
                      <a:gd name="T74" fmla="*/ 2147483646 w 65"/>
                      <a:gd name="T75" fmla="*/ 2147483646 h 88"/>
                      <a:gd name="T76" fmla="*/ 2147483646 w 65"/>
                      <a:gd name="T77" fmla="*/ 2147483646 h 88"/>
                      <a:gd name="T78" fmla="*/ 2147483646 w 65"/>
                      <a:gd name="T79" fmla="*/ 2147483646 h 88"/>
                      <a:gd name="T80" fmla="*/ 2147483646 w 65"/>
                      <a:gd name="T81" fmla="*/ 2147483646 h 88"/>
                      <a:gd name="T82" fmla="*/ 0 60000 65536"/>
                      <a:gd name="T83" fmla="*/ 0 60000 65536"/>
                      <a:gd name="T84" fmla="*/ 0 60000 65536"/>
                      <a:gd name="T85" fmla="*/ 0 60000 65536"/>
                      <a:gd name="T86" fmla="*/ 0 60000 65536"/>
                      <a:gd name="T87" fmla="*/ 0 60000 65536"/>
                      <a:gd name="T88" fmla="*/ 0 60000 65536"/>
                      <a:gd name="T89" fmla="*/ 0 60000 65536"/>
                      <a:gd name="T90" fmla="*/ 0 60000 65536"/>
                      <a:gd name="T91" fmla="*/ 0 60000 65536"/>
                      <a:gd name="T92" fmla="*/ 0 60000 65536"/>
                      <a:gd name="T93" fmla="*/ 0 60000 65536"/>
                      <a:gd name="T94" fmla="*/ 0 60000 65536"/>
                      <a:gd name="T95" fmla="*/ 0 60000 65536"/>
                      <a:gd name="T96" fmla="*/ 0 60000 65536"/>
                      <a:gd name="T97" fmla="*/ 0 60000 65536"/>
                      <a:gd name="T98" fmla="*/ 0 60000 65536"/>
                      <a:gd name="T99" fmla="*/ 0 60000 65536"/>
                      <a:gd name="T100" fmla="*/ 0 60000 65536"/>
                      <a:gd name="T101" fmla="*/ 0 60000 65536"/>
                      <a:gd name="T102" fmla="*/ 0 60000 65536"/>
                      <a:gd name="T103" fmla="*/ 0 60000 65536"/>
                      <a:gd name="T104" fmla="*/ 0 60000 65536"/>
                      <a:gd name="T105" fmla="*/ 0 60000 65536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60000 65536"/>
                      <a:gd name="T112" fmla="*/ 0 60000 65536"/>
                      <a:gd name="T113" fmla="*/ 0 60000 65536"/>
                      <a:gd name="T114" fmla="*/ 0 60000 65536"/>
                      <a:gd name="T115" fmla="*/ 0 60000 65536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w 65"/>
                      <a:gd name="T124" fmla="*/ 0 h 88"/>
                      <a:gd name="T125" fmla="*/ 65 w 65"/>
                      <a:gd name="T126" fmla="*/ 88 h 88"/>
                    </a:gdLst>
                    <a:ahLst/>
                    <a:cxnLst>
                      <a:cxn ang="T82">
                        <a:pos x="T0" y="T1"/>
                      </a:cxn>
                      <a:cxn ang="T83">
                        <a:pos x="T2" y="T3"/>
                      </a:cxn>
                      <a:cxn ang="T84">
                        <a:pos x="T4" y="T5"/>
                      </a:cxn>
                      <a:cxn ang="T85">
                        <a:pos x="T6" y="T7"/>
                      </a:cxn>
                      <a:cxn ang="T86">
                        <a:pos x="T8" y="T9"/>
                      </a:cxn>
                      <a:cxn ang="T87">
                        <a:pos x="T10" y="T11"/>
                      </a:cxn>
                      <a:cxn ang="T88">
                        <a:pos x="T12" y="T13"/>
                      </a:cxn>
                      <a:cxn ang="T89">
                        <a:pos x="T14" y="T15"/>
                      </a:cxn>
                      <a:cxn ang="T90">
                        <a:pos x="T16" y="T17"/>
                      </a:cxn>
                      <a:cxn ang="T91">
                        <a:pos x="T18" y="T19"/>
                      </a:cxn>
                      <a:cxn ang="T92">
                        <a:pos x="T20" y="T21"/>
                      </a:cxn>
                      <a:cxn ang="T93">
                        <a:pos x="T22" y="T23"/>
                      </a:cxn>
                      <a:cxn ang="T94">
                        <a:pos x="T24" y="T25"/>
                      </a:cxn>
                      <a:cxn ang="T95">
                        <a:pos x="T26" y="T27"/>
                      </a:cxn>
                      <a:cxn ang="T96">
                        <a:pos x="T28" y="T29"/>
                      </a:cxn>
                      <a:cxn ang="T97">
                        <a:pos x="T30" y="T31"/>
                      </a:cxn>
                      <a:cxn ang="T98">
                        <a:pos x="T32" y="T33"/>
                      </a:cxn>
                      <a:cxn ang="T99">
                        <a:pos x="T34" y="T35"/>
                      </a:cxn>
                      <a:cxn ang="T100">
                        <a:pos x="T36" y="T37"/>
                      </a:cxn>
                      <a:cxn ang="T101">
                        <a:pos x="T38" y="T39"/>
                      </a:cxn>
                      <a:cxn ang="T102">
                        <a:pos x="T40" y="T41"/>
                      </a:cxn>
                      <a:cxn ang="T103">
                        <a:pos x="T42" y="T43"/>
                      </a:cxn>
                      <a:cxn ang="T104">
                        <a:pos x="T44" y="T45"/>
                      </a:cxn>
                      <a:cxn ang="T105">
                        <a:pos x="T46" y="T47"/>
                      </a:cxn>
                      <a:cxn ang="T106">
                        <a:pos x="T48" y="T49"/>
                      </a:cxn>
                      <a:cxn ang="T107">
                        <a:pos x="T50" y="T51"/>
                      </a:cxn>
                      <a:cxn ang="T108">
                        <a:pos x="T52" y="T53"/>
                      </a:cxn>
                      <a:cxn ang="T109">
                        <a:pos x="T54" y="T55"/>
                      </a:cxn>
                      <a:cxn ang="T110">
                        <a:pos x="T56" y="T57"/>
                      </a:cxn>
                      <a:cxn ang="T111">
                        <a:pos x="T58" y="T59"/>
                      </a:cxn>
                      <a:cxn ang="T112">
                        <a:pos x="T60" y="T61"/>
                      </a:cxn>
                      <a:cxn ang="T113">
                        <a:pos x="T62" y="T63"/>
                      </a:cxn>
                      <a:cxn ang="T114">
                        <a:pos x="T64" y="T65"/>
                      </a:cxn>
                      <a:cxn ang="T115">
                        <a:pos x="T66" y="T67"/>
                      </a:cxn>
                      <a:cxn ang="T116">
                        <a:pos x="T68" y="T69"/>
                      </a:cxn>
                      <a:cxn ang="T117">
                        <a:pos x="T70" y="T71"/>
                      </a:cxn>
                      <a:cxn ang="T118">
                        <a:pos x="T72" y="T73"/>
                      </a:cxn>
                      <a:cxn ang="T119">
                        <a:pos x="T74" y="T75"/>
                      </a:cxn>
                      <a:cxn ang="T120">
                        <a:pos x="T76" y="T77"/>
                      </a:cxn>
                      <a:cxn ang="T121">
                        <a:pos x="T78" y="T79"/>
                      </a:cxn>
                      <a:cxn ang="T122">
                        <a:pos x="T80" y="T81"/>
                      </a:cxn>
                    </a:cxnLst>
                    <a:rect l="T123" t="T124" r="T125" b="T126"/>
                    <a:pathLst>
                      <a:path w="65" h="88">
                        <a:moveTo>
                          <a:pt x="5" y="87"/>
                        </a:moveTo>
                        <a:lnTo>
                          <a:pt x="5" y="73"/>
                        </a:lnTo>
                        <a:lnTo>
                          <a:pt x="6" y="65"/>
                        </a:lnTo>
                        <a:lnTo>
                          <a:pt x="8" y="55"/>
                        </a:lnTo>
                        <a:lnTo>
                          <a:pt x="8" y="49"/>
                        </a:lnTo>
                        <a:lnTo>
                          <a:pt x="5" y="38"/>
                        </a:lnTo>
                        <a:lnTo>
                          <a:pt x="4" y="32"/>
                        </a:lnTo>
                        <a:lnTo>
                          <a:pt x="0" y="29"/>
                        </a:lnTo>
                        <a:lnTo>
                          <a:pt x="0" y="27"/>
                        </a:lnTo>
                        <a:lnTo>
                          <a:pt x="4" y="25"/>
                        </a:lnTo>
                        <a:lnTo>
                          <a:pt x="8" y="16"/>
                        </a:lnTo>
                        <a:lnTo>
                          <a:pt x="10" y="15"/>
                        </a:lnTo>
                        <a:lnTo>
                          <a:pt x="20" y="1"/>
                        </a:lnTo>
                        <a:lnTo>
                          <a:pt x="23" y="2"/>
                        </a:lnTo>
                        <a:lnTo>
                          <a:pt x="41" y="1"/>
                        </a:lnTo>
                        <a:lnTo>
                          <a:pt x="59" y="0"/>
                        </a:lnTo>
                        <a:lnTo>
                          <a:pt x="59" y="11"/>
                        </a:lnTo>
                        <a:lnTo>
                          <a:pt x="62" y="14"/>
                        </a:lnTo>
                        <a:lnTo>
                          <a:pt x="64" y="19"/>
                        </a:lnTo>
                        <a:lnTo>
                          <a:pt x="63" y="24"/>
                        </a:lnTo>
                        <a:lnTo>
                          <a:pt x="60" y="27"/>
                        </a:lnTo>
                        <a:lnTo>
                          <a:pt x="57" y="33"/>
                        </a:lnTo>
                        <a:lnTo>
                          <a:pt x="56" y="34"/>
                        </a:lnTo>
                        <a:lnTo>
                          <a:pt x="57" y="42"/>
                        </a:lnTo>
                        <a:lnTo>
                          <a:pt x="58" y="48"/>
                        </a:lnTo>
                        <a:lnTo>
                          <a:pt x="55" y="56"/>
                        </a:lnTo>
                        <a:lnTo>
                          <a:pt x="50" y="59"/>
                        </a:lnTo>
                        <a:lnTo>
                          <a:pt x="61" y="68"/>
                        </a:lnTo>
                        <a:lnTo>
                          <a:pt x="65" y="73"/>
                        </a:lnTo>
                        <a:lnTo>
                          <a:pt x="61" y="84"/>
                        </a:lnTo>
                        <a:lnTo>
                          <a:pt x="53" y="84"/>
                        </a:lnTo>
                        <a:lnTo>
                          <a:pt x="54" y="88"/>
                        </a:lnTo>
                        <a:lnTo>
                          <a:pt x="49" y="85"/>
                        </a:lnTo>
                        <a:lnTo>
                          <a:pt x="48" y="79"/>
                        </a:lnTo>
                        <a:lnTo>
                          <a:pt x="45" y="76"/>
                        </a:lnTo>
                        <a:lnTo>
                          <a:pt x="35" y="70"/>
                        </a:lnTo>
                        <a:lnTo>
                          <a:pt x="27" y="70"/>
                        </a:lnTo>
                        <a:lnTo>
                          <a:pt x="27" y="74"/>
                        </a:lnTo>
                        <a:lnTo>
                          <a:pt x="14" y="71"/>
                        </a:lnTo>
                        <a:lnTo>
                          <a:pt x="10" y="80"/>
                        </a:lnTo>
                        <a:lnTo>
                          <a:pt x="5" y="87"/>
                        </a:lnTo>
                        <a:close/>
                      </a:path>
                    </a:pathLst>
                  </a:custGeom>
                  <a:noFill/>
                  <a:ln w="9525" cap="flat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  <a:extLst>
                    <a:ext uri="{909E8E84-426E-40DD-AFC4-6F175D3DCCD1}">
                      <a14:hiddenFill xmlns:a14="http://schemas.microsoft.com/office/drawing/2010/main">
                        <a:solidFill>
                          <a:srgbClr val="FFFFFF"/>
                        </a:solidFill>
                      </a14:hiddenFill>
                    </a:ext>
                  </a:extLst>
                </xdr:spPr>
              </xdr:sp>
              <xdr:sp macro="" textlink="">
                <xdr:nvSpPr>
                  <xdr:cNvPr id="149594" name="d14209"/>
                  <xdr:cNvSpPr>
                    <a:spLocks/>
                  </xdr:cNvSpPr>
                </xdr:nvSpPr>
                <xdr:spPr bwMode="auto">
                  <a:xfrm>
                    <a:off x="14163675" y="9791700"/>
                    <a:ext cx="4429125" cy="2724150"/>
                  </a:xfrm>
                  <a:custGeom>
                    <a:avLst/>
                    <a:gdLst>
                      <a:gd name="T0" fmla="*/ 2147483646 w 465"/>
                      <a:gd name="T1" fmla="*/ 2147483646 h 286"/>
                      <a:gd name="T2" fmla="*/ 2147483646 w 465"/>
                      <a:gd name="T3" fmla="*/ 2147483646 h 286"/>
                      <a:gd name="T4" fmla="*/ 2147483646 w 465"/>
                      <a:gd name="T5" fmla="*/ 2147483646 h 286"/>
                      <a:gd name="T6" fmla="*/ 2147483646 w 465"/>
                      <a:gd name="T7" fmla="*/ 2147483646 h 286"/>
                      <a:gd name="T8" fmla="*/ 2147483646 w 465"/>
                      <a:gd name="T9" fmla="*/ 2147483646 h 286"/>
                      <a:gd name="T10" fmla="*/ 2147483646 w 465"/>
                      <a:gd name="T11" fmla="*/ 2147483646 h 286"/>
                      <a:gd name="T12" fmla="*/ 2147483646 w 465"/>
                      <a:gd name="T13" fmla="*/ 2147483646 h 286"/>
                      <a:gd name="T14" fmla="*/ 2147483646 w 465"/>
                      <a:gd name="T15" fmla="*/ 2147483646 h 286"/>
                      <a:gd name="T16" fmla="*/ 2147483646 w 465"/>
                      <a:gd name="T17" fmla="*/ 2147483646 h 286"/>
                      <a:gd name="T18" fmla="*/ 2147483646 w 465"/>
                      <a:gd name="T19" fmla="*/ 2147483646 h 286"/>
                      <a:gd name="T20" fmla="*/ 2147483646 w 465"/>
                      <a:gd name="T21" fmla="*/ 2147483646 h 286"/>
                      <a:gd name="T22" fmla="*/ 2147483646 w 465"/>
                      <a:gd name="T23" fmla="*/ 2147483646 h 286"/>
                      <a:gd name="T24" fmla="*/ 2147483646 w 465"/>
                      <a:gd name="T25" fmla="*/ 2147483646 h 286"/>
                      <a:gd name="T26" fmla="*/ 2147483646 w 465"/>
                      <a:gd name="T27" fmla="*/ 2147483646 h 286"/>
                      <a:gd name="T28" fmla="*/ 2147483646 w 465"/>
                      <a:gd name="T29" fmla="*/ 2147483646 h 286"/>
                      <a:gd name="T30" fmla="*/ 2147483646 w 465"/>
                      <a:gd name="T31" fmla="*/ 2147483646 h 286"/>
                      <a:gd name="T32" fmla="*/ 2147483646 w 465"/>
                      <a:gd name="T33" fmla="*/ 2147483646 h 286"/>
                      <a:gd name="T34" fmla="*/ 2147483646 w 465"/>
                      <a:gd name="T35" fmla="*/ 2147483646 h 286"/>
                      <a:gd name="T36" fmla="*/ 2147483646 w 465"/>
                      <a:gd name="T37" fmla="*/ 2147483646 h 286"/>
                      <a:gd name="T38" fmla="*/ 2147483646 w 465"/>
                      <a:gd name="T39" fmla="*/ 2147483646 h 286"/>
                      <a:gd name="T40" fmla="*/ 2147483646 w 465"/>
                      <a:gd name="T41" fmla="*/ 2147483646 h 286"/>
                      <a:gd name="T42" fmla="*/ 2147483646 w 465"/>
                      <a:gd name="T43" fmla="*/ 2147483646 h 286"/>
                      <a:gd name="T44" fmla="*/ 2147483646 w 465"/>
                      <a:gd name="T45" fmla="*/ 2147483646 h 286"/>
                      <a:gd name="T46" fmla="*/ 2147483646 w 465"/>
                      <a:gd name="T47" fmla="*/ 2147483646 h 286"/>
                      <a:gd name="T48" fmla="*/ 2147483646 w 465"/>
                      <a:gd name="T49" fmla="*/ 2147483646 h 286"/>
                      <a:gd name="T50" fmla="*/ 2147483646 w 465"/>
                      <a:gd name="T51" fmla="*/ 2147483646 h 286"/>
                      <a:gd name="T52" fmla="*/ 2147483646 w 465"/>
                      <a:gd name="T53" fmla="*/ 2147483646 h 286"/>
                      <a:gd name="T54" fmla="*/ 2147483646 w 465"/>
                      <a:gd name="T55" fmla="*/ 2147483646 h 286"/>
                      <a:gd name="T56" fmla="*/ 2147483646 w 465"/>
                      <a:gd name="T57" fmla="*/ 2147483646 h 286"/>
                      <a:gd name="T58" fmla="*/ 2147483646 w 465"/>
                      <a:gd name="T59" fmla="*/ 2147483646 h 286"/>
                      <a:gd name="T60" fmla="*/ 2147483646 w 465"/>
                      <a:gd name="T61" fmla="*/ 2147483646 h 286"/>
                      <a:gd name="T62" fmla="*/ 2147483646 w 465"/>
                      <a:gd name="T63" fmla="*/ 2147483646 h 286"/>
                      <a:gd name="T64" fmla="*/ 2147483646 w 465"/>
                      <a:gd name="T65" fmla="*/ 2147483646 h 286"/>
                      <a:gd name="T66" fmla="*/ 2147483646 w 465"/>
                      <a:gd name="T67" fmla="*/ 2147483646 h 286"/>
                      <a:gd name="T68" fmla="*/ 2147483646 w 465"/>
                      <a:gd name="T69" fmla="*/ 2147483646 h 286"/>
                      <a:gd name="T70" fmla="*/ 2147483646 w 465"/>
                      <a:gd name="T71" fmla="*/ 2147483646 h 286"/>
                      <a:gd name="T72" fmla="*/ 2147483646 w 465"/>
                      <a:gd name="T73" fmla="*/ 2147483646 h 286"/>
                      <a:gd name="T74" fmla="*/ 2147483646 w 465"/>
                      <a:gd name="T75" fmla="*/ 2147483646 h 286"/>
                      <a:gd name="T76" fmla="*/ 2147483646 w 465"/>
                      <a:gd name="T77" fmla="*/ 2147483646 h 286"/>
                      <a:gd name="T78" fmla="*/ 2147483646 w 465"/>
                      <a:gd name="T79" fmla="*/ 2147483646 h 286"/>
                      <a:gd name="T80" fmla="*/ 2147483646 w 465"/>
                      <a:gd name="T81" fmla="*/ 2147483646 h 286"/>
                      <a:gd name="T82" fmla="*/ 2147483646 w 465"/>
                      <a:gd name="T83" fmla="*/ 2147483646 h 286"/>
                      <a:gd name="T84" fmla="*/ 2147483646 w 465"/>
                      <a:gd name="T85" fmla="*/ 2147483646 h 286"/>
                      <a:gd name="T86" fmla="*/ 2147483646 w 465"/>
                      <a:gd name="T87" fmla="*/ 2147483646 h 286"/>
                      <a:gd name="T88" fmla="*/ 2147483646 w 465"/>
                      <a:gd name="T89" fmla="*/ 2147483646 h 286"/>
                      <a:gd name="T90" fmla="*/ 2147483646 w 465"/>
                      <a:gd name="T91" fmla="*/ 2147483646 h 286"/>
                      <a:gd name="T92" fmla="*/ 2147483646 w 465"/>
                      <a:gd name="T93" fmla="*/ 2147483646 h 286"/>
                      <a:gd name="T94" fmla="*/ 2147483646 w 465"/>
                      <a:gd name="T95" fmla="*/ 2147483646 h 286"/>
                      <a:gd name="T96" fmla="*/ 2147483646 w 465"/>
                      <a:gd name="T97" fmla="*/ 2147483646 h 286"/>
                      <a:gd name="T98" fmla="*/ 2147483646 w 465"/>
                      <a:gd name="T99" fmla="*/ 2147483646 h 286"/>
                      <a:gd name="T100" fmla="*/ 2147483646 w 465"/>
                      <a:gd name="T101" fmla="*/ 2147483646 h 286"/>
                      <a:gd name="T102" fmla="*/ 2147483646 w 465"/>
                      <a:gd name="T103" fmla="*/ 2147483646 h 286"/>
                      <a:gd name="T104" fmla="*/ 0 60000 65536"/>
                      <a:gd name="T105" fmla="*/ 0 60000 65536"/>
                      <a:gd name="T106" fmla="*/ 0 60000 65536"/>
                      <a:gd name="T107" fmla="*/ 0 60000 65536"/>
                      <a:gd name="T108" fmla="*/ 0 60000 65536"/>
                      <a:gd name="T109" fmla="*/ 0 60000 65536"/>
                      <a:gd name="T110" fmla="*/ 0 60000 65536"/>
                      <a:gd name="T111" fmla="*/ 0 60000 65536"/>
                      <a:gd name="T112" fmla="*/ 0 60000 65536"/>
                      <a:gd name="T113" fmla="*/ 0 60000 65536"/>
                      <a:gd name="T114" fmla="*/ 0 60000 65536"/>
                      <a:gd name="T115" fmla="*/ 0 60000 65536"/>
                      <a:gd name="T116" fmla="*/ 0 60000 65536"/>
                      <a:gd name="T117" fmla="*/ 0 60000 65536"/>
                      <a:gd name="T118" fmla="*/ 0 60000 65536"/>
                      <a:gd name="T119" fmla="*/ 0 60000 65536"/>
                      <a:gd name="T120" fmla="*/ 0 60000 65536"/>
                      <a:gd name="T121" fmla="*/ 0 60000 65536"/>
                      <a:gd name="T122" fmla="*/ 0 60000 65536"/>
                      <a:gd name="T123" fmla="*/ 0 60000 65536"/>
                      <a:gd name="T124" fmla="*/ 0 60000 65536"/>
                      <a:gd name="T125" fmla="*/ 0 60000 65536"/>
                      <a:gd name="T126" fmla="*/ 0 60000 65536"/>
                      <a:gd name="T127" fmla="*/ 0 60000 65536"/>
                      <a:gd name="T128" fmla="*/ 0 60000 65536"/>
                      <a:gd name="T129" fmla="*/ 0 60000 65536"/>
                      <a:gd name="T130" fmla="*/ 0 60000 65536"/>
                      <a:gd name="T131" fmla="*/ 0 60000 65536"/>
                      <a:gd name="T132" fmla="*/ 0 60000 65536"/>
                      <a:gd name="T133" fmla="*/ 0 60000 65536"/>
                      <a:gd name="T134" fmla="*/ 0 60000 65536"/>
                      <a:gd name="T135" fmla="*/ 0 60000 65536"/>
                      <a:gd name="T136" fmla="*/ 0 60000 65536"/>
                      <a:gd name="T137" fmla="*/ 0 60000 65536"/>
                      <a:gd name="T138" fmla="*/ 0 60000 65536"/>
                      <a:gd name="T139" fmla="*/ 0 60000 65536"/>
                      <a:gd name="T140" fmla="*/ 0 60000 65536"/>
                      <a:gd name="T141" fmla="*/ 0 60000 65536"/>
                      <a:gd name="T142" fmla="*/ 0 60000 65536"/>
                      <a:gd name="T143" fmla="*/ 0 60000 65536"/>
                      <a:gd name="T144" fmla="*/ 0 60000 65536"/>
                      <a:gd name="T145" fmla="*/ 0 60000 65536"/>
                      <a:gd name="T146" fmla="*/ 0 60000 65536"/>
                      <a:gd name="T147" fmla="*/ 0 60000 65536"/>
                      <a:gd name="T148" fmla="*/ 0 60000 65536"/>
                      <a:gd name="T149" fmla="*/ 0 60000 65536"/>
                      <a:gd name="T150" fmla="*/ 0 60000 65536"/>
                      <a:gd name="T151" fmla="*/ 0 60000 65536"/>
                      <a:gd name="T152" fmla="*/ 0 60000 65536"/>
                      <a:gd name="T153" fmla="*/ 0 60000 65536"/>
                      <a:gd name="T154" fmla="*/ 0 60000 65536"/>
                      <a:gd name="T155" fmla="*/ 0 60000 65536"/>
                      <a:gd name="T156" fmla="*/ 0 w 465"/>
                      <a:gd name="T157" fmla="*/ 0 h 286"/>
                      <a:gd name="T158" fmla="*/ 465 w 465"/>
                      <a:gd name="T159" fmla="*/ 286 h 286"/>
                    </a:gdLst>
                    <a:ahLst/>
                    <a:cxnLst>
                      <a:cxn ang="T104">
                        <a:pos x="T0" y="T1"/>
                      </a:cxn>
                      <a:cxn ang="T105">
                        <a:pos x="T2" y="T3"/>
                      </a:cxn>
                      <a:cxn ang="T106">
                        <a:pos x="T4" y="T5"/>
                      </a:cxn>
                      <a:cxn ang="T107">
                        <a:pos x="T6" y="T7"/>
                      </a:cxn>
                      <a:cxn ang="T108">
                        <a:pos x="T8" y="T9"/>
                      </a:cxn>
                      <a:cxn ang="T109">
                        <a:pos x="T10" y="T11"/>
                      </a:cxn>
                      <a:cxn ang="T110">
                        <a:pos x="T12" y="T13"/>
                      </a:cxn>
                      <a:cxn ang="T111">
                        <a:pos x="T14" y="T15"/>
                      </a:cxn>
                      <a:cxn ang="T112">
                        <a:pos x="T16" y="T17"/>
                      </a:cxn>
                      <a:cxn ang="T113">
                        <a:pos x="T18" y="T19"/>
                      </a:cxn>
                      <a:cxn ang="T114">
                        <a:pos x="T20" y="T21"/>
                      </a:cxn>
                      <a:cxn ang="T115">
                        <a:pos x="T22" y="T23"/>
                      </a:cxn>
                      <a:cxn ang="T116">
                        <a:pos x="T24" y="T25"/>
                      </a:cxn>
                      <a:cxn ang="T117">
                        <a:pos x="T26" y="T27"/>
                      </a:cxn>
                      <a:cxn ang="T118">
                        <a:pos x="T28" y="T29"/>
                      </a:cxn>
                      <a:cxn ang="T119">
                        <a:pos x="T30" y="T31"/>
                      </a:cxn>
                      <a:cxn ang="T120">
                        <a:pos x="T32" y="T33"/>
                      </a:cxn>
                      <a:cxn ang="T121">
                        <a:pos x="T34" y="T35"/>
                      </a:cxn>
                      <a:cxn ang="T122">
                        <a:pos x="T36" y="T37"/>
                      </a:cxn>
                      <a:cxn ang="T123">
                        <a:pos x="T38" y="T39"/>
                      </a:cxn>
                      <a:cxn ang="T124">
                        <a:pos x="T40" y="T41"/>
                      </a:cxn>
                      <a:cxn ang="T125">
                        <a:pos x="T42" y="T43"/>
                      </a:cxn>
                      <a:cxn ang="T126">
                        <a:pos x="T44" y="T45"/>
                      </a:cxn>
                      <a:cxn ang="T127">
                        <a:pos x="T46" y="T47"/>
                      </a:cxn>
                      <a:cxn ang="T128">
                        <a:pos x="T48" y="T49"/>
                      </a:cxn>
                      <a:cxn ang="T129">
                        <a:pos x="T50" y="T51"/>
                      </a:cxn>
                      <a:cxn ang="T130">
                        <a:pos x="T52" y="T53"/>
                      </a:cxn>
                      <a:cxn ang="T131">
                        <a:pos x="T54" y="T55"/>
                      </a:cxn>
                      <a:cxn ang="T132">
                        <a:pos x="T56" y="T57"/>
                      </a:cxn>
                      <a:cxn ang="T133">
                        <a:pos x="T58" y="T59"/>
                      </a:cxn>
                      <a:cxn ang="T134">
                        <a:pos x="T60" y="T61"/>
                      </a:cxn>
                      <a:cxn ang="T135">
                        <a:pos x="T62" y="T63"/>
                      </a:cxn>
                      <a:cxn ang="T136">
                        <a:pos x="T64" y="T65"/>
                      </a:cxn>
                      <a:cxn ang="T137">
                        <a:pos x="T66" y="T67"/>
                      </a:cxn>
                      <a:cxn ang="T138">
                        <a:pos x="T68" y="T69"/>
                      </a:cxn>
                      <a:cxn ang="T139">
                        <a:pos x="T70" y="T71"/>
                      </a:cxn>
                      <a:cxn ang="T140">
                        <a:pos x="T72" y="T73"/>
                      </a:cxn>
                      <a:cxn ang="T141">
                        <a:pos x="T74" y="T75"/>
                      </a:cxn>
                      <a:cxn ang="T142">
                        <a:pos x="T76" y="T77"/>
                      </a:cxn>
                      <a:cxn ang="T143">
                        <a:pos x="T78" y="T79"/>
                      </a:cxn>
                      <a:cxn ang="T144">
                        <a:pos x="T80" y="T81"/>
                      </a:cxn>
                      <a:cxn ang="T145">
                        <a:pos x="T82" y="T83"/>
                      </a:cxn>
                      <a:cxn ang="T146">
                        <a:pos x="T84" y="T85"/>
                      </a:cxn>
                      <a:cxn ang="T147">
                        <a:pos x="T86" y="T87"/>
                      </a:cxn>
                      <a:cxn ang="T148">
                        <a:pos x="T88" y="T89"/>
                      </a:cxn>
                      <a:cxn ang="T149">
                        <a:pos x="T90" y="T91"/>
                      </a:cxn>
                      <a:cxn ang="T150">
                        <a:pos x="T92" y="T93"/>
                      </a:cxn>
                      <a:cxn ang="T151">
                        <a:pos x="T94" y="T95"/>
                      </a:cxn>
                      <a:cxn ang="T152">
                        <a:pos x="T96" y="T97"/>
                      </a:cxn>
                      <a:cxn ang="T153">
                        <a:pos x="T98" y="T99"/>
                      </a:cxn>
                      <a:cxn ang="T154">
                        <a:pos x="T100" y="T101"/>
                      </a:cxn>
                      <a:cxn ang="T155">
                        <a:pos x="T102" y="T103"/>
                      </a:cxn>
                    </a:cxnLst>
                    <a:rect l="T156" t="T157" r="T158" b="T159"/>
                    <a:pathLst>
                      <a:path w="465" h="286">
                        <a:moveTo>
                          <a:pt x="464" y="223"/>
                        </a:moveTo>
                        <a:lnTo>
                          <a:pt x="462" y="222"/>
                        </a:lnTo>
                        <a:lnTo>
                          <a:pt x="462" y="218"/>
                        </a:lnTo>
                        <a:lnTo>
                          <a:pt x="465" y="215"/>
                        </a:lnTo>
                        <a:lnTo>
                          <a:pt x="465" y="210"/>
                        </a:lnTo>
                        <a:lnTo>
                          <a:pt x="456" y="201"/>
                        </a:lnTo>
                        <a:lnTo>
                          <a:pt x="452" y="194"/>
                        </a:lnTo>
                        <a:lnTo>
                          <a:pt x="444" y="189"/>
                        </a:lnTo>
                        <a:lnTo>
                          <a:pt x="434" y="182"/>
                        </a:lnTo>
                        <a:lnTo>
                          <a:pt x="431" y="176"/>
                        </a:lnTo>
                        <a:lnTo>
                          <a:pt x="426" y="173"/>
                        </a:lnTo>
                        <a:lnTo>
                          <a:pt x="425" y="167"/>
                        </a:lnTo>
                        <a:lnTo>
                          <a:pt x="416" y="162"/>
                        </a:lnTo>
                        <a:lnTo>
                          <a:pt x="415" y="157"/>
                        </a:lnTo>
                        <a:lnTo>
                          <a:pt x="412" y="154"/>
                        </a:lnTo>
                        <a:lnTo>
                          <a:pt x="410" y="149"/>
                        </a:lnTo>
                        <a:lnTo>
                          <a:pt x="405" y="143"/>
                        </a:lnTo>
                        <a:lnTo>
                          <a:pt x="401" y="142"/>
                        </a:lnTo>
                        <a:lnTo>
                          <a:pt x="396" y="132"/>
                        </a:lnTo>
                        <a:lnTo>
                          <a:pt x="386" y="129"/>
                        </a:lnTo>
                        <a:lnTo>
                          <a:pt x="383" y="124"/>
                        </a:lnTo>
                        <a:lnTo>
                          <a:pt x="370" y="119"/>
                        </a:lnTo>
                        <a:lnTo>
                          <a:pt x="369" y="115"/>
                        </a:lnTo>
                        <a:lnTo>
                          <a:pt x="362" y="114"/>
                        </a:lnTo>
                        <a:lnTo>
                          <a:pt x="355" y="109"/>
                        </a:lnTo>
                        <a:lnTo>
                          <a:pt x="343" y="105"/>
                        </a:lnTo>
                        <a:lnTo>
                          <a:pt x="338" y="104"/>
                        </a:lnTo>
                        <a:lnTo>
                          <a:pt x="331" y="103"/>
                        </a:lnTo>
                        <a:lnTo>
                          <a:pt x="322" y="98"/>
                        </a:lnTo>
                        <a:lnTo>
                          <a:pt x="317" y="99"/>
                        </a:lnTo>
                        <a:lnTo>
                          <a:pt x="311" y="99"/>
                        </a:lnTo>
                        <a:lnTo>
                          <a:pt x="306" y="98"/>
                        </a:lnTo>
                        <a:lnTo>
                          <a:pt x="300" y="97"/>
                        </a:lnTo>
                        <a:lnTo>
                          <a:pt x="293" y="99"/>
                        </a:lnTo>
                        <a:lnTo>
                          <a:pt x="288" y="98"/>
                        </a:lnTo>
                        <a:lnTo>
                          <a:pt x="282" y="98"/>
                        </a:lnTo>
                        <a:lnTo>
                          <a:pt x="278" y="95"/>
                        </a:lnTo>
                        <a:lnTo>
                          <a:pt x="273" y="91"/>
                        </a:lnTo>
                        <a:lnTo>
                          <a:pt x="260" y="86"/>
                        </a:lnTo>
                        <a:lnTo>
                          <a:pt x="252" y="86"/>
                        </a:lnTo>
                        <a:lnTo>
                          <a:pt x="247" y="85"/>
                        </a:lnTo>
                        <a:lnTo>
                          <a:pt x="241" y="87"/>
                        </a:lnTo>
                        <a:lnTo>
                          <a:pt x="239" y="93"/>
                        </a:lnTo>
                        <a:lnTo>
                          <a:pt x="237" y="95"/>
                        </a:lnTo>
                        <a:lnTo>
                          <a:pt x="237" y="99"/>
                        </a:lnTo>
                        <a:lnTo>
                          <a:pt x="235" y="102"/>
                        </a:lnTo>
                        <a:lnTo>
                          <a:pt x="228" y="101"/>
                        </a:lnTo>
                        <a:lnTo>
                          <a:pt x="226" y="100"/>
                        </a:lnTo>
                        <a:lnTo>
                          <a:pt x="220" y="102"/>
                        </a:lnTo>
                        <a:lnTo>
                          <a:pt x="216" y="99"/>
                        </a:lnTo>
                        <a:lnTo>
                          <a:pt x="211" y="99"/>
                        </a:lnTo>
                        <a:lnTo>
                          <a:pt x="208" y="96"/>
                        </a:lnTo>
                        <a:lnTo>
                          <a:pt x="205" y="97"/>
                        </a:lnTo>
                        <a:lnTo>
                          <a:pt x="201" y="91"/>
                        </a:lnTo>
                        <a:lnTo>
                          <a:pt x="198" y="89"/>
                        </a:lnTo>
                        <a:lnTo>
                          <a:pt x="194" y="87"/>
                        </a:lnTo>
                        <a:lnTo>
                          <a:pt x="194" y="84"/>
                        </a:lnTo>
                        <a:lnTo>
                          <a:pt x="186" y="71"/>
                        </a:lnTo>
                        <a:lnTo>
                          <a:pt x="182" y="70"/>
                        </a:lnTo>
                        <a:lnTo>
                          <a:pt x="181" y="67"/>
                        </a:lnTo>
                        <a:lnTo>
                          <a:pt x="182" y="62"/>
                        </a:lnTo>
                        <a:lnTo>
                          <a:pt x="178" y="56"/>
                        </a:lnTo>
                        <a:lnTo>
                          <a:pt x="176" y="50"/>
                        </a:lnTo>
                        <a:lnTo>
                          <a:pt x="176" y="38"/>
                        </a:lnTo>
                        <a:lnTo>
                          <a:pt x="171" y="34"/>
                        </a:lnTo>
                        <a:lnTo>
                          <a:pt x="160" y="30"/>
                        </a:lnTo>
                        <a:lnTo>
                          <a:pt x="153" y="30"/>
                        </a:lnTo>
                        <a:lnTo>
                          <a:pt x="151" y="31"/>
                        </a:lnTo>
                        <a:lnTo>
                          <a:pt x="146" y="37"/>
                        </a:lnTo>
                        <a:lnTo>
                          <a:pt x="138" y="39"/>
                        </a:lnTo>
                        <a:lnTo>
                          <a:pt x="132" y="39"/>
                        </a:lnTo>
                        <a:lnTo>
                          <a:pt x="128" y="35"/>
                        </a:lnTo>
                        <a:lnTo>
                          <a:pt x="125" y="31"/>
                        </a:lnTo>
                        <a:lnTo>
                          <a:pt x="118" y="31"/>
                        </a:lnTo>
                        <a:lnTo>
                          <a:pt x="119" y="24"/>
                        </a:lnTo>
                        <a:lnTo>
                          <a:pt x="118" y="22"/>
                        </a:lnTo>
                        <a:lnTo>
                          <a:pt x="118" y="17"/>
                        </a:lnTo>
                        <a:lnTo>
                          <a:pt x="115" y="13"/>
                        </a:lnTo>
                        <a:lnTo>
                          <a:pt x="114" y="10"/>
                        </a:lnTo>
                        <a:lnTo>
                          <a:pt x="110" y="7"/>
                        </a:lnTo>
                        <a:lnTo>
                          <a:pt x="105" y="9"/>
                        </a:lnTo>
                        <a:lnTo>
                          <a:pt x="96" y="9"/>
                        </a:lnTo>
                        <a:lnTo>
                          <a:pt x="92" y="7"/>
                        </a:lnTo>
                        <a:lnTo>
                          <a:pt x="89" y="3"/>
                        </a:lnTo>
                        <a:lnTo>
                          <a:pt x="85" y="3"/>
                        </a:lnTo>
                        <a:lnTo>
                          <a:pt x="78" y="0"/>
                        </a:lnTo>
                        <a:lnTo>
                          <a:pt x="75" y="1"/>
                        </a:lnTo>
                        <a:lnTo>
                          <a:pt x="75" y="5"/>
                        </a:lnTo>
                        <a:lnTo>
                          <a:pt x="74" y="7"/>
                        </a:lnTo>
                        <a:lnTo>
                          <a:pt x="69" y="9"/>
                        </a:lnTo>
                        <a:lnTo>
                          <a:pt x="66" y="14"/>
                        </a:lnTo>
                        <a:lnTo>
                          <a:pt x="62" y="16"/>
                        </a:lnTo>
                        <a:lnTo>
                          <a:pt x="61" y="21"/>
                        </a:lnTo>
                        <a:lnTo>
                          <a:pt x="58" y="25"/>
                        </a:lnTo>
                        <a:lnTo>
                          <a:pt x="64" y="36"/>
                        </a:lnTo>
                        <a:lnTo>
                          <a:pt x="68" y="40"/>
                        </a:lnTo>
                        <a:lnTo>
                          <a:pt x="69" y="47"/>
                        </a:lnTo>
                        <a:lnTo>
                          <a:pt x="66" y="54"/>
                        </a:lnTo>
                        <a:lnTo>
                          <a:pt x="66" y="63"/>
                        </a:lnTo>
                        <a:lnTo>
                          <a:pt x="71" y="72"/>
                        </a:lnTo>
                        <a:lnTo>
                          <a:pt x="70" y="76"/>
                        </a:lnTo>
                        <a:lnTo>
                          <a:pt x="72" y="78"/>
                        </a:lnTo>
                        <a:lnTo>
                          <a:pt x="76" y="80"/>
                        </a:lnTo>
                        <a:lnTo>
                          <a:pt x="79" y="81"/>
                        </a:lnTo>
                        <a:lnTo>
                          <a:pt x="80" y="82"/>
                        </a:lnTo>
                        <a:lnTo>
                          <a:pt x="72" y="84"/>
                        </a:lnTo>
                        <a:lnTo>
                          <a:pt x="72" y="86"/>
                        </a:lnTo>
                        <a:lnTo>
                          <a:pt x="76" y="92"/>
                        </a:lnTo>
                        <a:lnTo>
                          <a:pt x="77" y="97"/>
                        </a:lnTo>
                        <a:lnTo>
                          <a:pt x="71" y="114"/>
                        </a:lnTo>
                        <a:lnTo>
                          <a:pt x="67" y="115"/>
                        </a:lnTo>
                        <a:lnTo>
                          <a:pt x="66" y="119"/>
                        </a:lnTo>
                        <a:lnTo>
                          <a:pt x="63" y="125"/>
                        </a:lnTo>
                        <a:lnTo>
                          <a:pt x="63" y="129"/>
                        </a:lnTo>
                        <a:lnTo>
                          <a:pt x="68" y="129"/>
                        </a:lnTo>
                        <a:lnTo>
                          <a:pt x="70" y="132"/>
                        </a:lnTo>
                        <a:lnTo>
                          <a:pt x="71" y="135"/>
                        </a:lnTo>
                        <a:lnTo>
                          <a:pt x="71" y="144"/>
                        </a:lnTo>
                        <a:lnTo>
                          <a:pt x="73" y="155"/>
                        </a:lnTo>
                        <a:lnTo>
                          <a:pt x="70" y="160"/>
                        </a:lnTo>
                        <a:lnTo>
                          <a:pt x="62" y="169"/>
                        </a:lnTo>
                        <a:lnTo>
                          <a:pt x="56" y="172"/>
                        </a:lnTo>
                        <a:lnTo>
                          <a:pt x="54" y="178"/>
                        </a:lnTo>
                        <a:lnTo>
                          <a:pt x="52" y="186"/>
                        </a:lnTo>
                        <a:lnTo>
                          <a:pt x="52" y="193"/>
                        </a:lnTo>
                        <a:lnTo>
                          <a:pt x="52" y="195"/>
                        </a:lnTo>
                        <a:lnTo>
                          <a:pt x="51" y="198"/>
                        </a:lnTo>
                        <a:lnTo>
                          <a:pt x="48" y="200"/>
                        </a:lnTo>
                        <a:lnTo>
                          <a:pt x="48" y="202"/>
                        </a:lnTo>
                        <a:lnTo>
                          <a:pt x="44" y="202"/>
                        </a:lnTo>
                        <a:lnTo>
                          <a:pt x="41" y="210"/>
                        </a:lnTo>
                        <a:lnTo>
                          <a:pt x="35" y="214"/>
                        </a:lnTo>
                        <a:lnTo>
                          <a:pt x="31" y="216"/>
                        </a:lnTo>
                        <a:lnTo>
                          <a:pt x="24" y="225"/>
                        </a:lnTo>
                        <a:lnTo>
                          <a:pt x="17" y="232"/>
                        </a:lnTo>
                        <a:lnTo>
                          <a:pt x="13" y="232"/>
                        </a:lnTo>
                        <a:lnTo>
                          <a:pt x="8" y="234"/>
                        </a:lnTo>
                        <a:lnTo>
                          <a:pt x="0" y="234"/>
                        </a:lnTo>
                        <a:lnTo>
                          <a:pt x="2" y="238"/>
                        </a:lnTo>
                        <a:lnTo>
                          <a:pt x="2" y="242"/>
                        </a:lnTo>
                        <a:lnTo>
                          <a:pt x="1" y="244"/>
                        </a:lnTo>
                        <a:lnTo>
                          <a:pt x="5" y="248"/>
                        </a:lnTo>
                        <a:lnTo>
                          <a:pt x="6" y="254"/>
                        </a:lnTo>
                        <a:lnTo>
                          <a:pt x="8" y="256"/>
                        </a:lnTo>
                        <a:lnTo>
                          <a:pt x="22" y="260"/>
                        </a:lnTo>
                        <a:lnTo>
                          <a:pt x="25" y="262"/>
                        </a:lnTo>
                        <a:lnTo>
                          <a:pt x="28" y="267"/>
                        </a:lnTo>
                        <a:lnTo>
                          <a:pt x="33" y="268"/>
                        </a:lnTo>
                        <a:lnTo>
                          <a:pt x="35" y="271"/>
                        </a:lnTo>
                        <a:lnTo>
                          <a:pt x="38" y="274"/>
                        </a:lnTo>
                        <a:lnTo>
                          <a:pt x="40" y="280"/>
                        </a:lnTo>
                        <a:lnTo>
                          <a:pt x="47" y="281"/>
                        </a:lnTo>
                        <a:lnTo>
                          <a:pt x="60" y="285"/>
                        </a:lnTo>
                        <a:lnTo>
                          <a:pt x="65" y="284"/>
                        </a:lnTo>
                        <a:lnTo>
                          <a:pt x="69" y="280"/>
                        </a:lnTo>
                        <a:lnTo>
                          <a:pt x="74" y="276"/>
                        </a:lnTo>
                        <a:lnTo>
                          <a:pt x="80" y="270"/>
                        </a:lnTo>
                        <a:lnTo>
                          <a:pt x="87" y="271"/>
                        </a:lnTo>
                        <a:lnTo>
                          <a:pt x="92" y="274"/>
                        </a:lnTo>
                        <a:lnTo>
                          <a:pt x="93" y="281"/>
                        </a:lnTo>
                        <a:lnTo>
                          <a:pt x="98" y="284"/>
                        </a:lnTo>
                        <a:lnTo>
                          <a:pt x="100" y="284"/>
                        </a:lnTo>
                        <a:lnTo>
                          <a:pt x="105" y="282"/>
                        </a:lnTo>
                        <a:lnTo>
                          <a:pt x="109" y="283"/>
                        </a:lnTo>
                        <a:lnTo>
                          <a:pt x="112" y="286"/>
                        </a:lnTo>
                        <a:lnTo>
                          <a:pt x="114" y="284"/>
                        </a:lnTo>
                        <a:lnTo>
                          <a:pt x="114" y="282"/>
                        </a:lnTo>
                        <a:lnTo>
                          <a:pt x="115" y="278"/>
                        </a:lnTo>
                        <a:lnTo>
                          <a:pt x="119" y="273"/>
                        </a:lnTo>
                        <a:lnTo>
                          <a:pt x="122" y="270"/>
                        </a:lnTo>
                        <a:lnTo>
                          <a:pt x="131" y="259"/>
                        </a:lnTo>
                        <a:lnTo>
                          <a:pt x="139" y="250"/>
                        </a:lnTo>
                        <a:lnTo>
                          <a:pt x="143" y="245"/>
                        </a:lnTo>
                        <a:lnTo>
                          <a:pt x="148" y="241"/>
                        </a:lnTo>
                        <a:lnTo>
                          <a:pt x="149" y="241"/>
                        </a:lnTo>
                        <a:lnTo>
                          <a:pt x="153" y="240"/>
                        </a:lnTo>
                        <a:lnTo>
                          <a:pt x="154" y="239"/>
                        </a:lnTo>
                        <a:lnTo>
                          <a:pt x="157" y="237"/>
                        </a:lnTo>
                        <a:lnTo>
                          <a:pt x="159" y="234"/>
                        </a:lnTo>
                        <a:lnTo>
                          <a:pt x="162" y="231"/>
                        </a:lnTo>
                        <a:lnTo>
                          <a:pt x="165" y="229"/>
                        </a:lnTo>
                        <a:lnTo>
                          <a:pt x="167" y="228"/>
                        </a:lnTo>
                        <a:lnTo>
                          <a:pt x="171" y="223"/>
                        </a:lnTo>
                        <a:lnTo>
                          <a:pt x="173" y="221"/>
                        </a:lnTo>
                        <a:lnTo>
                          <a:pt x="177" y="218"/>
                        </a:lnTo>
                        <a:lnTo>
                          <a:pt x="181" y="210"/>
                        </a:lnTo>
                        <a:lnTo>
                          <a:pt x="184" y="209"/>
                        </a:lnTo>
                        <a:lnTo>
                          <a:pt x="184" y="206"/>
                        </a:lnTo>
                        <a:lnTo>
                          <a:pt x="181" y="203"/>
                        </a:lnTo>
                        <a:lnTo>
                          <a:pt x="181" y="201"/>
                        </a:lnTo>
                        <a:lnTo>
                          <a:pt x="189" y="194"/>
                        </a:lnTo>
                        <a:lnTo>
                          <a:pt x="196" y="204"/>
                        </a:lnTo>
                        <a:lnTo>
                          <a:pt x="197" y="202"/>
                        </a:lnTo>
                        <a:lnTo>
                          <a:pt x="203" y="202"/>
                        </a:lnTo>
                        <a:lnTo>
                          <a:pt x="203" y="198"/>
                        </a:lnTo>
                        <a:lnTo>
                          <a:pt x="206" y="198"/>
                        </a:lnTo>
                        <a:lnTo>
                          <a:pt x="206" y="193"/>
                        </a:lnTo>
                        <a:lnTo>
                          <a:pt x="214" y="188"/>
                        </a:lnTo>
                        <a:lnTo>
                          <a:pt x="215" y="185"/>
                        </a:lnTo>
                        <a:lnTo>
                          <a:pt x="222" y="180"/>
                        </a:lnTo>
                        <a:lnTo>
                          <a:pt x="223" y="180"/>
                        </a:lnTo>
                        <a:lnTo>
                          <a:pt x="227" y="180"/>
                        </a:lnTo>
                        <a:lnTo>
                          <a:pt x="231" y="179"/>
                        </a:lnTo>
                        <a:lnTo>
                          <a:pt x="235" y="177"/>
                        </a:lnTo>
                        <a:lnTo>
                          <a:pt x="237" y="179"/>
                        </a:lnTo>
                        <a:lnTo>
                          <a:pt x="241" y="179"/>
                        </a:lnTo>
                        <a:lnTo>
                          <a:pt x="241" y="181"/>
                        </a:lnTo>
                        <a:lnTo>
                          <a:pt x="247" y="182"/>
                        </a:lnTo>
                        <a:lnTo>
                          <a:pt x="249" y="184"/>
                        </a:lnTo>
                        <a:lnTo>
                          <a:pt x="252" y="185"/>
                        </a:lnTo>
                        <a:lnTo>
                          <a:pt x="252" y="177"/>
                        </a:lnTo>
                        <a:lnTo>
                          <a:pt x="259" y="173"/>
                        </a:lnTo>
                        <a:lnTo>
                          <a:pt x="259" y="170"/>
                        </a:lnTo>
                        <a:lnTo>
                          <a:pt x="265" y="168"/>
                        </a:lnTo>
                        <a:lnTo>
                          <a:pt x="269" y="170"/>
                        </a:lnTo>
                        <a:lnTo>
                          <a:pt x="272" y="169"/>
                        </a:lnTo>
                        <a:lnTo>
                          <a:pt x="273" y="171"/>
                        </a:lnTo>
                        <a:lnTo>
                          <a:pt x="280" y="176"/>
                        </a:lnTo>
                        <a:lnTo>
                          <a:pt x="282" y="181"/>
                        </a:lnTo>
                        <a:lnTo>
                          <a:pt x="284" y="182"/>
                        </a:lnTo>
                        <a:lnTo>
                          <a:pt x="287" y="187"/>
                        </a:lnTo>
                        <a:lnTo>
                          <a:pt x="289" y="187"/>
                        </a:lnTo>
                        <a:lnTo>
                          <a:pt x="292" y="190"/>
                        </a:lnTo>
                        <a:lnTo>
                          <a:pt x="294" y="193"/>
                        </a:lnTo>
                        <a:lnTo>
                          <a:pt x="297" y="196"/>
                        </a:lnTo>
                        <a:lnTo>
                          <a:pt x="305" y="192"/>
                        </a:lnTo>
                        <a:lnTo>
                          <a:pt x="307" y="192"/>
                        </a:lnTo>
                        <a:lnTo>
                          <a:pt x="309" y="190"/>
                        </a:lnTo>
                        <a:lnTo>
                          <a:pt x="317" y="194"/>
                        </a:lnTo>
                        <a:lnTo>
                          <a:pt x="327" y="200"/>
                        </a:lnTo>
                        <a:lnTo>
                          <a:pt x="336" y="207"/>
                        </a:lnTo>
                        <a:lnTo>
                          <a:pt x="343" y="212"/>
                        </a:lnTo>
                        <a:lnTo>
                          <a:pt x="346" y="215"/>
                        </a:lnTo>
                        <a:lnTo>
                          <a:pt x="350" y="220"/>
                        </a:lnTo>
                        <a:lnTo>
                          <a:pt x="357" y="221"/>
                        </a:lnTo>
                        <a:lnTo>
                          <a:pt x="368" y="228"/>
                        </a:lnTo>
                        <a:lnTo>
                          <a:pt x="369" y="235"/>
                        </a:lnTo>
                        <a:lnTo>
                          <a:pt x="368" y="253"/>
                        </a:lnTo>
                        <a:lnTo>
                          <a:pt x="366" y="262"/>
                        </a:lnTo>
                        <a:lnTo>
                          <a:pt x="368" y="262"/>
                        </a:lnTo>
                        <a:lnTo>
                          <a:pt x="374" y="263"/>
                        </a:lnTo>
                        <a:lnTo>
                          <a:pt x="381" y="264"/>
                        </a:lnTo>
                        <a:lnTo>
                          <a:pt x="386" y="260"/>
                        </a:lnTo>
                        <a:lnTo>
                          <a:pt x="389" y="255"/>
                        </a:lnTo>
                        <a:lnTo>
                          <a:pt x="395" y="254"/>
                        </a:lnTo>
                        <a:lnTo>
                          <a:pt x="402" y="253"/>
                        </a:lnTo>
                        <a:lnTo>
                          <a:pt x="406" y="247"/>
                        </a:lnTo>
                        <a:lnTo>
                          <a:pt x="411" y="240"/>
                        </a:lnTo>
                        <a:lnTo>
                          <a:pt x="417" y="234"/>
                        </a:lnTo>
                        <a:lnTo>
                          <a:pt x="421" y="230"/>
                        </a:lnTo>
                        <a:lnTo>
                          <a:pt x="426" y="232"/>
                        </a:lnTo>
                        <a:lnTo>
                          <a:pt x="430" y="235"/>
                        </a:lnTo>
                        <a:lnTo>
                          <a:pt x="430" y="239"/>
                        </a:lnTo>
                        <a:lnTo>
                          <a:pt x="431" y="241"/>
                        </a:lnTo>
                        <a:lnTo>
                          <a:pt x="433" y="239"/>
                        </a:lnTo>
                        <a:lnTo>
                          <a:pt x="437" y="239"/>
                        </a:lnTo>
                        <a:lnTo>
                          <a:pt x="442" y="238"/>
                        </a:lnTo>
                        <a:lnTo>
                          <a:pt x="448" y="235"/>
                        </a:lnTo>
                        <a:lnTo>
                          <a:pt x="451" y="230"/>
                        </a:lnTo>
                        <a:lnTo>
                          <a:pt x="454" y="228"/>
                        </a:lnTo>
                        <a:lnTo>
                          <a:pt x="458" y="226"/>
                        </a:lnTo>
                        <a:lnTo>
                          <a:pt x="464" y="223"/>
                        </a:lnTo>
                        <a:close/>
                      </a:path>
                    </a:pathLst>
                  </a:custGeom>
                  <a:noFill/>
                  <a:ln w="9525" cap="flat" cmpd="sng">
                    <a:solidFill>
                      <a:srgbClr val="000000"/>
                    </a:solidFill>
                    <a:prstDash val="solid"/>
                    <a:round/>
                    <a:headEnd/>
                    <a:tailEnd/>
                  </a:ln>
                  <a:extLst>
                    <a:ext uri="{909E8E84-426E-40DD-AFC4-6F175D3DCCD1}">
                      <a14:hiddenFill xmlns:a14="http://schemas.microsoft.com/office/drawing/2010/main">
                        <a:solidFill>
                          <a:srgbClr val="FFFFFF"/>
                        </a:solidFill>
                      </a14:hiddenFill>
                    </a:ext>
                  </a:extLst>
                </xdr:spPr>
              </xdr:sp>
            </xdr:grpSp>
          </xdr:grpSp>
          <xdr:sp macro="" textlink="">
            <xdr:nvSpPr>
              <xdr:cNvPr id="149575" name="d14130_3"/>
              <xdr:cNvSpPr>
                <a:spLocks/>
              </xdr:cNvSpPr>
            </xdr:nvSpPr>
            <xdr:spPr bwMode="auto">
              <a:xfrm>
                <a:off x="18773775" y="11029950"/>
                <a:ext cx="200025" cy="161925"/>
              </a:xfrm>
              <a:custGeom>
                <a:avLst/>
                <a:gdLst>
                  <a:gd name="T0" fmla="*/ 0 w 16384"/>
                  <a:gd name="T1" fmla="*/ 2147483646 h 16384"/>
                  <a:gd name="T2" fmla="*/ 2147483646 w 16384"/>
                  <a:gd name="T3" fmla="*/ 2147483646 h 16384"/>
                  <a:gd name="T4" fmla="*/ 2147483646 w 16384"/>
                  <a:gd name="T5" fmla="*/ 2147483646 h 16384"/>
                  <a:gd name="T6" fmla="*/ 2147483646 w 16384"/>
                  <a:gd name="T7" fmla="*/ 2147483646 h 16384"/>
                  <a:gd name="T8" fmla="*/ 2147483646 w 16384"/>
                  <a:gd name="T9" fmla="*/ 0 h 16384"/>
                  <a:gd name="T10" fmla="*/ 2147483646 w 16384"/>
                  <a:gd name="T11" fmla="*/ 2147483646 h 16384"/>
                  <a:gd name="T12" fmla="*/ 2147483646 w 16384"/>
                  <a:gd name="T13" fmla="*/ 2147483646 h 16384"/>
                  <a:gd name="T14" fmla="*/ 2147483646 w 16384"/>
                  <a:gd name="T15" fmla="*/ 2147483646 h 16384"/>
                  <a:gd name="T16" fmla="*/ 0 w 16384"/>
                  <a:gd name="T17" fmla="*/ 2147483646 h 16384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16384"/>
                  <a:gd name="T28" fmla="*/ 0 h 16384"/>
                  <a:gd name="T29" fmla="*/ 16384 w 16384"/>
                  <a:gd name="T30" fmla="*/ 16384 h 16384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16384" h="16384">
                    <a:moveTo>
                      <a:pt x="0" y="16384"/>
                    </a:moveTo>
                    <a:lnTo>
                      <a:pt x="3121" y="6746"/>
                    </a:lnTo>
                    <a:lnTo>
                      <a:pt x="3121" y="3855"/>
                    </a:lnTo>
                    <a:lnTo>
                      <a:pt x="5461" y="3855"/>
                    </a:lnTo>
                    <a:lnTo>
                      <a:pt x="13263" y="0"/>
                    </a:lnTo>
                    <a:lnTo>
                      <a:pt x="16384" y="2891"/>
                    </a:lnTo>
                    <a:lnTo>
                      <a:pt x="12483" y="9638"/>
                    </a:lnTo>
                    <a:lnTo>
                      <a:pt x="5461" y="15420"/>
                    </a:lnTo>
                    <a:lnTo>
                      <a:pt x="0" y="16384"/>
                    </a:lnTo>
                    <a:close/>
                  </a:path>
                </a:pathLst>
              </a:custGeom>
              <a:noFill/>
              <a:ln w="9525" cap="flat">
                <a:solidFill>
                  <a:srgbClr val="000000"/>
                </a:solidFill>
                <a:prstDash val="solid"/>
                <a:round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xdr:spPr>
          </xdr:sp>
        </xdr:grpSp>
      </xdr:grpSp>
    </xdr:grpSp>
    <xdr:clientData/>
  </xdr:twoCellAnchor>
  <xdr:twoCellAnchor>
    <xdr:from>
      <xdr:col>19</xdr:col>
      <xdr:colOff>152400</xdr:colOff>
      <xdr:row>68</xdr:row>
      <xdr:rowOff>85725</xdr:rowOff>
    </xdr:from>
    <xdr:to>
      <xdr:col>21</xdr:col>
      <xdr:colOff>552450</xdr:colOff>
      <xdr:row>71</xdr:row>
      <xdr:rowOff>0</xdr:rowOff>
    </xdr:to>
    <xdr:sp macro="" textlink="">
      <xdr:nvSpPr>
        <xdr:cNvPr id="149532" name="Rectangle 118" descr="5%"/>
        <xdr:cNvSpPr>
          <a:spLocks noChangeArrowheads="1"/>
        </xdr:cNvSpPr>
      </xdr:nvSpPr>
      <xdr:spPr bwMode="auto">
        <a:xfrm>
          <a:off x="12030075" y="11287125"/>
          <a:ext cx="1619250" cy="371475"/>
        </a:xfrm>
        <a:prstGeom prst="rect">
          <a:avLst/>
        </a:prstGeom>
        <a:pattFill prst="pct5">
          <a:fgClr>
            <a:srgbClr val="000000"/>
          </a:fgClr>
          <a:bgClr>
            <a:srgbClr val="FFFFFF"/>
          </a:bgClr>
        </a:pattFill>
        <a:ln w="9525" algn="ctr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9</xdr:col>
      <xdr:colOff>161925</xdr:colOff>
      <xdr:row>60</xdr:row>
      <xdr:rowOff>38100</xdr:rowOff>
    </xdr:from>
    <xdr:to>
      <xdr:col>21</xdr:col>
      <xdr:colOff>561975</xdr:colOff>
      <xdr:row>62</xdr:row>
      <xdr:rowOff>95250</xdr:rowOff>
    </xdr:to>
    <xdr:sp macro="" textlink="">
      <xdr:nvSpPr>
        <xdr:cNvPr id="149533" name="Rectangle 119"/>
        <xdr:cNvSpPr>
          <a:spLocks noChangeArrowheads="1"/>
        </xdr:cNvSpPr>
      </xdr:nvSpPr>
      <xdr:spPr bwMode="auto">
        <a:xfrm>
          <a:off x="12039600" y="10020300"/>
          <a:ext cx="1619250" cy="361950"/>
        </a:xfrm>
        <a:prstGeom prst="rect">
          <a:avLst/>
        </a:prstGeom>
        <a:solidFill>
          <a:srgbClr val="DDDDDD"/>
        </a:solidFill>
        <a:ln w="9525" algn="ctr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1</xdr:col>
      <xdr:colOff>333375</xdr:colOff>
      <xdr:row>77</xdr:row>
      <xdr:rowOff>114300</xdr:rowOff>
    </xdr:from>
    <xdr:to>
      <xdr:col>23</xdr:col>
      <xdr:colOff>57150</xdr:colOff>
      <xdr:row>80</xdr:row>
      <xdr:rowOff>0</xdr:rowOff>
    </xdr:to>
    <xdr:sp macro="" textlink="">
      <xdr:nvSpPr>
        <xdr:cNvPr id="497" name="Text Box 75"/>
        <xdr:cNvSpPr txBox="1">
          <a:spLocks noChangeArrowheads="1"/>
        </xdr:cNvSpPr>
      </xdr:nvSpPr>
      <xdr:spPr bwMode="auto">
        <a:xfrm>
          <a:off x="13430250" y="12687300"/>
          <a:ext cx="942975" cy="33337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山北町</a:t>
          </a:r>
          <a:endParaRPr lang="ja-JP" altLang="en-US"/>
        </a:p>
      </xdr:txBody>
    </xdr:sp>
    <xdr:clientData/>
  </xdr:twoCellAnchor>
  <xdr:twoCellAnchor>
    <xdr:from>
      <xdr:col>24</xdr:col>
      <xdr:colOff>361950</xdr:colOff>
      <xdr:row>80</xdr:row>
      <xdr:rowOff>28575</xdr:rowOff>
    </xdr:from>
    <xdr:to>
      <xdr:col>25</xdr:col>
      <xdr:colOff>533400</xdr:colOff>
      <xdr:row>83</xdr:row>
      <xdr:rowOff>28575</xdr:rowOff>
    </xdr:to>
    <xdr:sp macro="" textlink="">
      <xdr:nvSpPr>
        <xdr:cNvPr id="498" name="Text Box 76"/>
        <xdr:cNvSpPr txBox="1">
          <a:spLocks noChangeArrowheads="1"/>
        </xdr:cNvSpPr>
      </xdr:nvSpPr>
      <xdr:spPr bwMode="auto">
        <a:xfrm>
          <a:off x="15287625" y="13058775"/>
          <a:ext cx="781050" cy="4572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秦野市</a:t>
          </a:r>
          <a:endParaRPr lang="ja-JP" altLang="en-US"/>
        </a:p>
      </xdr:txBody>
    </xdr:sp>
    <xdr:clientData/>
  </xdr:twoCellAnchor>
  <xdr:twoCellAnchor>
    <xdr:from>
      <xdr:col>23</xdr:col>
      <xdr:colOff>342900</xdr:colOff>
      <xdr:row>78</xdr:row>
      <xdr:rowOff>38100</xdr:rowOff>
    </xdr:from>
    <xdr:to>
      <xdr:col>24</xdr:col>
      <xdr:colOff>57150</xdr:colOff>
      <xdr:row>84</xdr:row>
      <xdr:rowOff>9525</xdr:rowOff>
    </xdr:to>
    <xdr:sp macro="" textlink="">
      <xdr:nvSpPr>
        <xdr:cNvPr id="499" name="Text Box 79"/>
        <xdr:cNvSpPr txBox="1">
          <a:spLocks noChangeArrowheads="1"/>
        </xdr:cNvSpPr>
      </xdr:nvSpPr>
      <xdr:spPr bwMode="auto">
        <a:xfrm>
          <a:off x="14658975" y="12763500"/>
          <a:ext cx="323850" cy="88582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vert="wordArtVertRtl" wrap="square" lIns="27432" tIns="0" rIns="27432" bIns="0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松田町</a:t>
          </a:r>
          <a:endParaRPr lang="ja-JP" altLang="en-US"/>
        </a:p>
      </xdr:txBody>
    </xdr:sp>
    <xdr:clientData/>
  </xdr:twoCellAnchor>
  <xdr:twoCellAnchor>
    <xdr:from>
      <xdr:col>21</xdr:col>
      <xdr:colOff>476250</xdr:colOff>
      <xdr:row>88</xdr:row>
      <xdr:rowOff>133350</xdr:rowOff>
    </xdr:from>
    <xdr:to>
      <xdr:col>23</xdr:col>
      <xdr:colOff>323850</xdr:colOff>
      <xdr:row>91</xdr:row>
      <xdr:rowOff>19050</xdr:rowOff>
    </xdr:to>
    <xdr:sp macro="" textlink="">
      <xdr:nvSpPr>
        <xdr:cNvPr id="500" name="Text Box 80"/>
        <xdr:cNvSpPr txBox="1">
          <a:spLocks noChangeArrowheads="1"/>
        </xdr:cNvSpPr>
      </xdr:nvSpPr>
      <xdr:spPr bwMode="auto">
        <a:xfrm>
          <a:off x="13573125" y="14382750"/>
          <a:ext cx="1066800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南足柄市</a:t>
          </a:r>
          <a:endParaRPr lang="ja-JP" altLang="en-US"/>
        </a:p>
      </xdr:txBody>
    </xdr:sp>
    <xdr:clientData/>
  </xdr:twoCellAnchor>
  <xdr:twoCellAnchor>
    <xdr:from>
      <xdr:col>21</xdr:col>
      <xdr:colOff>114300</xdr:colOff>
      <xdr:row>95</xdr:row>
      <xdr:rowOff>47625</xdr:rowOff>
    </xdr:from>
    <xdr:to>
      <xdr:col>22</xdr:col>
      <xdr:colOff>342900</xdr:colOff>
      <xdr:row>97</xdr:row>
      <xdr:rowOff>104775</xdr:rowOff>
    </xdr:to>
    <xdr:sp macro="" textlink="">
      <xdr:nvSpPr>
        <xdr:cNvPr id="501" name="Text Box 81"/>
        <xdr:cNvSpPr txBox="1">
          <a:spLocks noChangeArrowheads="1"/>
        </xdr:cNvSpPr>
      </xdr:nvSpPr>
      <xdr:spPr bwMode="auto">
        <a:xfrm>
          <a:off x="13211175" y="15363825"/>
          <a:ext cx="838200" cy="36195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箱根町</a:t>
          </a:r>
          <a:endParaRPr lang="ja-JP" altLang="en-US"/>
        </a:p>
      </xdr:txBody>
    </xdr:sp>
    <xdr:clientData/>
  </xdr:twoCellAnchor>
  <xdr:twoCellAnchor>
    <xdr:from>
      <xdr:col>21</xdr:col>
      <xdr:colOff>476250</xdr:colOff>
      <xdr:row>102</xdr:row>
      <xdr:rowOff>0</xdr:rowOff>
    </xdr:from>
    <xdr:to>
      <xdr:col>23</xdr:col>
      <xdr:colOff>552450</xdr:colOff>
      <xdr:row>104</xdr:row>
      <xdr:rowOff>57150</xdr:rowOff>
    </xdr:to>
    <xdr:sp macro="" textlink="">
      <xdr:nvSpPr>
        <xdr:cNvPr id="502" name="Text Box 82"/>
        <xdr:cNvSpPr txBox="1">
          <a:spLocks noChangeArrowheads="1"/>
        </xdr:cNvSpPr>
      </xdr:nvSpPr>
      <xdr:spPr bwMode="auto">
        <a:xfrm>
          <a:off x="13573125" y="16383000"/>
          <a:ext cx="1295400" cy="36195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湯河原町</a:t>
          </a:r>
          <a:endParaRPr lang="ja-JP" altLang="en-US"/>
        </a:p>
      </xdr:txBody>
    </xdr:sp>
    <xdr:clientData/>
  </xdr:twoCellAnchor>
  <xdr:twoCellAnchor>
    <xdr:from>
      <xdr:col>23</xdr:col>
      <xdr:colOff>9525</xdr:colOff>
      <xdr:row>93</xdr:row>
      <xdr:rowOff>0</xdr:rowOff>
    </xdr:from>
    <xdr:to>
      <xdr:col>24</xdr:col>
      <xdr:colOff>476250</xdr:colOff>
      <xdr:row>95</xdr:row>
      <xdr:rowOff>28575</xdr:rowOff>
    </xdr:to>
    <xdr:sp macro="" textlink="">
      <xdr:nvSpPr>
        <xdr:cNvPr id="503" name="Text Box 84"/>
        <xdr:cNvSpPr txBox="1">
          <a:spLocks noChangeArrowheads="1"/>
        </xdr:cNvSpPr>
      </xdr:nvSpPr>
      <xdr:spPr bwMode="auto">
        <a:xfrm>
          <a:off x="14325600" y="15001875"/>
          <a:ext cx="1076325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小田原市</a:t>
          </a:r>
          <a:endParaRPr lang="ja-JP" altLang="en-US"/>
        </a:p>
      </xdr:txBody>
    </xdr:sp>
    <xdr:clientData/>
  </xdr:twoCellAnchor>
  <xdr:twoCellAnchor>
    <xdr:from>
      <xdr:col>24</xdr:col>
      <xdr:colOff>419100</xdr:colOff>
      <xdr:row>85</xdr:row>
      <xdr:rowOff>133350</xdr:rowOff>
    </xdr:from>
    <xdr:to>
      <xdr:col>26</xdr:col>
      <xdr:colOff>133350</xdr:colOff>
      <xdr:row>88</xdr:row>
      <xdr:rowOff>9525</xdr:rowOff>
    </xdr:to>
    <xdr:sp macro="" textlink="">
      <xdr:nvSpPr>
        <xdr:cNvPr id="504" name="Text Box 87"/>
        <xdr:cNvSpPr txBox="1">
          <a:spLocks noChangeArrowheads="1"/>
        </xdr:cNvSpPr>
      </xdr:nvSpPr>
      <xdr:spPr bwMode="auto">
        <a:xfrm>
          <a:off x="15344775" y="13925550"/>
          <a:ext cx="933450" cy="33337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中井町</a:t>
          </a:r>
          <a:endParaRPr lang="ja-JP" altLang="en-US"/>
        </a:p>
      </xdr:txBody>
    </xdr:sp>
    <xdr:clientData/>
  </xdr:twoCellAnchor>
  <xdr:twoCellAnchor>
    <xdr:from>
      <xdr:col>25</xdr:col>
      <xdr:colOff>485774</xdr:colOff>
      <xdr:row>88</xdr:row>
      <xdr:rowOff>57150</xdr:rowOff>
    </xdr:from>
    <xdr:to>
      <xdr:col>26</xdr:col>
      <xdr:colOff>180974</xdr:colOff>
      <xdr:row>93</xdr:row>
      <xdr:rowOff>28575</xdr:rowOff>
    </xdr:to>
    <xdr:sp macro="" textlink="">
      <xdr:nvSpPr>
        <xdr:cNvPr id="505" name="Text Box 88"/>
        <xdr:cNvSpPr txBox="1">
          <a:spLocks noChangeArrowheads="1"/>
        </xdr:cNvSpPr>
      </xdr:nvSpPr>
      <xdr:spPr bwMode="auto">
        <a:xfrm>
          <a:off x="16021049" y="14306550"/>
          <a:ext cx="304800" cy="73342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vert="wordArtVertRtl" wrap="square" lIns="27432" tIns="0" rIns="27432" bIns="0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二宮町</a:t>
          </a:r>
          <a:endParaRPr lang="ja-JP" altLang="en-US"/>
        </a:p>
      </xdr:txBody>
    </xdr:sp>
    <xdr:clientData/>
  </xdr:twoCellAnchor>
  <xdr:twoCellAnchor>
    <xdr:from>
      <xdr:col>26</xdr:col>
      <xdr:colOff>66675</xdr:colOff>
      <xdr:row>88</xdr:row>
      <xdr:rowOff>133350</xdr:rowOff>
    </xdr:from>
    <xdr:to>
      <xdr:col>27</xdr:col>
      <xdr:colOff>381000</xdr:colOff>
      <xdr:row>90</xdr:row>
      <xdr:rowOff>76200</xdr:rowOff>
    </xdr:to>
    <xdr:sp macro="" textlink="">
      <xdr:nvSpPr>
        <xdr:cNvPr id="506" name="Text Box 89"/>
        <xdr:cNvSpPr txBox="1">
          <a:spLocks noChangeArrowheads="1"/>
        </xdr:cNvSpPr>
      </xdr:nvSpPr>
      <xdr:spPr bwMode="auto">
        <a:xfrm>
          <a:off x="16211550" y="14382750"/>
          <a:ext cx="923925" cy="24765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大磯町</a:t>
          </a:r>
          <a:endParaRPr lang="ja-JP" altLang="en-US"/>
        </a:p>
      </xdr:txBody>
    </xdr:sp>
    <xdr:clientData/>
  </xdr:twoCellAnchor>
  <xdr:twoCellAnchor>
    <xdr:from>
      <xdr:col>26</xdr:col>
      <xdr:colOff>400050</xdr:colOff>
      <xdr:row>85</xdr:row>
      <xdr:rowOff>85725</xdr:rowOff>
    </xdr:from>
    <xdr:to>
      <xdr:col>28</xdr:col>
      <xdr:colOff>257175</xdr:colOff>
      <xdr:row>87</xdr:row>
      <xdr:rowOff>123825</xdr:rowOff>
    </xdr:to>
    <xdr:sp macro="" textlink="">
      <xdr:nvSpPr>
        <xdr:cNvPr id="507" name="Text Box 90"/>
        <xdr:cNvSpPr txBox="1">
          <a:spLocks noChangeArrowheads="1"/>
        </xdr:cNvSpPr>
      </xdr:nvSpPr>
      <xdr:spPr bwMode="auto">
        <a:xfrm>
          <a:off x="16544925" y="13877925"/>
          <a:ext cx="1076325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平塚市</a:t>
          </a:r>
          <a:endParaRPr lang="ja-JP" altLang="en-US"/>
        </a:p>
      </xdr:txBody>
    </xdr:sp>
    <xdr:clientData/>
  </xdr:twoCellAnchor>
  <xdr:twoCellAnchor>
    <xdr:from>
      <xdr:col>26</xdr:col>
      <xdr:colOff>161925</xdr:colOff>
      <xdr:row>80</xdr:row>
      <xdr:rowOff>9525</xdr:rowOff>
    </xdr:from>
    <xdr:to>
      <xdr:col>28</xdr:col>
      <xdr:colOff>0</xdr:colOff>
      <xdr:row>82</xdr:row>
      <xdr:rowOff>47625</xdr:rowOff>
    </xdr:to>
    <xdr:sp macro="" textlink="">
      <xdr:nvSpPr>
        <xdr:cNvPr id="508" name="Text Box 92"/>
        <xdr:cNvSpPr txBox="1">
          <a:spLocks noChangeArrowheads="1"/>
        </xdr:cNvSpPr>
      </xdr:nvSpPr>
      <xdr:spPr bwMode="auto">
        <a:xfrm>
          <a:off x="16306800" y="13039725"/>
          <a:ext cx="1057275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伊勢原市</a:t>
          </a:r>
          <a:endParaRPr lang="ja-JP" altLang="en-US"/>
        </a:p>
      </xdr:txBody>
    </xdr:sp>
    <xdr:clientData/>
  </xdr:twoCellAnchor>
  <xdr:twoCellAnchor>
    <xdr:from>
      <xdr:col>27</xdr:col>
      <xdr:colOff>0</xdr:colOff>
      <xdr:row>75</xdr:row>
      <xdr:rowOff>0</xdr:rowOff>
    </xdr:from>
    <xdr:to>
      <xdr:col>28</xdr:col>
      <xdr:colOff>180975</xdr:colOff>
      <xdr:row>78</xdr:row>
      <xdr:rowOff>0</xdr:rowOff>
    </xdr:to>
    <xdr:sp macro="" textlink="">
      <xdr:nvSpPr>
        <xdr:cNvPr id="509" name="Text Box 93"/>
        <xdr:cNvSpPr txBox="1">
          <a:spLocks noChangeArrowheads="1"/>
        </xdr:cNvSpPr>
      </xdr:nvSpPr>
      <xdr:spPr bwMode="auto">
        <a:xfrm>
          <a:off x="16754475" y="12268200"/>
          <a:ext cx="790575" cy="4572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厚木市</a:t>
          </a:r>
          <a:endParaRPr lang="ja-JP" altLang="en-US"/>
        </a:p>
      </xdr:txBody>
    </xdr:sp>
    <xdr:clientData/>
  </xdr:twoCellAnchor>
  <xdr:twoCellAnchor>
    <xdr:from>
      <xdr:col>28</xdr:col>
      <xdr:colOff>276225</xdr:colOff>
      <xdr:row>74</xdr:row>
      <xdr:rowOff>47625</xdr:rowOff>
    </xdr:from>
    <xdr:to>
      <xdr:col>28</xdr:col>
      <xdr:colOff>600075</xdr:colOff>
      <xdr:row>82</xdr:row>
      <xdr:rowOff>114301</xdr:rowOff>
    </xdr:to>
    <xdr:sp macro="" textlink="">
      <xdr:nvSpPr>
        <xdr:cNvPr id="510" name="Text Box 95"/>
        <xdr:cNvSpPr txBox="1">
          <a:spLocks noChangeArrowheads="1"/>
        </xdr:cNvSpPr>
      </xdr:nvSpPr>
      <xdr:spPr bwMode="auto">
        <a:xfrm>
          <a:off x="17640300" y="12163425"/>
          <a:ext cx="323850" cy="1285876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vert="wordArtVertRtl" wrap="square" lIns="27432" tIns="0" rIns="27432" bIns="0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海老名市</a:t>
          </a:r>
          <a:endParaRPr lang="ja-JP" altLang="en-US"/>
        </a:p>
      </xdr:txBody>
    </xdr:sp>
    <xdr:clientData/>
  </xdr:twoCellAnchor>
  <xdr:twoCellAnchor>
    <xdr:from>
      <xdr:col>28</xdr:col>
      <xdr:colOff>228600</xdr:colOff>
      <xdr:row>81</xdr:row>
      <xdr:rowOff>0</xdr:rowOff>
    </xdr:from>
    <xdr:to>
      <xdr:col>28</xdr:col>
      <xdr:colOff>542925</xdr:colOff>
      <xdr:row>86</xdr:row>
      <xdr:rowOff>114300</xdr:rowOff>
    </xdr:to>
    <xdr:sp macro="" textlink="">
      <xdr:nvSpPr>
        <xdr:cNvPr id="511" name="Text Box 96"/>
        <xdr:cNvSpPr txBox="1">
          <a:spLocks noChangeArrowheads="1"/>
        </xdr:cNvSpPr>
      </xdr:nvSpPr>
      <xdr:spPr bwMode="auto">
        <a:xfrm>
          <a:off x="17592675" y="13173075"/>
          <a:ext cx="314325" cy="88582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vert="wordArtVertRtl" wrap="square" lIns="27432" tIns="0" rIns="27432" bIns="0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寒川町</a:t>
          </a:r>
          <a:endParaRPr lang="ja-JP" altLang="en-US"/>
        </a:p>
      </xdr:txBody>
    </xdr:sp>
    <xdr:clientData/>
  </xdr:twoCellAnchor>
  <xdr:twoCellAnchor>
    <xdr:from>
      <xdr:col>28</xdr:col>
      <xdr:colOff>133350</xdr:colOff>
      <xdr:row>86</xdr:row>
      <xdr:rowOff>76200</xdr:rowOff>
    </xdr:from>
    <xdr:to>
      <xdr:col>29</xdr:col>
      <xdr:colOff>590550</xdr:colOff>
      <xdr:row>88</xdr:row>
      <xdr:rowOff>114300</xdr:rowOff>
    </xdr:to>
    <xdr:sp macro="" textlink="">
      <xdr:nvSpPr>
        <xdr:cNvPr id="512" name="Text Box 97"/>
        <xdr:cNvSpPr txBox="1">
          <a:spLocks noChangeArrowheads="1"/>
        </xdr:cNvSpPr>
      </xdr:nvSpPr>
      <xdr:spPr bwMode="auto">
        <a:xfrm>
          <a:off x="17497425" y="14020800"/>
          <a:ext cx="1066800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茅ヶ崎市</a:t>
          </a:r>
          <a:endParaRPr lang="ja-JP" altLang="en-US"/>
        </a:p>
      </xdr:txBody>
    </xdr:sp>
    <xdr:clientData/>
  </xdr:twoCellAnchor>
  <xdr:twoCellAnchor>
    <xdr:from>
      <xdr:col>29</xdr:col>
      <xdr:colOff>542925</xdr:colOff>
      <xdr:row>80</xdr:row>
      <xdr:rowOff>133350</xdr:rowOff>
    </xdr:from>
    <xdr:to>
      <xdr:col>30</xdr:col>
      <xdr:colOff>247650</xdr:colOff>
      <xdr:row>87</xdr:row>
      <xdr:rowOff>104775</xdr:rowOff>
    </xdr:to>
    <xdr:sp macro="" textlink="">
      <xdr:nvSpPr>
        <xdr:cNvPr id="513" name="Text Box 98"/>
        <xdr:cNvSpPr txBox="1">
          <a:spLocks noChangeArrowheads="1"/>
        </xdr:cNvSpPr>
      </xdr:nvSpPr>
      <xdr:spPr bwMode="auto">
        <a:xfrm>
          <a:off x="18516600" y="13163550"/>
          <a:ext cx="314325" cy="103822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vert="wordArtVertRtl" wrap="square" lIns="27432" tIns="0" rIns="27432" bIns="0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藤沢市</a:t>
          </a:r>
          <a:endParaRPr lang="ja-JP" altLang="en-US"/>
        </a:p>
      </xdr:txBody>
    </xdr:sp>
    <xdr:clientData/>
  </xdr:twoCellAnchor>
  <xdr:twoCellAnchor>
    <xdr:from>
      <xdr:col>30</xdr:col>
      <xdr:colOff>381000</xdr:colOff>
      <xdr:row>87</xdr:row>
      <xdr:rowOff>123825</xdr:rowOff>
    </xdr:from>
    <xdr:to>
      <xdr:col>32</xdr:col>
      <xdr:colOff>228600</xdr:colOff>
      <xdr:row>90</xdr:row>
      <xdr:rowOff>9525</xdr:rowOff>
    </xdr:to>
    <xdr:sp macro="" textlink="">
      <xdr:nvSpPr>
        <xdr:cNvPr id="514" name="Text Box 99"/>
        <xdr:cNvSpPr txBox="1">
          <a:spLocks noChangeArrowheads="1"/>
        </xdr:cNvSpPr>
      </xdr:nvSpPr>
      <xdr:spPr bwMode="auto">
        <a:xfrm>
          <a:off x="18964275" y="14220825"/>
          <a:ext cx="1066800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鎌倉市</a:t>
          </a:r>
          <a:endParaRPr lang="ja-JP" altLang="en-US"/>
        </a:p>
      </xdr:txBody>
    </xdr:sp>
    <xdr:clientData/>
  </xdr:twoCellAnchor>
  <xdr:twoCellAnchor>
    <xdr:from>
      <xdr:col>31</xdr:col>
      <xdr:colOff>333375</xdr:colOff>
      <xdr:row>89</xdr:row>
      <xdr:rowOff>114300</xdr:rowOff>
    </xdr:from>
    <xdr:to>
      <xdr:col>33</xdr:col>
      <xdr:colOff>190500</xdr:colOff>
      <xdr:row>92</xdr:row>
      <xdr:rowOff>0</xdr:rowOff>
    </xdr:to>
    <xdr:sp macro="" textlink="">
      <xdr:nvSpPr>
        <xdr:cNvPr id="515" name="Text Box 100"/>
        <xdr:cNvSpPr txBox="1">
          <a:spLocks noChangeArrowheads="1"/>
        </xdr:cNvSpPr>
      </xdr:nvSpPr>
      <xdr:spPr bwMode="auto">
        <a:xfrm>
          <a:off x="19526250" y="14516100"/>
          <a:ext cx="1076325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逗子市</a:t>
          </a:r>
          <a:endParaRPr lang="ja-JP" altLang="en-US"/>
        </a:p>
      </xdr:txBody>
    </xdr:sp>
    <xdr:clientData/>
  </xdr:twoCellAnchor>
  <xdr:twoCellAnchor>
    <xdr:from>
      <xdr:col>31</xdr:col>
      <xdr:colOff>504825</xdr:colOff>
      <xdr:row>92</xdr:row>
      <xdr:rowOff>114300</xdr:rowOff>
    </xdr:from>
    <xdr:to>
      <xdr:col>33</xdr:col>
      <xdr:colOff>361950</xdr:colOff>
      <xdr:row>95</xdr:row>
      <xdr:rowOff>0</xdr:rowOff>
    </xdr:to>
    <xdr:sp macro="" textlink="">
      <xdr:nvSpPr>
        <xdr:cNvPr id="516" name="Text Box 101"/>
        <xdr:cNvSpPr txBox="1">
          <a:spLocks noChangeArrowheads="1"/>
        </xdr:cNvSpPr>
      </xdr:nvSpPr>
      <xdr:spPr bwMode="auto">
        <a:xfrm>
          <a:off x="19697700" y="14973300"/>
          <a:ext cx="1076325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葉山町</a:t>
          </a:r>
          <a:endParaRPr lang="ja-JP" altLang="en-US"/>
        </a:p>
      </xdr:txBody>
    </xdr:sp>
    <xdr:clientData/>
  </xdr:twoCellAnchor>
  <xdr:twoCellAnchor>
    <xdr:from>
      <xdr:col>33</xdr:col>
      <xdr:colOff>19051</xdr:colOff>
      <xdr:row>95</xdr:row>
      <xdr:rowOff>76200</xdr:rowOff>
    </xdr:from>
    <xdr:to>
      <xdr:col>34</xdr:col>
      <xdr:colOff>485776</xdr:colOff>
      <xdr:row>97</xdr:row>
      <xdr:rowOff>114300</xdr:rowOff>
    </xdr:to>
    <xdr:sp macro="" textlink="">
      <xdr:nvSpPr>
        <xdr:cNvPr id="517" name="Text Box 102"/>
        <xdr:cNvSpPr txBox="1">
          <a:spLocks noChangeArrowheads="1"/>
        </xdr:cNvSpPr>
      </xdr:nvSpPr>
      <xdr:spPr bwMode="auto">
        <a:xfrm>
          <a:off x="20431126" y="15392400"/>
          <a:ext cx="1076325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横須賀市</a:t>
          </a:r>
          <a:endParaRPr lang="ja-JP" altLang="en-US"/>
        </a:p>
      </xdr:txBody>
    </xdr:sp>
    <xdr:clientData/>
  </xdr:twoCellAnchor>
  <xdr:twoCellAnchor>
    <xdr:from>
      <xdr:col>33</xdr:col>
      <xdr:colOff>114300</xdr:colOff>
      <xdr:row>99</xdr:row>
      <xdr:rowOff>38100</xdr:rowOff>
    </xdr:from>
    <xdr:to>
      <xdr:col>33</xdr:col>
      <xdr:colOff>438150</xdr:colOff>
      <xdr:row>105</xdr:row>
      <xdr:rowOff>123825</xdr:rowOff>
    </xdr:to>
    <xdr:sp macro="" textlink="">
      <xdr:nvSpPr>
        <xdr:cNvPr id="518" name="Text Box 103"/>
        <xdr:cNvSpPr txBox="1">
          <a:spLocks noChangeArrowheads="1"/>
        </xdr:cNvSpPr>
      </xdr:nvSpPr>
      <xdr:spPr bwMode="auto">
        <a:xfrm>
          <a:off x="20526375" y="15963900"/>
          <a:ext cx="323850" cy="100012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vert="wordArtVertRtl" wrap="square" lIns="27432" tIns="0" rIns="27432" bIns="0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三浦市</a:t>
          </a:r>
          <a:endParaRPr lang="ja-JP" altLang="en-US"/>
        </a:p>
      </xdr:txBody>
    </xdr:sp>
    <xdr:clientData/>
  </xdr:twoCellAnchor>
  <xdr:twoCellAnchor>
    <xdr:from>
      <xdr:col>31</xdr:col>
      <xdr:colOff>390525</xdr:colOff>
      <xdr:row>75</xdr:row>
      <xdr:rowOff>28574</xdr:rowOff>
    </xdr:from>
    <xdr:to>
      <xdr:col>33</xdr:col>
      <xdr:colOff>247650</xdr:colOff>
      <xdr:row>77</xdr:row>
      <xdr:rowOff>66674</xdr:rowOff>
    </xdr:to>
    <xdr:sp macro="" textlink="">
      <xdr:nvSpPr>
        <xdr:cNvPr id="519" name="Text Box 104"/>
        <xdr:cNvSpPr txBox="1">
          <a:spLocks noChangeArrowheads="1"/>
        </xdr:cNvSpPr>
      </xdr:nvSpPr>
      <xdr:spPr bwMode="auto">
        <a:xfrm>
          <a:off x="19583400" y="12296774"/>
          <a:ext cx="1076325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横浜市</a:t>
          </a:r>
          <a:endParaRPr lang="ja-JP" altLang="en-US"/>
        </a:p>
      </xdr:txBody>
    </xdr:sp>
    <xdr:clientData/>
  </xdr:twoCellAnchor>
  <xdr:twoCellAnchor>
    <xdr:from>
      <xdr:col>31</xdr:col>
      <xdr:colOff>581025</xdr:colOff>
      <xdr:row>63</xdr:row>
      <xdr:rowOff>95250</xdr:rowOff>
    </xdr:from>
    <xdr:to>
      <xdr:col>33</xdr:col>
      <xdr:colOff>447675</xdr:colOff>
      <xdr:row>65</xdr:row>
      <xdr:rowOff>133350</xdr:rowOff>
    </xdr:to>
    <xdr:sp macro="" textlink="">
      <xdr:nvSpPr>
        <xdr:cNvPr id="520" name="Text Box 105"/>
        <xdr:cNvSpPr txBox="1">
          <a:spLocks noChangeArrowheads="1"/>
        </xdr:cNvSpPr>
      </xdr:nvSpPr>
      <xdr:spPr bwMode="auto">
        <a:xfrm>
          <a:off x="19773900" y="10534650"/>
          <a:ext cx="1085850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川崎市</a:t>
          </a:r>
          <a:endParaRPr lang="ja-JP" altLang="en-US"/>
        </a:p>
      </xdr:txBody>
    </xdr:sp>
    <xdr:clientData/>
  </xdr:twoCellAnchor>
  <xdr:twoCellAnchor>
    <xdr:from>
      <xdr:col>24</xdr:col>
      <xdr:colOff>247650</xdr:colOff>
      <xdr:row>65</xdr:row>
      <xdr:rowOff>0</xdr:rowOff>
    </xdr:from>
    <xdr:to>
      <xdr:col>26</xdr:col>
      <xdr:colOff>114300</xdr:colOff>
      <xdr:row>67</xdr:row>
      <xdr:rowOff>38100</xdr:rowOff>
    </xdr:to>
    <xdr:sp macro="" textlink="">
      <xdr:nvSpPr>
        <xdr:cNvPr id="521" name="Text Box 106"/>
        <xdr:cNvSpPr txBox="1">
          <a:spLocks noChangeArrowheads="1"/>
        </xdr:cNvSpPr>
      </xdr:nvSpPr>
      <xdr:spPr bwMode="auto">
        <a:xfrm>
          <a:off x="15173325" y="10744200"/>
          <a:ext cx="1085850" cy="34290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相模原市</a:t>
          </a:r>
          <a:endParaRPr lang="ja-JP" altLang="en-US"/>
        </a:p>
      </xdr:txBody>
    </xdr:sp>
    <xdr:clientData/>
  </xdr:twoCellAnchor>
  <xdr:twoCellAnchor>
    <xdr:from>
      <xdr:col>24</xdr:col>
      <xdr:colOff>457200</xdr:colOff>
      <xdr:row>73</xdr:row>
      <xdr:rowOff>28575</xdr:rowOff>
    </xdr:from>
    <xdr:to>
      <xdr:col>26</xdr:col>
      <xdr:colOff>180975</xdr:colOff>
      <xdr:row>75</xdr:row>
      <xdr:rowOff>57150</xdr:rowOff>
    </xdr:to>
    <xdr:sp macro="" textlink="">
      <xdr:nvSpPr>
        <xdr:cNvPr id="522" name="Text Box 107"/>
        <xdr:cNvSpPr txBox="1">
          <a:spLocks noChangeArrowheads="1"/>
        </xdr:cNvSpPr>
      </xdr:nvSpPr>
      <xdr:spPr bwMode="auto">
        <a:xfrm>
          <a:off x="15382875" y="11991975"/>
          <a:ext cx="942975" cy="33337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清川村</a:t>
          </a:r>
          <a:endParaRPr lang="ja-JP" altLang="en-US"/>
        </a:p>
      </xdr:txBody>
    </xdr:sp>
    <xdr:clientData/>
  </xdr:twoCellAnchor>
  <xdr:twoCellAnchor>
    <xdr:from>
      <xdr:col>26</xdr:col>
      <xdr:colOff>76200</xdr:colOff>
      <xdr:row>68</xdr:row>
      <xdr:rowOff>85725</xdr:rowOff>
    </xdr:from>
    <xdr:to>
      <xdr:col>27</xdr:col>
      <xdr:colOff>400050</xdr:colOff>
      <xdr:row>70</xdr:row>
      <xdr:rowOff>114300</xdr:rowOff>
    </xdr:to>
    <xdr:sp macro="" textlink="">
      <xdr:nvSpPr>
        <xdr:cNvPr id="523" name="Text Box 108"/>
        <xdr:cNvSpPr txBox="1">
          <a:spLocks noChangeArrowheads="1"/>
        </xdr:cNvSpPr>
      </xdr:nvSpPr>
      <xdr:spPr bwMode="auto">
        <a:xfrm>
          <a:off x="16221075" y="11287125"/>
          <a:ext cx="933450" cy="33337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愛川町</a:t>
          </a:r>
          <a:endParaRPr lang="ja-JP" altLang="en-US"/>
        </a:p>
      </xdr:txBody>
    </xdr:sp>
    <xdr:clientData/>
  </xdr:twoCellAnchor>
  <xdr:twoCellAnchor>
    <xdr:from>
      <xdr:col>28</xdr:col>
      <xdr:colOff>123825</xdr:colOff>
      <xdr:row>73</xdr:row>
      <xdr:rowOff>0</xdr:rowOff>
    </xdr:from>
    <xdr:to>
      <xdr:col>29</xdr:col>
      <xdr:colOff>447675</xdr:colOff>
      <xdr:row>75</xdr:row>
      <xdr:rowOff>19050</xdr:rowOff>
    </xdr:to>
    <xdr:sp macro="" textlink="">
      <xdr:nvSpPr>
        <xdr:cNvPr id="524" name="Text Box 109"/>
        <xdr:cNvSpPr txBox="1">
          <a:spLocks noChangeArrowheads="1"/>
        </xdr:cNvSpPr>
      </xdr:nvSpPr>
      <xdr:spPr bwMode="auto">
        <a:xfrm>
          <a:off x="17487900" y="11953875"/>
          <a:ext cx="933450" cy="33337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座間市</a:t>
          </a:r>
          <a:endParaRPr lang="ja-JP" altLang="en-US"/>
        </a:p>
      </xdr:txBody>
    </xdr:sp>
    <xdr:clientData/>
  </xdr:twoCellAnchor>
  <xdr:twoCellAnchor>
    <xdr:from>
      <xdr:col>29</xdr:col>
      <xdr:colOff>152400</xdr:colOff>
      <xdr:row>75</xdr:row>
      <xdr:rowOff>28575</xdr:rowOff>
    </xdr:from>
    <xdr:to>
      <xdr:col>29</xdr:col>
      <xdr:colOff>466725</xdr:colOff>
      <xdr:row>80</xdr:row>
      <xdr:rowOff>9525</xdr:rowOff>
    </xdr:to>
    <xdr:sp macro="" textlink="">
      <xdr:nvSpPr>
        <xdr:cNvPr id="525" name="Text Box 110"/>
        <xdr:cNvSpPr txBox="1">
          <a:spLocks noChangeArrowheads="1"/>
        </xdr:cNvSpPr>
      </xdr:nvSpPr>
      <xdr:spPr bwMode="auto">
        <a:xfrm>
          <a:off x="18126075" y="12296775"/>
          <a:ext cx="314325" cy="74295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vert="wordArtVertRtl" wrap="square" lIns="27432" tIns="0" rIns="27432" bIns="0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綾瀬市</a:t>
          </a:r>
          <a:endParaRPr lang="ja-JP" altLang="en-US"/>
        </a:p>
      </xdr:txBody>
    </xdr:sp>
    <xdr:clientData/>
  </xdr:twoCellAnchor>
  <xdr:twoCellAnchor>
    <xdr:from>
      <xdr:col>29</xdr:col>
      <xdr:colOff>428625</xdr:colOff>
      <xdr:row>70</xdr:row>
      <xdr:rowOff>133350</xdr:rowOff>
    </xdr:from>
    <xdr:to>
      <xdr:col>30</xdr:col>
      <xdr:colOff>161925</xdr:colOff>
      <xdr:row>76</xdr:row>
      <xdr:rowOff>0</xdr:rowOff>
    </xdr:to>
    <xdr:sp macro="" textlink="">
      <xdr:nvSpPr>
        <xdr:cNvPr id="526" name="Text Box 111"/>
        <xdr:cNvSpPr txBox="1">
          <a:spLocks noChangeArrowheads="1"/>
        </xdr:cNvSpPr>
      </xdr:nvSpPr>
      <xdr:spPr bwMode="auto">
        <a:xfrm>
          <a:off x="18402300" y="11639550"/>
          <a:ext cx="342900" cy="781050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vert="wordArtVertRtl" wrap="square" lIns="27432" tIns="0" rIns="27432" bIns="0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大和市</a:t>
          </a:r>
          <a:endParaRPr lang="ja-JP" altLang="en-US"/>
        </a:p>
      </xdr:txBody>
    </xdr:sp>
    <xdr:clientData/>
  </xdr:twoCellAnchor>
  <xdr:twoCellAnchor>
    <xdr:from>
      <xdr:col>23</xdr:col>
      <xdr:colOff>523875</xdr:colOff>
      <xdr:row>86</xdr:row>
      <xdr:rowOff>104775</xdr:rowOff>
    </xdr:from>
    <xdr:to>
      <xdr:col>25</xdr:col>
      <xdr:colOff>19050</xdr:colOff>
      <xdr:row>88</xdr:row>
      <xdr:rowOff>114300</xdr:rowOff>
    </xdr:to>
    <xdr:sp macro="" textlink="">
      <xdr:nvSpPr>
        <xdr:cNvPr id="527" name="Text Box 86"/>
        <xdr:cNvSpPr txBox="1">
          <a:spLocks noChangeArrowheads="1"/>
        </xdr:cNvSpPr>
      </xdr:nvSpPr>
      <xdr:spPr bwMode="auto">
        <a:xfrm>
          <a:off x="14839950" y="14049375"/>
          <a:ext cx="714375" cy="314325"/>
        </a:xfrm>
        <a:prstGeom prst="rect">
          <a:avLst/>
        </a:prstGeom>
        <a:noFill/>
        <a:ln>
          <a:noFill/>
        </a:ln>
        <a:effectLst/>
        <a:extLst/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大井町</a:t>
          </a:r>
          <a:endParaRPr lang="ja-JP" altLang="en-US"/>
        </a:p>
      </xdr:txBody>
    </xdr:sp>
    <xdr:clientData/>
  </xdr:twoCellAnchor>
  <xdr:twoCellAnchor>
    <xdr:from>
      <xdr:col>23</xdr:col>
      <xdr:colOff>600075</xdr:colOff>
      <xdr:row>104</xdr:row>
      <xdr:rowOff>0</xdr:rowOff>
    </xdr:from>
    <xdr:to>
      <xdr:col>24</xdr:col>
      <xdr:colOff>552450</xdr:colOff>
      <xdr:row>105</xdr:row>
      <xdr:rowOff>38100</xdr:rowOff>
    </xdr:to>
    <xdr:sp macro="" textlink="">
      <xdr:nvSpPr>
        <xdr:cNvPr id="149565" name="Line 83"/>
        <xdr:cNvSpPr>
          <a:spLocks noChangeShapeType="1"/>
        </xdr:cNvSpPr>
      </xdr:nvSpPr>
      <xdr:spPr bwMode="auto">
        <a:xfrm>
          <a:off x="14916150" y="16687800"/>
          <a:ext cx="5619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3</xdr:col>
      <xdr:colOff>419100</xdr:colOff>
      <xdr:row>87</xdr:row>
      <xdr:rowOff>114300</xdr:rowOff>
    </xdr:from>
    <xdr:to>
      <xdr:col>25</xdr:col>
      <xdr:colOff>114300</xdr:colOff>
      <xdr:row>94</xdr:row>
      <xdr:rowOff>133350</xdr:rowOff>
    </xdr:to>
    <xdr:sp macro="" textlink="">
      <xdr:nvSpPr>
        <xdr:cNvPr id="149566" name="Line 85"/>
        <xdr:cNvSpPr>
          <a:spLocks noChangeShapeType="1"/>
        </xdr:cNvSpPr>
      </xdr:nvSpPr>
      <xdr:spPr bwMode="auto">
        <a:xfrm>
          <a:off x="14735175" y="14211300"/>
          <a:ext cx="914400" cy="10858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114300</xdr:colOff>
      <xdr:row>67</xdr:row>
      <xdr:rowOff>76200</xdr:rowOff>
    </xdr:from>
    <xdr:to>
      <xdr:col>26</xdr:col>
      <xdr:colOff>190500</xdr:colOff>
      <xdr:row>73</xdr:row>
      <xdr:rowOff>28575</xdr:rowOff>
    </xdr:to>
    <xdr:sp macro="" textlink="">
      <xdr:nvSpPr>
        <xdr:cNvPr id="149567" name="Freeform 64"/>
        <xdr:cNvSpPr>
          <a:spLocks/>
        </xdr:cNvSpPr>
      </xdr:nvSpPr>
      <xdr:spPr bwMode="auto">
        <a:xfrm>
          <a:off x="15649575" y="11125200"/>
          <a:ext cx="685800" cy="866775"/>
        </a:xfrm>
        <a:custGeom>
          <a:avLst/>
          <a:gdLst>
            <a:gd name="T0" fmla="*/ 0 w 1589"/>
            <a:gd name="T1" fmla="*/ 0 h 2074"/>
            <a:gd name="T2" fmla="*/ 0 w 1589"/>
            <a:gd name="T3" fmla="*/ 0 h 2074"/>
            <a:gd name="T4" fmla="*/ 0 w 1589"/>
            <a:gd name="T5" fmla="*/ 0 h 2074"/>
            <a:gd name="T6" fmla="*/ 0 w 1589"/>
            <a:gd name="T7" fmla="*/ 0 h 2074"/>
            <a:gd name="T8" fmla="*/ 0 w 1589"/>
            <a:gd name="T9" fmla="*/ 0 h 2074"/>
            <a:gd name="T10" fmla="*/ 0 w 1589"/>
            <a:gd name="T11" fmla="*/ 0 h 2074"/>
            <a:gd name="T12" fmla="*/ 0 w 1589"/>
            <a:gd name="T13" fmla="*/ 0 h 2074"/>
            <a:gd name="T14" fmla="*/ 0 w 1589"/>
            <a:gd name="T15" fmla="*/ 0 h 2074"/>
            <a:gd name="T16" fmla="*/ 0 w 1589"/>
            <a:gd name="T17" fmla="*/ 0 h 2074"/>
            <a:gd name="T18" fmla="*/ 0 w 1589"/>
            <a:gd name="T19" fmla="*/ 0 h 2074"/>
            <a:gd name="T20" fmla="*/ 0 w 1589"/>
            <a:gd name="T21" fmla="*/ 0 h 2074"/>
            <a:gd name="T22" fmla="*/ 0 w 1589"/>
            <a:gd name="T23" fmla="*/ 0 h 2074"/>
            <a:gd name="T24" fmla="*/ 0 w 1589"/>
            <a:gd name="T25" fmla="*/ 0 h 2074"/>
            <a:gd name="T26" fmla="*/ 0 w 1589"/>
            <a:gd name="T27" fmla="*/ 0 h 2074"/>
            <a:gd name="T28" fmla="*/ 0 w 1589"/>
            <a:gd name="T29" fmla="*/ 0 h 2074"/>
            <a:gd name="T30" fmla="*/ 0 w 1589"/>
            <a:gd name="T31" fmla="*/ 0 h 2074"/>
            <a:gd name="T32" fmla="*/ 0 w 1589"/>
            <a:gd name="T33" fmla="*/ 0 h 2074"/>
            <a:gd name="T34" fmla="*/ 0 w 1589"/>
            <a:gd name="T35" fmla="*/ 0 h 2074"/>
            <a:gd name="T36" fmla="*/ 0 w 1589"/>
            <a:gd name="T37" fmla="*/ 0 h 2074"/>
            <a:gd name="T38" fmla="*/ 0 w 1589"/>
            <a:gd name="T39" fmla="*/ 0 h 2074"/>
            <a:gd name="T40" fmla="*/ 0 w 1589"/>
            <a:gd name="T41" fmla="*/ 0 h 2074"/>
            <a:gd name="T42" fmla="*/ 0 w 1589"/>
            <a:gd name="T43" fmla="*/ 0 h 2074"/>
            <a:gd name="T44" fmla="*/ 0 w 1589"/>
            <a:gd name="T45" fmla="*/ 0 h 2074"/>
            <a:gd name="T46" fmla="*/ 0 w 1589"/>
            <a:gd name="T47" fmla="*/ 0 h 2074"/>
            <a:gd name="T48" fmla="*/ 0 w 1589"/>
            <a:gd name="T49" fmla="*/ 0 h 2074"/>
            <a:gd name="T50" fmla="*/ 0 w 1589"/>
            <a:gd name="T51" fmla="*/ 0 h 2074"/>
            <a:gd name="T52" fmla="*/ 0 w 1589"/>
            <a:gd name="T53" fmla="*/ 0 h 2074"/>
            <a:gd name="T54" fmla="*/ 0 w 1589"/>
            <a:gd name="T55" fmla="*/ 0 h 2074"/>
            <a:gd name="T56" fmla="*/ 0 w 1589"/>
            <a:gd name="T57" fmla="*/ 0 h 2074"/>
            <a:gd name="T58" fmla="*/ 0 w 1589"/>
            <a:gd name="T59" fmla="*/ 0 h 2074"/>
            <a:gd name="T60" fmla="*/ 0 w 1589"/>
            <a:gd name="T61" fmla="*/ 0 h 2074"/>
            <a:gd name="T62" fmla="*/ 0 w 1589"/>
            <a:gd name="T63" fmla="*/ 0 h 2074"/>
            <a:gd name="T64" fmla="*/ 0 w 1589"/>
            <a:gd name="T65" fmla="*/ 0 h 2074"/>
            <a:gd name="T66" fmla="*/ 0 w 1589"/>
            <a:gd name="T67" fmla="*/ 0 h 2074"/>
            <a:gd name="T68" fmla="*/ 0 w 1589"/>
            <a:gd name="T69" fmla="*/ 0 h 2074"/>
            <a:gd name="T70" fmla="*/ 0 w 1589"/>
            <a:gd name="T71" fmla="*/ 0 h 2074"/>
            <a:gd name="T72" fmla="*/ 0 w 1589"/>
            <a:gd name="T73" fmla="*/ 0 h 2074"/>
            <a:gd name="T74" fmla="*/ 0 w 1589"/>
            <a:gd name="T75" fmla="*/ 0 h 2074"/>
            <a:gd name="T76" fmla="*/ 0 w 1589"/>
            <a:gd name="T77" fmla="*/ 0 h 2074"/>
            <a:gd name="T78" fmla="*/ 0 w 1589"/>
            <a:gd name="T79" fmla="*/ 0 h 2074"/>
            <a:gd name="T80" fmla="*/ 0 w 1589"/>
            <a:gd name="T81" fmla="*/ 0 h 2074"/>
            <a:gd name="T82" fmla="*/ 0 w 1589"/>
            <a:gd name="T83" fmla="*/ 0 h 2074"/>
            <a:gd name="T84" fmla="*/ 0 w 1589"/>
            <a:gd name="T85" fmla="*/ 0 h 2074"/>
            <a:gd name="T86" fmla="*/ 0 w 1589"/>
            <a:gd name="T87" fmla="*/ 0 h 2074"/>
            <a:gd name="T88" fmla="*/ 0 w 1589"/>
            <a:gd name="T89" fmla="*/ 0 h 2074"/>
            <a:gd name="T90" fmla="*/ 0 w 1589"/>
            <a:gd name="T91" fmla="*/ 0 h 2074"/>
            <a:gd name="T92" fmla="*/ 0 w 1589"/>
            <a:gd name="T93" fmla="*/ 0 h 2074"/>
            <a:gd name="T94" fmla="*/ 0 w 1589"/>
            <a:gd name="T95" fmla="*/ 0 h 2074"/>
            <a:gd name="T96" fmla="*/ 0 w 1589"/>
            <a:gd name="T97" fmla="*/ 0 h 2074"/>
            <a:gd name="T98" fmla="*/ 0 w 1589"/>
            <a:gd name="T99" fmla="*/ 0 h 2074"/>
            <a:gd name="T100" fmla="*/ 0 w 1589"/>
            <a:gd name="T101" fmla="*/ 0 h 2074"/>
            <a:gd name="T102" fmla="*/ 0 w 1589"/>
            <a:gd name="T103" fmla="*/ 0 h 2074"/>
            <a:gd name="T104" fmla="*/ 0 w 1589"/>
            <a:gd name="T105" fmla="*/ 0 h 2074"/>
            <a:gd name="T106" fmla="*/ 0 w 1589"/>
            <a:gd name="T107" fmla="*/ 0 h 2074"/>
            <a:gd name="T108" fmla="*/ 0 w 1589"/>
            <a:gd name="T109" fmla="*/ 0 h 2074"/>
            <a:gd name="T110" fmla="*/ 0 w 1589"/>
            <a:gd name="T111" fmla="*/ 0 h 2074"/>
            <a:gd name="T112" fmla="*/ 0 w 1589"/>
            <a:gd name="T113" fmla="*/ 0 h 2074"/>
            <a:gd name="T114" fmla="*/ 0 w 1589"/>
            <a:gd name="T115" fmla="*/ 0 h 2074"/>
            <a:gd name="T116" fmla="*/ 0 w 1589"/>
            <a:gd name="T117" fmla="*/ 0 h 2074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w 1589"/>
            <a:gd name="T178" fmla="*/ 0 h 2074"/>
            <a:gd name="T179" fmla="*/ 1589 w 1589"/>
            <a:gd name="T180" fmla="*/ 2074 h 2074"/>
          </a:gdLst>
          <a:ahLst/>
          <a:cxnLst>
            <a:cxn ang="T118">
              <a:pos x="T0" y="T1"/>
            </a:cxn>
            <a:cxn ang="T119">
              <a:pos x="T2" y="T3"/>
            </a:cxn>
            <a:cxn ang="T120">
              <a:pos x="T4" y="T5"/>
            </a:cxn>
            <a:cxn ang="T121">
              <a:pos x="T6" y="T7"/>
            </a:cxn>
            <a:cxn ang="T122">
              <a:pos x="T8" y="T9"/>
            </a:cxn>
            <a:cxn ang="T123">
              <a:pos x="T10" y="T11"/>
            </a:cxn>
            <a:cxn ang="T124">
              <a:pos x="T12" y="T13"/>
            </a:cxn>
            <a:cxn ang="T125">
              <a:pos x="T14" y="T15"/>
            </a:cxn>
            <a:cxn ang="T126">
              <a:pos x="T16" y="T17"/>
            </a:cxn>
            <a:cxn ang="T127">
              <a:pos x="T18" y="T19"/>
            </a:cxn>
            <a:cxn ang="T128">
              <a:pos x="T20" y="T21"/>
            </a:cxn>
            <a:cxn ang="T129">
              <a:pos x="T22" y="T23"/>
            </a:cxn>
            <a:cxn ang="T130">
              <a:pos x="T24" y="T25"/>
            </a:cxn>
            <a:cxn ang="T131">
              <a:pos x="T26" y="T27"/>
            </a:cxn>
            <a:cxn ang="T132">
              <a:pos x="T28" y="T29"/>
            </a:cxn>
            <a:cxn ang="T133">
              <a:pos x="T30" y="T31"/>
            </a:cxn>
            <a:cxn ang="T134">
              <a:pos x="T32" y="T33"/>
            </a:cxn>
            <a:cxn ang="T135">
              <a:pos x="T34" y="T35"/>
            </a:cxn>
            <a:cxn ang="T136">
              <a:pos x="T36" y="T37"/>
            </a:cxn>
            <a:cxn ang="T137">
              <a:pos x="T38" y="T39"/>
            </a:cxn>
            <a:cxn ang="T138">
              <a:pos x="T40" y="T41"/>
            </a:cxn>
            <a:cxn ang="T139">
              <a:pos x="T42" y="T43"/>
            </a:cxn>
            <a:cxn ang="T140">
              <a:pos x="T44" y="T45"/>
            </a:cxn>
            <a:cxn ang="T141">
              <a:pos x="T46" y="T47"/>
            </a:cxn>
            <a:cxn ang="T142">
              <a:pos x="T48" y="T49"/>
            </a:cxn>
            <a:cxn ang="T143">
              <a:pos x="T50" y="T51"/>
            </a:cxn>
            <a:cxn ang="T144">
              <a:pos x="T52" y="T53"/>
            </a:cxn>
            <a:cxn ang="T145">
              <a:pos x="T54" y="T55"/>
            </a:cxn>
            <a:cxn ang="T146">
              <a:pos x="T56" y="T57"/>
            </a:cxn>
            <a:cxn ang="T147">
              <a:pos x="T58" y="T59"/>
            </a:cxn>
            <a:cxn ang="T148">
              <a:pos x="T60" y="T61"/>
            </a:cxn>
            <a:cxn ang="T149">
              <a:pos x="T62" y="T63"/>
            </a:cxn>
            <a:cxn ang="T150">
              <a:pos x="T64" y="T65"/>
            </a:cxn>
            <a:cxn ang="T151">
              <a:pos x="T66" y="T67"/>
            </a:cxn>
            <a:cxn ang="T152">
              <a:pos x="T68" y="T69"/>
            </a:cxn>
            <a:cxn ang="T153">
              <a:pos x="T70" y="T71"/>
            </a:cxn>
            <a:cxn ang="T154">
              <a:pos x="T72" y="T73"/>
            </a:cxn>
            <a:cxn ang="T155">
              <a:pos x="T74" y="T75"/>
            </a:cxn>
            <a:cxn ang="T156">
              <a:pos x="T76" y="T77"/>
            </a:cxn>
            <a:cxn ang="T157">
              <a:pos x="T78" y="T79"/>
            </a:cxn>
            <a:cxn ang="T158">
              <a:pos x="T80" y="T81"/>
            </a:cxn>
            <a:cxn ang="T159">
              <a:pos x="T82" y="T83"/>
            </a:cxn>
            <a:cxn ang="T160">
              <a:pos x="T84" y="T85"/>
            </a:cxn>
            <a:cxn ang="T161">
              <a:pos x="T86" y="T87"/>
            </a:cxn>
            <a:cxn ang="T162">
              <a:pos x="T88" y="T89"/>
            </a:cxn>
            <a:cxn ang="T163">
              <a:pos x="T90" y="T91"/>
            </a:cxn>
            <a:cxn ang="T164">
              <a:pos x="T92" y="T93"/>
            </a:cxn>
            <a:cxn ang="T165">
              <a:pos x="T94" y="T95"/>
            </a:cxn>
            <a:cxn ang="T166">
              <a:pos x="T96" y="T97"/>
            </a:cxn>
            <a:cxn ang="T167">
              <a:pos x="T98" y="T99"/>
            </a:cxn>
            <a:cxn ang="T168">
              <a:pos x="T100" y="T101"/>
            </a:cxn>
            <a:cxn ang="T169">
              <a:pos x="T102" y="T103"/>
            </a:cxn>
            <a:cxn ang="T170">
              <a:pos x="T104" y="T105"/>
            </a:cxn>
            <a:cxn ang="T171">
              <a:pos x="T106" y="T107"/>
            </a:cxn>
            <a:cxn ang="T172">
              <a:pos x="T108" y="T109"/>
            </a:cxn>
            <a:cxn ang="T173">
              <a:pos x="T110" y="T111"/>
            </a:cxn>
            <a:cxn ang="T174">
              <a:pos x="T112" y="T113"/>
            </a:cxn>
            <a:cxn ang="T175">
              <a:pos x="T114" y="T115"/>
            </a:cxn>
            <a:cxn ang="T176">
              <a:pos x="T116" y="T117"/>
            </a:cxn>
          </a:cxnLst>
          <a:rect l="T177" t="T178" r="T179" b="T180"/>
          <a:pathLst>
            <a:path w="1589" h="2074">
              <a:moveTo>
                <a:pt x="1371" y="65"/>
              </a:moveTo>
              <a:cubicBezTo>
                <a:pt x="1336" y="35"/>
                <a:pt x="1251" y="0"/>
                <a:pt x="1221" y="5"/>
              </a:cubicBezTo>
              <a:cubicBezTo>
                <a:pt x="1191" y="10"/>
                <a:pt x="1208" y="68"/>
                <a:pt x="1191" y="93"/>
              </a:cubicBezTo>
              <a:cubicBezTo>
                <a:pt x="1174" y="118"/>
                <a:pt x="1147" y="125"/>
                <a:pt x="1117" y="153"/>
              </a:cubicBezTo>
              <a:cubicBezTo>
                <a:pt x="1087" y="181"/>
                <a:pt x="1036" y="221"/>
                <a:pt x="1011" y="261"/>
              </a:cubicBezTo>
              <a:cubicBezTo>
                <a:pt x="986" y="301"/>
                <a:pt x="989" y="361"/>
                <a:pt x="967" y="393"/>
              </a:cubicBezTo>
              <a:cubicBezTo>
                <a:pt x="945" y="425"/>
                <a:pt x="907" y="443"/>
                <a:pt x="877" y="453"/>
              </a:cubicBezTo>
              <a:cubicBezTo>
                <a:pt x="847" y="463"/>
                <a:pt x="814" y="445"/>
                <a:pt x="787" y="453"/>
              </a:cubicBezTo>
              <a:cubicBezTo>
                <a:pt x="760" y="461"/>
                <a:pt x="751" y="498"/>
                <a:pt x="711" y="501"/>
              </a:cubicBezTo>
              <a:cubicBezTo>
                <a:pt x="671" y="504"/>
                <a:pt x="589" y="489"/>
                <a:pt x="547" y="469"/>
              </a:cubicBezTo>
              <a:cubicBezTo>
                <a:pt x="505" y="449"/>
                <a:pt x="487" y="396"/>
                <a:pt x="457" y="381"/>
              </a:cubicBezTo>
              <a:cubicBezTo>
                <a:pt x="427" y="366"/>
                <a:pt x="395" y="369"/>
                <a:pt x="367" y="381"/>
              </a:cubicBezTo>
              <a:cubicBezTo>
                <a:pt x="339" y="393"/>
                <a:pt x="316" y="428"/>
                <a:pt x="291" y="453"/>
              </a:cubicBezTo>
              <a:cubicBezTo>
                <a:pt x="266" y="478"/>
                <a:pt x="234" y="499"/>
                <a:pt x="217" y="529"/>
              </a:cubicBezTo>
              <a:cubicBezTo>
                <a:pt x="200" y="559"/>
                <a:pt x="205" y="606"/>
                <a:pt x="187" y="633"/>
              </a:cubicBezTo>
              <a:cubicBezTo>
                <a:pt x="169" y="660"/>
                <a:pt x="141" y="663"/>
                <a:pt x="111" y="693"/>
              </a:cubicBezTo>
              <a:cubicBezTo>
                <a:pt x="81" y="723"/>
                <a:pt x="14" y="768"/>
                <a:pt x="7" y="813"/>
              </a:cubicBezTo>
              <a:cubicBezTo>
                <a:pt x="0" y="858"/>
                <a:pt x="45" y="955"/>
                <a:pt x="67" y="965"/>
              </a:cubicBezTo>
              <a:cubicBezTo>
                <a:pt x="89" y="975"/>
                <a:pt x="109" y="900"/>
                <a:pt x="141" y="873"/>
              </a:cubicBezTo>
              <a:cubicBezTo>
                <a:pt x="173" y="846"/>
                <a:pt x="223" y="813"/>
                <a:pt x="261" y="801"/>
              </a:cubicBezTo>
              <a:cubicBezTo>
                <a:pt x="299" y="789"/>
                <a:pt x="322" y="809"/>
                <a:pt x="367" y="801"/>
              </a:cubicBezTo>
              <a:cubicBezTo>
                <a:pt x="412" y="793"/>
                <a:pt x="486" y="748"/>
                <a:pt x="531" y="753"/>
              </a:cubicBezTo>
              <a:cubicBezTo>
                <a:pt x="576" y="758"/>
                <a:pt x="619" y="789"/>
                <a:pt x="637" y="829"/>
              </a:cubicBezTo>
              <a:cubicBezTo>
                <a:pt x="655" y="869"/>
                <a:pt x="637" y="950"/>
                <a:pt x="637" y="993"/>
              </a:cubicBezTo>
              <a:cubicBezTo>
                <a:pt x="637" y="1036"/>
                <a:pt x="610" y="1067"/>
                <a:pt x="637" y="1085"/>
              </a:cubicBezTo>
              <a:cubicBezTo>
                <a:pt x="664" y="1103"/>
                <a:pt x="774" y="1076"/>
                <a:pt x="801" y="1101"/>
              </a:cubicBezTo>
              <a:cubicBezTo>
                <a:pt x="828" y="1126"/>
                <a:pt x="796" y="1188"/>
                <a:pt x="801" y="1233"/>
              </a:cubicBezTo>
              <a:cubicBezTo>
                <a:pt x="806" y="1278"/>
                <a:pt x="823" y="1329"/>
                <a:pt x="831" y="1369"/>
              </a:cubicBezTo>
              <a:cubicBezTo>
                <a:pt x="839" y="1409"/>
                <a:pt x="852" y="1430"/>
                <a:pt x="847" y="1473"/>
              </a:cubicBezTo>
              <a:cubicBezTo>
                <a:pt x="842" y="1516"/>
                <a:pt x="801" y="1582"/>
                <a:pt x="801" y="1625"/>
              </a:cubicBezTo>
              <a:cubicBezTo>
                <a:pt x="801" y="1668"/>
                <a:pt x="852" y="1684"/>
                <a:pt x="847" y="1729"/>
              </a:cubicBezTo>
              <a:cubicBezTo>
                <a:pt x="842" y="1774"/>
                <a:pt x="781" y="1838"/>
                <a:pt x="771" y="1893"/>
              </a:cubicBezTo>
              <a:cubicBezTo>
                <a:pt x="761" y="1948"/>
                <a:pt x="779" y="2048"/>
                <a:pt x="787" y="2061"/>
              </a:cubicBezTo>
              <a:cubicBezTo>
                <a:pt x="795" y="2074"/>
                <a:pt x="807" y="2019"/>
                <a:pt x="817" y="1969"/>
              </a:cubicBezTo>
              <a:cubicBezTo>
                <a:pt x="827" y="1919"/>
                <a:pt x="830" y="1824"/>
                <a:pt x="847" y="1761"/>
              </a:cubicBezTo>
              <a:cubicBezTo>
                <a:pt x="864" y="1698"/>
                <a:pt x="904" y="1661"/>
                <a:pt x="921" y="1593"/>
              </a:cubicBezTo>
              <a:cubicBezTo>
                <a:pt x="938" y="1525"/>
                <a:pt x="946" y="1410"/>
                <a:pt x="951" y="1353"/>
              </a:cubicBezTo>
              <a:cubicBezTo>
                <a:pt x="956" y="1296"/>
                <a:pt x="926" y="1231"/>
                <a:pt x="951" y="1249"/>
              </a:cubicBezTo>
              <a:cubicBezTo>
                <a:pt x="976" y="1267"/>
                <a:pt x="1056" y="1416"/>
                <a:pt x="1101" y="1461"/>
              </a:cubicBezTo>
              <a:cubicBezTo>
                <a:pt x="1146" y="1506"/>
                <a:pt x="1186" y="1494"/>
                <a:pt x="1221" y="1521"/>
              </a:cubicBezTo>
              <a:cubicBezTo>
                <a:pt x="1256" y="1548"/>
                <a:pt x="1286" y="1593"/>
                <a:pt x="1311" y="1625"/>
              </a:cubicBezTo>
              <a:cubicBezTo>
                <a:pt x="1336" y="1657"/>
                <a:pt x="1343" y="1688"/>
                <a:pt x="1371" y="1713"/>
              </a:cubicBezTo>
              <a:cubicBezTo>
                <a:pt x="1399" y="1738"/>
                <a:pt x="1442" y="1758"/>
                <a:pt x="1477" y="1773"/>
              </a:cubicBezTo>
              <a:cubicBezTo>
                <a:pt x="1512" y="1788"/>
                <a:pt x="1589" y="1827"/>
                <a:pt x="1581" y="1805"/>
              </a:cubicBezTo>
              <a:cubicBezTo>
                <a:pt x="1573" y="1783"/>
                <a:pt x="1468" y="1688"/>
                <a:pt x="1431" y="1641"/>
              </a:cubicBezTo>
              <a:cubicBezTo>
                <a:pt x="1394" y="1594"/>
                <a:pt x="1392" y="1564"/>
                <a:pt x="1357" y="1521"/>
              </a:cubicBezTo>
              <a:cubicBezTo>
                <a:pt x="1322" y="1478"/>
                <a:pt x="1259" y="1430"/>
                <a:pt x="1221" y="1385"/>
              </a:cubicBezTo>
              <a:cubicBezTo>
                <a:pt x="1183" y="1340"/>
                <a:pt x="1158" y="1294"/>
                <a:pt x="1131" y="1249"/>
              </a:cubicBezTo>
              <a:cubicBezTo>
                <a:pt x="1104" y="1204"/>
                <a:pt x="1084" y="1163"/>
                <a:pt x="1057" y="1113"/>
              </a:cubicBezTo>
              <a:cubicBezTo>
                <a:pt x="1030" y="1063"/>
                <a:pt x="990" y="991"/>
                <a:pt x="967" y="949"/>
              </a:cubicBezTo>
              <a:cubicBezTo>
                <a:pt x="944" y="907"/>
                <a:pt x="936" y="894"/>
                <a:pt x="921" y="861"/>
              </a:cubicBezTo>
              <a:cubicBezTo>
                <a:pt x="906" y="828"/>
                <a:pt x="867" y="803"/>
                <a:pt x="877" y="753"/>
              </a:cubicBezTo>
              <a:cubicBezTo>
                <a:pt x="887" y="703"/>
                <a:pt x="944" y="593"/>
                <a:pt x="981" y="561"/>
              </a:cubicBezTo>
              <a:cubicBezTo>
                <a:pt x="1018" y="529"/>
                <a:pt x="1076" y="584"/>
                <a:pt x="1101" y="561"/>
              </a:cubicBezTo>
              <a:cubicBezTo>
                <a:pt x="1126" y="538"/>
                <a:pt x="1113" y="470"/>
                <a:pt x="1131" y="425"/>
              </a:cubicBezTo>
              <a:cubicBezTo>
                <a:pt x="1149" y="380"/>
                <a:pt x="1172" y="322"/>
                <a:pt x="1207" y="289"/>
              </a:cubicBezTo>
              <a:cubicBezTo>
                <a:pt x="1242" y="256"/>
                <a:pt x="1304" y="246"/>
                <a:pt x="1341" y="229"/>
              </a:cubicBezTo>
              <a:cubicBezTo>
                <a:pt x="1378" y="212"/>
                <a:pt x="1421" y="215"/>
                <a:pt x="1431" y="185"/>
              </a:cubicBezTo>
              <a:cubicBezTo>
                <a:pt x="1441" y="155"/>
                <a:pt x="1406" y="95"/>
                <a:pt x="1371" y="65"/>
              </a:cubicBezTo>
              <a:close/>
            </a:path>
          </a:pathLst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28575" cap="flat" cmpd="sng" algn="ctr">
          <a:solidFill>
            <a:srgbClr val="0D0000"/>
          </a:solidFill>
          <a:prstDash val="solid"/>
          <a:round/>
          <a:headEnd type="none" w="med" len="med"/>
          <a:tailEnd type="none" w="med" len="med"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400000" mc:Ignorable="a14" a14:legacySpreadsheetColorIndex="64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28575" cap="flat" cmpd="sng" algn="ctr">
          <a:solidFill>
            <a:srgbClr val="0D0000"/>
          </a:solidFill>
          <a:prstDash val="solid"/>
          <a:round/>
          <a:headEnd type="none" w="med" len="med"/>
          <a:tailEnd type="none" w="med" len="med"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400000" mc:Ignorable="a14" a14:legacySpreadsheetColorIndex="64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>
    <pageSetUpPr fitToPage="1"/>
  </sheetPr>
  <dimension ref="A1:AL168"/>
  <sheetViews>
    <sheetView tabSelected="1" view="pageBreakPreview" zoomScale="55" zoomScaleNormal="75" zoomScaleSheetLayoutView="55" workbookViewId="0">
      <selection activeCell="A3" sqref="A3:R3"/>
    </sheetView>
  </sheetViews>
  <sheetFormatPr defaultColWidth="8" defaultRowHeight="12" customHeight="1"/>
  <cols>
    <col min="1" max="17" width="8" style="14" customWidth="1"/>
    <col min="18" max="18" width="11.88671875" style="14" customWidth="1"/>
    <col min="19" max="36" width="8" style="14" customWidth="1"/>
    <col min="37" max="37" width="5.44140625" style="14" customWidth="1"/>
    <col min="38" max="38" width="4" style="14" customWidth="1"/>
    <col min="39" max="16384" width="8" style="14"/>
  </cols>
  <sheetData>
    <row r="1" spans="1:38" ht="42" customHeight="1">
      <c r="A1" s="7" t="s">
        <v>10</v>
      </c>
    </row>
    <row r="2" spans="1:38" ht="12" customHeight="1">
      <c r="A2" s="6"/>
    </row>
    <row r="3" spans="1:38" ht="28.5" customHeight="1">
      <c r="A3" s="20" t="s">
        <v>11</v>
      </c>
      <c r="B3" s="20"/>
      <c r="C3" s="20"/>
      <c r="D3" s="20"/>
      <c r="E3" s="20"/>
      <c r="F3" s="20"/>
      <c r="G3" s="20"/>
      <c r="H3" s="20"/>
      <c r="I3" s="20"/>
      <c r="J3" s="20"/>
      <c r="K3" s="20"/>
      <c r="L3" s="20"/>
      <c r="M3" s="20"/>
      <c r="N3" s="20"/>
      <c r="O3" s="20"/>
      <c r="P3" s="20"/>
      <c r="Q3" s="20"/>
      <c r="R3" s="20"/>
      <c r="S3" s="20" t="s">
        <v>12</v>
      </c>
      <c r="T3" s="20"/>
      <c r="U3" s="20"/>
      <c r="V3" s="20"/>
      <c r="W3" s="20"/>
      <c r="X3" s="20"/>
      <c r="Y3" s="20"/>
      <c r="Z3" s="20"/>
      <c r="AA3" s="20"/>
      <c r="AB3" s="20"/>
      <c r="AC3" s="20"/>
      <c r="AD3" s="20"/>
      <c r="AE3" s="20"/>
      <c r="AF3" s="20"/>
      <c r="AG3" s="20"/>
      <c r="AH3" s="20"/>
      <c r="AI3" s="20"/>
      <c r="AJ3" s="20"/>
      <c r="AK3" s="20"/>
      <c r="AL3" s="20"/>
    </row>
    <row r="4" spans="1:38" ht="12" customHeight="1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</row>
    <row r="5" spans="1:38" ht="12" customHeight="1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</row>
    <row r="6" spans="1:38" ht="12" customHeight="1">
      <c r="A6" s="1"/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</row>
    <row r="7" spans="1:38" ht="12" customHeight="1">
      <c r="A7" s="3"/>
      <c r="B7" s="3"/>
      <c r="C7" s="3"/>
      <c r="D7" s="3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T7" s="30" t="s">
        <v>13</v>
      </c>
      <c r="U7" s="30"/>
      <c r="V7" s="30"/>
      <c r="W7" s="30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</row>
    <row r="8" spans="1:38" ht="12" customHeight="1">
      <c r="A8" s="3"/>
      <c r="B8" s="3"/>
      <c r="C8" s="3"/>
      <c r="D8" s="3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T8" s="30"/>
      <c r="U8" s="30"/>
      <c r="V8" s="30"/>
      <c r="W8" s="30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</row>
    <row r="9" spans="1:38" ht="12" customHeight="1">
      <c r="A9" s="1"/>
      <c r="B9" s="1"/>
      <c r="C9" s="1"/>
      <c r="D9" s="1"/>
      <c r="E9" s="1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</row>
    <row r="10" spans="1:38" ht="12" customHeight="1">
      <c r="A10" s="3"/>
      <c r="B10" s="3"/>
      <c r="C10" s="2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31"/>
      <c r="U10" s="31"/>
      <c r="V10" s="1"/>
      <c r="W10" s="1"/>
      <c r="X10" s="1"/>
      <c r="Y10" s="1"/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</row>
    <row r="11" spans="1:38" ht="12" customHeight="1">
      <c r="A11" s="3"/>
      <c r="B11" s="3"/>
      <c r="C11" s="2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31"/>
      <c r="U11" s="3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</row>
    <row r="12" spans="1:38" ht="12" customHeight="1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</row>
    <row r="13" spans="1:38" ht="12" customHeight="1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</row>
    <row r="14" spans="1:38" ht="12" customHeight="1">
      <c r="B14" s="3"/>
      <c r="C14" s="3"/>
      <c r="D14" s="3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</row>
    <row r="15" spans="1:38" ht="12" customHeight="1">
      <c r="A15" s="3"/>
      <c r="B15" s="3"/>
      <c r="C15" s="3"/>
      <c r="D15" s="3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</row>
    <row r="16" spans="1:38" ht="12" customHeight="1">
      <c r="A16" s="1"/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</row>
    <row r="17" spans="1:38" ht="12" customHeight="1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</row>
    <row r="18" spans="1:38" ht="12" customHeight="1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</row>
    <row r="19" spans="1:38" ht="12" customHeight="1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</row>
    <row r="20" spans="1:38" ht="12" customHeight="1">
      <c r="A20" s="1"/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</row>
    <row r="21" spans="1:38" ht="12" customHeight="1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</row>
    <row r="22" spans="1:38" ht="12" customHeight="1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</row>
    <row r="23" spans="1:38" ht="12" customHeight="1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</row>
    <row r="24" spans="1:38" ht="12" customHeight="1">
      <c r="A24" s="1"/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</row>
    <row r="25" spans="1:38" ht="12" customHeight="1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</row>
    <row r="26" spans="1:38" ht="12" customHeight="1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</row>
    <row r="27" spans="1:38" ht="12" customHeight="1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  <c r="AK27" s="1"/>
      <c r="AL27" s="1"/>
    </row>
    <row r="28" spans="1:38" ht="12" customHeight="1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  <c r="AB28" s="1"/>
      <c r="AC28" s="1"/>
      <c r="AD28" s="1"/>
      <c r="AE28" s="1"/>
      <c r="AF28" s="1"/>
      <c r="AG28" s="1"/>
      <c r="AH28" s="1"/>
      <c r="AI28" s="1"/>
      <c r="AJ28" s="1"/>
      <c r="AK28" s="1"/>
      <c r="AL28" s="1"/>
    </row>
    <row r="29" spans="1:38" ht="12" customHeight="1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  <c r="AA29" s="1"/>
      <c r="AB29" s="1"/>
      <c r="AC29" s="1"/>
      <c r="AD29" s="1"/>
      <c r="AE29" s="1"/>
      <c r="AF29" s="1"/>
      <c r="AG29" s="1"/>
      <c r="AH29" s="1"/>
      <c r="AI29" s="1"/>
      <c r="AJ29" s="1"/>
      <c r="AK29" s="1"/>
      <c r="AL29" s="1"/>
    </row>
    <row r="30" spans="1:38" ht="12" customHeight="1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1"/>
      <c r="AG30" s="1"/>
      <c r="AH30" s="1"/>
      <c r="AI30" s="1"/>
      <c r="AJ30" s="1"/>
      <c r="AK30" s="1"/>
      <c r="AL30" s="1"/>
    </row>
    <row r="31" spans="1:38" ht="12" customHeight="1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  <c r="AA31" s="1"/>
      <c r="AB31" s="1"/>
      <c r="AC31" s="1"/>
      <c r="AD31" s="1"/>
      <c r="AE31" s="1"/>
      <c r="AF31" s="1"/>
      <c r="AG31" s="1"/>
      <c r="AH31" s="1"/>
      <c r="AI31" s="1"/>
      <c r="AJ31" s="1"/>
      <c r="AK31" s="1"/>
      <c r="AL31" s="1"/>
    </row>
    <row r="32" spans="1:38" ht="12" customHeight="1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  <c r="AA32" s="1"/>
      <c r="AB32" s="1"/>
      <c r="AC32" s="1"/>
      <c r="AD32" s="1"/>
      <c r="AE32" s="1"/>
      <c r="AF32" s="1"/>
      <c r="AG32" s="1"/>
      <c r="AH32" s="1"/>
      <c r="AI32" s="1"/>
      <c r="AJ32" s="1"/>
      <c r="AK32" s="1"/>
      <c r="AL32" s="1"/>
    </row>
    <row r="33" spans="1:38" ht="12" customHeight="1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  <c r="AD33" s="1"/>
      <c r="AE33" s="1"/>
      <c r="AF33" s="1"/>
      <c r="AG33" s="1"/>
      <c r="AH33" s="1"/>
      <c r="AI33" s="1"/>
      <c r="AJ33" s="1"/>
      <c r="AK33" s="1"/>
      <c r="AL33" s="1"/>
    </row>
    <row r="34" spans="1:38" ht="12" customHeight="1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"/>
      <c r="AL34" s="1"/>
    </row>
    <row r="35" spans="1:38" ht="12" customHeight="1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"/>
      <c r="AL35" s="1"/>
    </row>
    <row r="36" spans="1:38" ht="12" customHeight="1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A36" s="1"/>
      <c r="AB36" s="1"/>
      <c r="AC36" s="1"/>
      <c r="AD36" s="1"/>
      <c r="AE36" s="1"/>
      <c r="AF36" s="1"/>
      <c r="AG36" s="1"/>
      <c r="AH36" s="1"/>
      <c r="AI36" s="1"/>
      <c r="AJ36" s="1"/>
      <c r="AK36" s="1"/>
      <c r="AL36" s="1"/>
    </row>
    <row r="37" spans="1:38" ht="12" customHeight="1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  <c r="AA37" s="1"/>
      <c r="AB37" s="1"/>
      <c r="AC37" s="1"/>
      <c r="AD37" s="1"/>
      <c r="AE37" s="1"/>
      <c r="AF37" s="1"/>
      <c r="AG37" s="1"/>
      <c r="AH37" s="1"/>
      <c r="AI37" s="1"/>
      <c r="AJ37" s="1"/>
      <c r="AK37" s="1"/>
      <c r="AL37" s="1"/>
    </row>
    <row r="38" spans="1:38" ht="12" customHeight="1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  <c r="AA38" s="1"/>
      <c r="AB38" s="1"/>
      <c r="AC38" s="1"/>
      <c r="AD38" s="1"/>
      <c r="AE38" s="1"/>
      <c r="AF38" s="1"/>
      <c r="AG38" s="1"/>
      <c r="AH38" s="1"/>
      <c r="AI38" s="1"/>
      <c r="AJ38" s="1"/>
      <c r="AK38" s="1"/>
      <c r="AL38" s="1"/>
    </row>
    <row r="39" spans="1:38" ht="12" customHeight="1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A39" s="1"/>
      <c r="AB39" s="1"/>
      <c r="AC39" s="1"/>
      <c r="AD39" s="1"/>
      <c r="AE39" s="1"/>
      <c r="AF39" s="1"/>
      <c r="AG39" s="1"/>
      <c r="AH39" s="1"/>
      <c r="AI39" s="1"/>
      <c r="AJ39" s="1"/>
      <c r="AK39" s="1"/>
      <c r="AL39" s="1"/>
    </row>
    <row r="40" spans="1:38" ht="12" customHeight="1">
      <c r="A40" s="1"/>
      <c r="B40" s="1"/>
      <c r="C40" s="1"/>
      <c r="D40" s="1"/>
      <c r="E40" s="1"/>
      <c r="F40" s="1"/>
      <c r="G40" s="1"/>
      <c r="H40" s="1"/>
      <c r="I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  <c r="AA40" s="1"/>
      <c r="AC40" s="1"/>
      <c r="AD40" s="1"/>
      <c r="AE40" s="1"/>
      <c r="AF40" s="1"/>
      <c r="AG40" s="1"/>
      <c r="AH40" s="1"/>
      <c r="AI40" s="1"/>
      <c r="AJ40" s="1"/>
      <c r="AK40" s="1"/>
      <c r="AL40" s="1"/>
    </row>
    <row r="41" spans="1:38" ht="12" customHeight="1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  <c r="AA41" s="1"/>
      <c r="AB41" s="1"/>
      <c r="AC41" s="1"/>
      <c r="AD41" s="1"/>
      <c r="AE41" s="1"/>
      <c r="AF41" s="1"/>
      <c r="AG41" s="1"/>
      <c r="AH41" s="1"/>
      <c r="AI41" s="1"/>
      <c r="AJ41" s="1"/>
      <c r="AK41" s="1"/>
      <c r="AL41" s="1"/>
    </row>
    <row r="42" spans="1:38" ht="12" customHeight="1">
      <c r="A42" s="1"/>
      <c r="B42" s="1"/>
      <c r="C42" s="1"/>
      <c r="D42" s="1"/>
      <c r="E42" s="1"/>
      <c r="F42" s="1"/>
      <c r="G42" s="1"/>
      <c r="I42" s="4"/>
      <c r="J42" s="4"/>
      <c r="K42" s="4"/>
      <c r="L42" s="4"/>
      <c r="M42" s="4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AA42" s="32" t="s">
        <v>14</v>
      </c>
      <c r="AB42" s="32"/>
      <c r="AC42" s="32"/>
      <c r="AD42" s="32"/>
      <c r="AE42" s="1"/>
      <c r="AF42" s="1"/>
      <c r="AG42" s="1"/>
      <c r="AH42" s="1"/>
      <c r="AI42" s="1"/>
      <c r="AJ42" s="1"/>
      <c r="AK42" s="1"/>
      <c r="AL42" s="1"/>
    </row>
    <row r="43" spans="1:38" ht="12" customHeight="1">
      <c r="A43" s="1"/>
      <c r="B43" s="1"/>
      <c r="C43" s="1"/>
      <c r="D43" s="1"/>
      <c r="E43" s="1"/>
      <c r="F43" s="1"/>
      <c r="G43" s="1"/>
      <c r="I43" s="4"/>
      <c r="J43" s="4"/>
      <c r="K43" s="4"/>
      <c r="L43" s="4"/>
      <c r="M43" s="4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AA43" s="32"/>
      <c r="AB43" s="32"/>
      <c r="AC43" s="32"/>
      <c r="AD43" s="32"/>
      <c r="AE43" s="1"/>
      <c r="AF43" s="1"/>
      <c r="AG43" s="1"/>
      <c r="AH43" s="1"/>
      <c r="AI43" s="1"/>
      <c r="AJ43" s="1"/>
      <c r="AK43" s="1"/>
      <c r="AL43" s="1"/>
    </row>
    <row r="44" spans="1:38" ht="12" customHeight="1">
      <c r="A44" s="1"/>
      <c r="B44" s="1"/>
      <c r="C44" s="1"/>
      <c r="D44" s="1"/>
      <c r="E44" s="1"/>
      <c r="F44" s="1"/>
      <c r="G44" s="1"/>
      <c r="H44" s="1"/>
      <c r="I44" s="5"/>
      <c r="J44" s="5"/>
      <c r="K44" s="5"/>
      <c r="L44" s="5"/>
      <c r="M44" s="5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23" t="s">
        <v>23</v>
      </c>
      <c r="AB44" s="23"/>
      <c r="AC44" s="23"/>
      <c r="AD44" s="23"/>
      <c r="AE44" s="23"/>
      <c r="AF44" s="1"/>
      <c r="AG44" s="1"/>
      <c r="AH44" s="1"/>
      <c r="AI44" s="1"/>
      <c r="AJ44" s="1"/>
      <c r="AK44" s="1"/>
      <c r="AL44" s="1"/>
    </row>
    <row r="45" spans="1:38" ht="12" customHeight="1">
      <c r="A45" s="1"/>
      <c r="B45" s="1"/>
      <c r="C45" s="1"/>
      <c r="D45" s="1"/>
      <c r="E45" s="1"/>
      <c r="F45" s="1"/>
      <c r="G45" s="23" t="s">
        <v>1</v>
      </c>
      <c r="H45" s="24"/>
      <c r="I45" s="5"/>
      <c r="J45" s="21" t="s">
        <v>8</v>
      </c>
      <c r="K45" s="21"/>
      <c r="L45" s="21"/>
      <c r="M45" s="2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23" t="s">
        <v>1</v>
      </c>
      <c r="Z45" s="24"/>
      <c r="AA45" s="23"/>
      <c r="AB45" s="23"/>
      <c r="AC45" s="23"/>
      <c r="AD45" s="23"/>
      <c r="AE45" s="23"/>
      <c r="AF45" s="1"/>
      <c r="AG45" s="1"/>
      <c r="AH45" s="1"/>
      <c r="AI45" s="1"/>
      <c r="AJ45" s="1"/>
      <c r="AK45" s="1"/>
      <c r="AL45" s="1"/>
    </row>
    <row r="46" spans="1:38" ht="12" customHeight="1">
      <c r="A46" s="1"/>
      <c r="B46" s="1"/>
      <c r="C46" s="1"/>
      <c r="D46" s="1"/>
      <c r="E46" s="1"/>
      <c r="F46" s="1"/>
      <c r="G46" s="24"/>
      <c r="H46" s="24"/>
      <c r="I46" s="5"/>
      <c r="J46" s="21"/>
      <c r="K46" s="21"/>
      <c r="L46" s="21"/>
      <c r="M46" s="2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24"/>
      <c r="Z46" s="24"/>
      <c r="AA46" s="1"/>
      <c r="AB46" s="1"/>
      <c r="AC46" s="1"/>
      <c r="AD46" s="1"/>
      <c r="AE46" s="1"/>
      <c r="AF46" s="1"/>
      <c r="AG46" s="1"/>
      <c r="AH46" s="1"/>
      <c r="AI46" s="1"/>
      <c r="AJ46" s="1"/>
      <c r="AK46" s="1"/>
      <c r="AL46" s="1"/>
    </row>
    <row r="47" spans="1:38" ht="12" customHeight="1">
      <c r="A47" s="1"/>
      <c r="B47" s="1"/>
      <c r="C47" s="1"/>
      <c r="D47" s="1"/>
      <c r="E47" s="1"/>
      <c r="F47" s="1"/>
      <c r="G47" s="1"/>
      <c r="H47" s="1"/>
      <c r="I47" s="5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  <c r="AA47" s="1"/>
      <c r="AB47" s="1"/>
      <c r="AC47" s="1"/>
      <c r="AD47" s="1"/>
      <c r="AE47" s="1"/>
      <c r="AF47" s="1"/>
      <c r="AG47" s="1"/>
      <c r="AH47" s="1"/>
      <c r="AI47" s="1"/>
      <c r="AJ47" s="1"/>
      <c r="AK47" s="1"/>
      <c r="AL47" s="1"/>
    </row>
    <row r="48" spans="1:38" ht="12" customHeight="1">
      <c r="A48" s="1"/>
      <c r="B48" s="1"/>
      <c r="C48" s="1"/>
      <c r="D48" s="1"/>
      <c r="E48" s="1"/>
      <c r="F48" s="1"/>
      <c r="G48" s="1"/>
      <c r="H48" s="1"/>
      <c r="I48" s="5"/>
      <c r="J48" s="21" t="s">
        <v>9</v>
      </c>
      <c r="K48" s="21"/>
      <c r="L48" s="21"/>
      <c r="M48" s="2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  <c r="AK48" s="1"/>
      <c r="AL48" s="1"/>
    </row>
    <row r="49" spans="1:38" ht="12" customHeight="1">
      <c r="A49" s="1"/>
      <c r="B49" s="1"/>
      <c r="C49" s="1"/>
      <c r="D49" s="1"/>
      <c r="E49" s="1"/>
      <c r="F49" s="1"/>
      <c r="G49" s="17" t="s">
        <v>0</v>
      </c>
      <c r="H49" s="17"/>
      <c r="I49" s="5"/>
      <c r="J49" s="21"/>
      <c r="K49" s="21"/>
      <c r="L49" s="21"/>
      <c r="M49" s="2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7" t="s">
        <v>0</v>
      </c>
      <c r="Z49" s="17"/>
      <c r="AA49" s="1"/>
      <c r="AB49" s="1"/>
      <c r="AC49" s="1"/>
      <c r="AD49" s="1"/>
      <c r="AE49" s="1"/>
      <c r="AF49" s="1"/>
      <c r="AG49" s="1"/>
      <c r="AH49" s="1"/>
      <c r="AI49" s="1"/>
      <c r="AJ49" s="1"/>
      <c r="AK49" s="1"/>
      <c r="AL49" s="1"/>
    </row>
    <row r="50" spans="1:38" ht="12" customHeight="1">
      <c r="A50" s="1"/>
      <c r="B50" s="1"/>
      <c r="C50" s="1"/>
      <c r="D50" s="1"/>
      <c r="E50" s="1"/>
      <c r="F50" s="1"/>
      <c r="G50" s="17"/>
      <c r="H50" s="17"/>
      <c r="I50" s="5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7"/>
      <c r="Z50" s="17"/>
      <c r="AA50" s="1"/>
      <c r="AB50" s="1"/>
      <c r="AC50" s="1"/>
      <c r="AD50" s="1"/>
      <c r="AE50" s="1"/>
      <c r="AF50" s="1"/>
      <c r="AG50" s="1"/>
      <c r="AH50" s="1"/>
      <c r="AI50" s="1"/>
      <c r="AJ50" s="1"/>
      <c r="AK50" s="1"/>
      <c r="AL50" s="1"/>
    </row>
    <row r="51" spans="1:38" ht="12" customHeight="1">
      <c r="A51" s="1"/>
      <c r="B51" s="1"/>
      <c r="C51" s="1"/>
      <c r="D51" s="1"/>
      <c r="E51" s="1"/>
      <c r="F51" s="1"/>
      <c r="G51" s="1"/>
      <c r="H51" s="1"/>
      <c r="I51" s="5"/>
      <c r="J51" s="21" t="s">
        <v>7</v>
      </c>
      <c r="K51" s="21"/>
      <c r="L51" s="21"/>
      <c r="M51" s="2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  <c r="AA51" s="1"/>
      <c r="AB51" s="1"/>
      <c r="AC51" s="1"/>
      <c r="AD51" s="1"/>
      <c r="AE51" s="1"/>
      <c r="AF51" s="1"/>
      <c r="AG51" s="1"/>
      <c r="AH51" s="1"/>
      <c r="AI51" s="1"/>
      <c r="AJ51" s="1"/>
      <c r="AK51" s="1"/>
      <c r="AL51" s="1"/>
    </row>
    <row r="52" spans="1:38" ht="12" customHeight="1">
      <c r="A52" s="1"/>
      <c r="B52" s="1"/>
      <c r="C52" s="1"/>
      <c r="D52" s="1"/>
      <c r="E52" s="1"/>
      <c r="F52" s="1"/>
      <c r="G52" s="1"/>
      <c r="H52" s="1"/>
      <c r="I52" s="5"/>
      <c r="J52" s="21"/>
      <c r="K52" s="21"/>
      <c r="L52" s="21"/>
      <c r="M52" s="2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  <c r="AA52" s="1"/>
      <c r="AB52" s="1"/>
      <c r="AC52" s="1"/>
      <c r="AD52" s="1"/>
      <c r="AE52" s="1"/>
      <c r="AF52" s="1"/>
      <c r="AG52" s="1"/>
      <c r="AH52" s="1"/>
      <c r="AI52" s="1"/>
      <c r="AJ52" s="1"/>
      <c r="AK52" s="1"/>
      <c r="AL52" s="1"/>
    </row>
    <row r="53" spans="1:38" ht="12" customHeight="1">
      <c r="A53" s="1"/>
      <c r="B53" s="1"/>
      <c r="C53" s="1"/>
      <c r="D53" s="1"/>
      <c r="E53" s="1"/>
      <c r="F53" s="1"/>
      <c r="G53" s="1"/>
      <c r="H53" s="1"/>
      <c r="I53" s="5"/>
      <c r="J53" s="5"/>
      <c r="K53" s="5"/>
      <c r="L53" s="5"/>
      <c r="M53" s="5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  <c r="AA53" s="1"/>
      <c r="AB53" s="1"/>
      <c r="AC53" s="1"/>
      <c r="AD53" s="1"/>
      <c r="AE53" s="1"/>
      <c r="AF53" s="1"/>
      <c r="AG53" s="1"/>
      <c r="AH53" s="1"/>
      <c r="AI53" s="1"/>
      <c r="AJ53" s="1"/>
      <c r="AK53" s="1"/>
      <c r="AL53" s="1"/>
    </row>
    <row r="54" spans="1:38" ht="12" customHeight="1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  <c r="AB54" s="1"/>
      <c r="AC54" s="1"/>
      <c r="AD54" s="1"/>
      <c r="AE54" s="1"/>
      <c r="AF54" s="1"/>
      <c r="AG54" s="1"/>
      <c r="AH54" s="1"/>
      <c r="AI54" s="1"/>
      <c r="AJ54" s="1"/>
      <c r="AK54" s="1"/>
      <c r="AL54" s="1"/>
    </row>
    <row r="55" spans="1:38" ht="31.5" customHeight="1">
      <c r="A55" s="20" t="s">
        <v>21</v>
      </c>
      <c r="B55" s="20"/>
      <c r="C55" s="20"/>
      <c r="D55" s="20"/>
      <c r="E55" s="20"/>
      <c r="F55" s="20"/>
      <c r="G55" s="20"/>
      <c r="H55" s="20"/>
      <c r="I55" s="20"/>
      <c r="J55" s="20"/>
      <c r="K55" s="20"/>
      <c r="L55" s="20"/>
      <c r="M55" s="20"/>
      <c r="N55" s="20"/>
      <c r="O55" s="20"/>
      <c r="P55" s="20"/>
      <c r="Q55" s="20"/>
      <c r="R55" s="20"/>
      <c r="S55" s="20" t="s">
        <v>15</v>
      </c>
      <c r="T55" s="20"/>
      <c r="U55" s="20"/>
      <c r="V55" s="20"/>
      <c r="W55" s="20"/>
      <c r="X55" s="20"/>
      <c r="Y55" s="20"/>
      <c r="Z55" s="20"/>
      <c r="AA55" s="20"/>
      <c r="AB55" s="20"/>
      <c r="AC55" s="20"/>
      <c r="AD55" s="20"/>
      <c r="AE55" s="20"/>
      <c r="AF55" s="20"/>
      <c r="AG55" s="20"/>
      <c r="AH55" s="20"/>
      <c r="AI55" s="20"/>
      <c r="AJ55" s="20"/>
      <c r="AK55" s="1"/>
      <c r="AL55" s="1"/>
    </row>
    <row r="56" spans="1:38" ht="12" customHeight="1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  <c r="AA56" s="1"/>
      <c r="AB56" s="1"/>
      <c r="AC56" s="1"/>
      <c r="AD56" s="1"/>
      <c r="AE56" s="1"/>
      <c r="AF56" s="1"/>
      <c r="AG56" s="1"/>
      <c r="AH56" s="1"/>
      <c r="AI56" s="1"/>
      <c r="AJ56" s="1"/>
      <c r="AK56" s="1"/>
      <c r="AL56" s="1"/>
    </row>
    <row r="57" spans="1:38" ht="12" customHeight="1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1"/>
      <c r="AG57" s="1"/>
      <c r="AH57" s="1"/>
      <c r="AI57" s="1"/>
      <c r="AJ57" s="1"/>
      <c r="AK57" s="1"/>
      <c r="AL57" s="1"/>
    </row>
    <row r="58" spans="1:38" ht="12" customHeight="1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  <c r="AA58" s="1"/>
      <c r="AB58" s="3"/>
      <c r="AC58" s="1"/>
      <c r="AD58" s="1"/>
      <c r="AE58" s="1"/>
      <c r="AF58" s="1"/>
      <c r="AG58" s="1"/>
      <c r="AH58" s="1"/>
      <c r="AI58" s="1"/>
      <c r="AJ58" s="1"/>
      <c r="AK58" s="1"/>
      <c r="AL58" s="1"/>
    </row>
    <row r="59" spans="1:38" ht="12" customHeight="1">
      <c r="A59" s="26" t="s">
        <v>6</v>
      </c>
      <c r="B59" s="26"/>
      <c r="C59" s="3"/>
      <c r="D59" s="3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21" t="s">
        <v>16</v>
      </c>
      <c r="T59" s="21"/>
      <c r="U59" s="21"/>
      <c r="V59" s="21"/>
      <c r="W59" s="21"/>
      <c r="X59" s="1"/>
      <c r="Y59" s="1"/>
      <c r="Z59" s="1"/>
      <c r="AA59" s="1"/>
      <c r="AB59" s="1"/>
      <c r="AC59" s="1"/>
      <c r="AD59" s="1"/>
      <c r="AE59" s="1"/>
      <c r="AF59" s="1"/>
      <c r="AG59" s="1"/>
      <c r="AH59" s="1"/>
      <c r="AI59" s="1"/>
      <c r="AJ59" s="1"/>
      <c r="AK59" s="1"/>
      <c r="AL59" s="1"/>
    </row>
    <row r="60" spans="1:38" ht="12" customHeight="1">
      <c r="A60" s="26"/>
      <c r="B60" s="26"/>
      <c r="C60" s="3"/>
      <c r="D60" s="3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21"/>
      <c r="T60" s="21"/>
      <c r="U60" s="21"/>
      <c r="V60" s="21"/>
      <c r="W60" s="21"/>
      <c r="X60" s="1"/>
      <c r="Y60" s="1"/>
      <c r="Z60" s="1"/>
      <c r="AA60" s="1"/>
      <c r="AB60" s="1"/>
      <c r="AC60" s="1"/>
      <c r="AD60" s="1"/>
      <c r="AE60" s="1"/>
      <c r="AF60" s="1"/>
      <c r="AG60" s="1"/>
      <c r="AH60" s="1"/>
      <c r="AI60" s="1"/>
      <c r="AJ60" s="1"/>
      <c r="AK60" s="1"/>
      <c r="AL60" s="1"/>
    </row>
    <row r="61" spans="1:38" ht="12" customHeight="1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  <c r="AD61" s="1"/>
      <c r="AE61" s="1"/>
      <c r="AF61" s="1"/>
      <c r="AG61" s="1"/>
      <c r="AH61" s="1"/>
      <c r="AI61" s="1"/>
      <c r="AJ61" s="1"/>
      <c r="AK61" s="1"/>
      <c r="AL61" s="1"/>
    </row>
    <row r="62" spans="1:38" ht="12" customHeight="1">
      <c r="A62" s="26" t="s">
        <v>2</v>
      </c>
      <c r="B62" s="26"/>
      <c r="C62" s="2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/>
      <c r="T62"/>
      <c r="U62"/>
      <c r="V62"/>
      <c r="W62" s="1"/>
      <c r="X62" s="1"/>
      <c r="Y62" s="1"/>
      <c r="Z62" s="1"/>
      <c r="AA62" s="1"/>
      <c r="AB62" s="1"/>
      <c r="AC62" s="1"/>
      <c r="AD62" s="1"/>
      <c r="AE62" s="1"/>
      <c r="AF62" s="1"/>
      <c r="AG62" s="1"/>
      <c r="AH62" s="1"/>
      <c r="AI62" s="1"/>
      <c r="AJ62" s="1"/>
      <c r="AK62" s="1"/>
      <c r="AL62" s="1"/>
    </row>
    <row r="63" spans="1:38" ht="12" customHeight="1">
      <c r="A63" s="26"/>
      <c r="B63" s="26"/>
      <c r="C63" s="2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/>
      <c r="T63"/>
      <c r="U63"/>
      <c r="V63"/>
      <c r="W63" s="1"/>
      <c r="X63" s="1"/>
      <c r="Y63" s="1"/>
      <c r="Z63" s="1"/>
      <c r="AA63" s="1"/>
      <c r="AB63" s="1"/>
      <c r="AC63" s="1"/>
      <c r="AD63" s="1"/>
      <c r="AE63" s="1"/>
      <c r="AF63" s="1"/>
      <c r="AG63" s="1"/>
      <c r="AH63" s="1"/>
      <c r="AI63" s="1"/>
      <c r="AJ63" s="1"/>
      <c r="AK63" s="1"/>
      <c r="AL63" s="1"/>
    </row>
    <row r="64" spans="1:38" ht="12" customHeight="1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/>
      <c r="T64"/>
      <c r="U64"/>
      <c r="V64"/>
      <c r="W64" s="1"/>
      <c r="X64" s="1"/>
      <c r="Y64" s="1"/>
      <c r="Z64" s="1"/>
      <c r="AA64" s="1"/>
      <c r="AB64" s="1"/>
      <c r="AC64" s="1"/>
      <c r="AD64" s="1"/>
      <c r="AE64" s="1"/>
      <c r="AF64" s="1"/>
      <c r="AG64" s="1"/>
      <c r="AH64" s="1"/>
      <c r="AI64" s="1"/>
      <c r="AJ64" s="1"/>
      <c r="AK64" s="1"/>
      <c r="AL64"/>
    </row>
    <row r="65" spans="1:38" ht="12" customHeight="1">
      <c r="A65" s="29" t="s">
        <v>20</v>
      </c>
      <c r="B65" s="29"/>
      <c r="C65" s="12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6" t="s">
        <v>17</v>
      </c>
      <c r="T65" s="16"/>
      <c r="U65" s="16"/>
      <c r="V65" s="16"/>
      <c r="W65" s="16"/>
      <c r="X65" s="1"/>
      <c r="Y65" s="1"/>
      <c r="Z65" s="1"/>
      <c r="AA65" s="1"/>
      <c r="AB65" s="1"/>
      <c r="AC65" s="1"/>
      <c r="AD65" s="1"/>
      <c r="AE65" s="1"/>
      <c r="AF65" s="1"/>
      <c r="AG65" s="1"/>
      <c r="AH65" s="1"/>
      <c r="AI65" s="1"/>
      <c r="AJ65" s="1"/>
      <c r="AK65" s="1"/>
      <c r="AL65"/>
    </row>
    <row r="66" spans="1:38" ht="12" customHeight="1">
      <c r="A66" s="29"/>
      <c r="B66" s="29"/>
      <c r="C66" s="13"/>
      <c r="D66" s="3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6"/>
      <c r="T66" s="16"/>
      <c r="U66" s="16"/>
      <c r="V66" s="16"/>
      <c r="W66" s="16"/>
      <c r="X66" s="1"/>
      <c r="Y66" s="1"/>
      <c r="Z66" s="1"/>
      <c r="AA66" s="1"/>
      <c r="AB66" s="1"/>
      <c r="AC66" s="1"/>
      <c r="AD66" s="1"/>
      <c r="AE66" s="1"/>
      <c r="AF66" s="1"/>
      <c r="AG66" s="1"/>
      <c r="AH66" s="1"/>
      <c r="AI66" s="1"/>
      <c r="AJ66" s="1"/>
      <c r="AK66" s="1"/>
      <c r="AL66"/>
    </row>
    <row r="67" spans="1:38" ht="12" customHeight="1">
      <c r="A67" s="13"/>
      <c r="B67" s="13"/>
      <c r="C67" s="13"/>
      <c r="D67" s="3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6"/>
      <c r="T67" s="16"/>
      <c r="U67" s="16"/>
      <c r="V67" s="16"/>
      <c r="W67" s="16"/>
      <c r="X67" s="1"/>
      <c r="Y67" s="1"/>
      <c r="Z67" s="1"/>
      <c r="AA67" s="1"/>
      <c r="AB67" s="1"/>
      <c r="AC67" s="1"/>
      <c r="AD67" s="1"/>
      <c r="AE67" s="1"/>
      <c r="AF67" s="1"/>
      <c r="AG67" s="1"/>
      <c r="AH67" s="1"/>
      <c r="AI67" s="1"/>
      <c r="AJ67" s="1"/>
      <c r="AK67" s="1"/>
      <c r="AL67"/>
    </row>
    <row r="68" spans="1:38" ht="12" customHeight="1">
      <c r="A68" s="1"/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6"/>
      <c r="T68" s="16"/>
      <c r="U68" s="16"/>
      <c r="V68" s="16"/>
      <c r="W68" s="16"/>
      <c r="X68" s="1"/>
      <c r="Y68" s="1"/>
      <c r="Z68" s="1"/>
      <c r="AA68" s="1"/>
      <c r="AB68" s="1"/>
      <c r="AC68" s="1"/>
      <c r="AD68" s="1"/>
      <c r="AE68" s="1"/>
      <c r="AF68" s="1"/>
      <c r="AG68" s="1"/>
      <c r="AH68" s="1"/>
      <c r="AI68" s="1"/>
      <c r="AJ68" s="1"/>
      <c r="AK68" s="1"/>
      <c r="AL68"/>
    </row>
    <row r="69" spans="1:38" ht="12" customHeight="1">
      <c r="A69" s="1"/>
      <c r="B69" s="2"/>
      <c r="C69" s="2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8"/>
      <c r="T69" s="8"/>
      <c r="U69" s="8"/>
      <c r="V69" s="8"/>
      <c r="W69" s="1"/>
      <c r="X69" s="1"/>
      <c r="Y69" s="1"/>
      <c r="Z69" s="1"/>
      <c r="AA69" s="1"/>
      <c r="AB69" s="1"/>
      <c r="AC69" s="1"/>
      <c r="AD69" s="1"/>
      <c r="AE69" s="1"/>
      <c r="AF69" s="1"/>
      <c r="AG69" s="1"/>
      <c r="AH69" s="1"/>
      <c r="AI69" s="1"/>
      <c r="AJ69" s="1"/>
      <c r="AK69" s="1"/>
      <c r="AL69"/>
    </row>
    <row r="70" spans="1:38" ht="12" customHeight="1">
      <c r="A70" s="1"/>
      <c r="B70" s="2"/>
      <c r="C70" s="2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8"/>
      <c r="T70" s="8"/>
      <c r="U70" s="8"/>
      <c r="V70" s="8"/>
      <c r="W70" s="1"/>
      <c r="X70" s="1"/>
      <c r="Y70" s="1"/>
      <c r="Z70" s="1"/>
      <c r="AA70" s="1"/>
      <c r="AB70" s="1"/>
      <c r="AC70" s="1"/>
      <c r="AD70" s="1"/>
      <c r="AE70" s="1"/>
      <c r="AF70" s="1"/>
      <c r="AG70" s="1"/>
      <c r="AH70" s="1"/>
      <c r="AI70" s="1"/>
      <c r="AJ70" s="1"/>
      <c r="AK70" s="1"/>
      <c r="AL70"/>
    </row>
    <row r="71" spans="1:38" ht="12" customHeight="1">
      <c r="A71" s="1"/>
      <c r="B71" s="1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/>
      <c r="T71" s="1"/>
      <c r="U71" s="1"/>
      <c r="V71" s="1"/>
      <c r="W71" s="1"/>
      <c r="X71" s="1"/>
      <c r="Y71" s="1"/>
      <c r="Z71" s="1"/>
      <c r="AA71" s="1"/>
      <c r="AB71" s="1"/>
      <c r="AC71" s="1"/>
      <c r="AD71" s="1"/>
      <c r="AE71" s="1"/>
      <c r="AF71" s="1"/>
      <c r="AG71" s="1"/>
      <c r="AH71" s="1"/>
      <c r="AI71" s="1"/>
      <c r="AJ71" s="1"/>
      <c r="AK71" s="1"/>
      <c r="AL71"/>
    </row>
    <row r="72" spans="1:38" ht="12" customHeight="1">
      <c r="A72" s="1"/>
      <c r="B72" s="1"/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/>
      <c r="T72" s="1"/>
      <c r="U72" s="1"/>
      <c r="V72" s="1"/>
      <c r="W72" s="1"/>
      <c r="X72" s="1"/>
      <c r="Y72" s="1"/>
      <c r="Z72" s="1"/>
      <c r="AA72" s="1"/>
      <c r="AB72" s="1"/>
      <c r="AC72" s="1"/>
      <c r="AD72" s="1"/>
      <c r="AE72" s="1"/>
      <c r="AF72" s="1"/>
      <c r="AG72" s="1"/>
      <c r="AH72" s="1"/>
      <c r="AI72" s="1"/>
      <c r="AJ72" s="1"/>
      <c r="AK72" s="1"/>
      <c r="AL72"/>
    </row>
    <row r="73" spans="1:38" ht="12" customHeight="1">
      <c r="A73" s="1"/>
      <c r="B73" s="1"/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/>
      <c r="T73" s="1"/>
      <c r="U73" s="1"/>
      <c r="V73" s="1"/>
      <c r="W73" s="1"/>
      <c r="X73" s="1"/>
      <c r="Y73" s="1"/>
      <c r="Z73" s="1"/>
      <c r="AA73" s="1"/>
      <c r="AB73" s="1"/>
      <c r="AC73" s="1"/>
      <c r="AD73" s="1"/>
      <c r="AE73" s="1"/>
      <c r="AF73" s="1"/>
      <c r="AG73" s="1"/>
      <c r="AH73" s="1"/>
      <c r="AI73" s="1"/>
      <c r="AJ73" s="1"/>
      <c r="AK73" s="1"/>
      <c r="AL73"/>
    </row>
    <row r="74" spans="1:38" ht="12" customHeight="1">
      <c r="A74" s="1"/>
      <c r="B74" s="1"/>
      <c r="C74" s="1"/>
      <c r="D74" s="1"/>
      <c r="E74" s="1"/>
      <c r="F74" s="1"/>
      <c r="G74" s="1"/>
      <c r="H74" s="1"/>
      <c r="I74" s="1"/>
      <c r="J74" s="1"/>
      <c r="K74" s="1"/>
      <c r="L74" s="1"/>
      <c r="M74" s="1"/>
      <c r="N74" s="1"/>
      <c r="O74" s="1"/>
      <c r="P74" s="1"/>
      <c r="Q74" s="1"/>
      <c r="R74" s="1"/>
      <c r="S74"/>
      <c r="T74" s="1"/>
      <c r="U74" s="1"/>
      <c r="V74" s="1"/>
      <c r="W74" s="1"/>
      <c r="X74" s="1"/>
      <c r="Y74" s="1"/>
      <c r="Z74" s="1"/>
      <c r="AA74" s="1"/>
      <c r="AB74" s="1"/>
      <c r="AC74" s="1"/>
      <c r="AD74" s="1"/>
      <c r="AE74" s="1"/>
      <c r="AF74" s="1"/>
      <c r="AG74" s="1"/>
      <c r="AH74" s="1"/>
      <c r="AI74" s="1"/>
      <c r="AJ74" s="1"/>
      <c r="AK74" s="1"/>
      <c r="AL74"/>
    </row>
    <row r="75" spans="1:38" ht="12" customHeight="1">
      <c r="A75" s="1"/>
      <c r="B75" s="1"/>
      <c r="C75" s="1"/>
      <c r="D75" s="1"/>
      <c r="E75" s="1"/>
      <c r="F75" s="1"/>
      <c r="G75" s="1"/>
      <c r="H75" s="1"/>
      <c r="I75" s="1"/>
      <c r="J75" s="1"/>
      <c r="K75" s="1"/>
      <c r="L75" s="1"/>
      <c r="M75" s="1"/>
      <c r="N75" s="1"/>
      <c r="O75" s="1"/>
      <c r="P75" s="1"/>
      <c r="Q75" s="1"/>
      <c r="R75" s="1"/>
      <c r="S75"/>
      <c r="T75" s="1"/>
      <c r="U75" s="1"/>
      <c r="V75" s="1"/>
      <c r="W75" s="1"/>
      <c r="X75" s="1"/>
      <c r="Y75" s="1"/>
      <c r="Z75" s="1"/>
      <c r="AA75" s="1"/>
      <c r="AB75" s="1"/>
      <c r="AC75" s="1"/>
      <c r="AD75" s="1"/>
      <c r="AE75" s="1"/>
      <c r="AF75" s="1"/>
      <c r="AG75" s="1"/>
      <c r="AH75" s="1"/>
      <c r="AI75" s="1"/>
      <c r="AJ75" s="1"/>
      <c r="AK75" s="1"/>
      <c r="AL75"/>
    </row>
    <row r="76" spans="1:38" ht="12" customHeight="1">
      <c r="A76" s="1"/>
      <c r="B76" s="1"/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/>
      <c r="T76" s="1"/>
      <c r="U76" s="1"/>
      <c r="V76" s="1"/>
      <c r="W76" s="1"/>
      <c r="X76" s="1"/>
      <c r="Y76" s="1"/>
      <c r="Z76" s="1"/>
      <c r="AA76" s="1"/>
      <c r="AB76" s="1"/>
      <c r="AC76" s="1"/>
      <c r="AD76" s="1"/>
      <c r="AE76" s="1"/>
      <c r="AF76" s="1"/>
      <c r="AG76" s="1"/>
      <c r="AH76" s="1"/>
      <c r="AI76" s="1"/>
      <c r="AJ76" s="1"/>
      <c r="AK76" s="1"/>
      <c r="AL76"/>
    </row>
    <row r="77" spans="1:38" ht="12" customHeight="1">
      <c r="A77" s="1"/>
      <c r="B77" s="1"/>
      <c r="C77" s="1"/>
      <c r="D77" s="1"/>
      <c r="E77" s="1"/>
      <c r="F77" s="1"/>
      <c r="G77" s="1"/>
      <c r="H77" s="1"/>
      <c r="I77" s="1"/>
      <c r="J77" s="1"/>
      <c r="K77" s="1"/>
      <c r="L77" s="1"/>
      <c r="M77" s="1"/>
      <c r="N77" s="1"/>
      <c r="O77" s="1"/>
      <c r="P77" s="1"/>
      <c r="Q77" s="1"/>
      <c r="R77" s="1"/>
      <c r="S77"/>
      <c r="T77" s="1"/>
      <c r="U77" s="1"/>
      <c r="V77" s="1"/>
      <c r="W77" s="1"/>
      <c r="X77" s="1"/>
      <c r="Y77" s="1"/>
      <c r="Z77" s="1"/>
      <c r="AA77" s="1"/>
      <c r="AB77" s="1"/>
      <c r="AC77" s="1"/>
      <c r="AD77" s="1"/>
      <c r="AE77" s="1"/>
      <c r="AF77" s="1"/>
      <c r="AG77" s="1"/>
      <c r="AH77" s="1"/>
      <c r="AI77" s="1"/>
      <c r="AJ77" s="1"/>
      <c r="AK77" s="1"/>
      <c r="AL77"/>
    </row>
    <row r="78" spans="1:38" ht="12" customHeight="1">
      <c r="A78" s="1"/>
      <c r="B78" s="1"/>
      <c r="C78" s="1"/>
      <c r="D78" s="1"/>
      <c r="E78" s="1"/>
      <c r="F78" s="1"/>
      <c r="G78" s="1"/>
      <c r="H78" s="1"/>
      <c r="I78" s="1"/>
      <c r="J78" s="1"/>
      <c r="K78" s="1"/>
      <c r="L78" s="1"/>
      <c r="M78" s="1"/>
      <c r="N78" s="1"/>
      <c r="O78" s="1"/>
      <c r="P78" s="1"/>
      <c r="Q78" s="1"/>
      <c r="R78" s="1"/>
      <c r="S78"/>
      <c r="T78" s="1"/>
      <c r="U78" s="1"/>
      <c r="V78" s="1"/>
      <c r="W78" s="1"/>
      <c r="X78" s="1"/>
      <c r="Y78" s="1"/>
      <c r="Z78" s="1"/>
      <c r="AA78" s="1"/>
      <c r="AB78" s="1"/>
      <c r="AC78" s="1"/>
      <c r="AD78" s="1"/>
      <c r="AE78" s="1"/>
      <c r="AF78" s="1"/>
      <c r="AG78" s="1"/>
      <c r="AH78" s="1"/>
      <c r="AI78" s="1"/>
      <c r="AJ78" s="1"/>
      <c r="AK78" s="1"/>
      <c r="AL78"/>
    </row>
    <row r="79" spans="1:38" ht="12" customHeight="1">
      <c r="A79" s="1"/>
      <c r="B79" s="1"/>
      <c r="C79" s="1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/>
      <c r="T79" s="1"/>
      <c r="U79" s="1"/>
      <c r="V79" s="1"/>
      <c r="W79" s="1"/>
      <c r="X79" s="1"/>
      <c r="Y79" s="1"/>
      <c r="Z79" s="1"/>
      <c r="AA79" s="1"/>
      <c r="AB79" s="1"/>
      <c r="AC79" s="1"/>
      <c r="AD79" s="1"/>
      <c r="AE79" s="1"/>
      <c r="AF79" s="1"/>
      <c r="AG79" s="1"/>
      <c r="AH79" s="1"/>
      <c r="AI79" s="1"/>
      <c r="AJ79" s="1"/>
      <c r="AK79" s="1"/>
      <c r="AL79"/>
    </row>
    <row r="80" spans="1:38" ht="12" customHeight="1">
      <c r="A80" s="1"/>
      <c r="B80" s="1"/>
      <c r="C80" s="1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/>
      <c r="T80" s="1"/>
      <c r="U80" s="1"/>
      <c r="V80" s="1"/>
      <c r="W80" s="1"/>
      <c r="X80" s="1"/>
      <c r="Y80" s="1"/>
      <c r="Z80" s="1"/>
      <c r="AA80" s="1"/>
      <c r="AB80" s="1"/>
      <c r="AC80" s="1"/>
      <c r="AD80" s="1"/>
      <c r="AE80" s="1"/>
      <c r="AF80" s="1"/>
      <c r="AG80" s="1"/>
      <c r="AH80" s="1"/>
      <c r="AI80" s="1"/>
      <c r="AJ80" s="1"/>
      <c r="AK80" s="1"/>
      <c r="AL80"/>
    </row>
    <row r="81" spans="1:38" ht="12" customHeight="1">
      <c r="A81" s="1"/>
      <c r="B81" s="1"/>
      <c r="C81" s="1"/>
      <c r="D81" s="1"/>
      <c r="E81" s="1"/>
      <c r="F81" s="1"/>
      <c r="G81" s="1"/>
      <c r="H81" s="1"/>
      <c r="I81" s="1"/>
      <c r="J81" s="1"/>
      <c r="K81" s="1"/>
      <c r="L81" s="1"/>
      <c r="M81" s="1"/>
      <c r="N81" s="1"/>
      <c r="O81" s="1"/>
      <c r="P81" s="1"/>
      <c r="Q81" s="1"/>
      <c r="R81" s="1"/>
      <c r="S81"/>
      <c r="T81" s="1"/>
      <c r="U81" s="1"/>
      <c r="V81" s="1"/>
      <c r="W81" s="1"/>
      <c r="X81" s="1"/>
      <c r="Y81" s="1"/>
      <c r="Z81" s="1"/>
      <c r="AA81" s="1"/>
      <c r="AB81" s="1"/>
      <c r="AC81" s="1"/>
      <c r="AD81" s="1"/>
      <c r="AE81" s="1"/>
      <c r="AF81" s="1"/>
      <c r="AG81" s="1"/>
      <c r="AH81" s="1"/>
      <c r="AI81" s="1"/>
      <c r="AJ81" s="1"/>
      <c r="AK81" s="1"/>
      <c r="AL81"/>
    </row>
    <row r="82" spans="1:38" ht="12" customHeight="1">
      <c r="A82" s="1"/>
      <c r="B82" s="1"/>
      <c r="C82" s="1"/>
      <c r="D82" s="1"/>
      <c r="E82" s="1"/>
      <c r="F82" s="1"/>
      <c r="G82" s="1"/>
      <c r="H82" s="1"/>
      <c r="I82" s="1"/>
      <c r="J82" s="1"/>
      <c r="K82" s="1"/>
      <c r="L82" s="1"/>
      <c r="M82" s="1"/>
      <c r="N82" s="1"/>
      <c r="O82" s="1"/>
      <c r="P82" s="1"/>
      <c r="Q82" s="1"/>
      <c r="R82" s="1"/>
      <c r="S82"/>
      <c r="T82" s="1"/>
      <c r="U82" s="1"/>
      <c r="V82" s="1"/>
      <c r="W82" s="1"/>
      <c r="X82" s="1"/>
      <c r="Y82" s="1"/>
      <c r="Z82" s="1"/>
      <c r="AA82" s="1"/>
      <c r="AB82" s="1"/>
      <c r="AC82" s="1"/>
      <c r="AD82" s="1"/>
      <c r="AE82" s="1"/>
      <c r="AF82" s="1"/>
      <c r="AG82" s="1"/>
      <c r="AH82" s="1"/>
      <c r="AI82" s="1"/>
      <c r="AJ82" s="1"/>
      <c r="AK82" s="1"/>
      <c r="AL82"/>
    </row>
    <row r="83" spans="1:38" ht="12" customHeight="1">
      <c r="A83" s="1"/>
      <c r="B83" s="1"/>
      <c r="C83" s="1"/>
      <c r="D83" s="1"/>
      <c r="E83" s="1"/>
      <c r="F83" s="1"/>
      <c r="G83" s="1"/>
      <c r="H83" s="1"/>
      <c r="I83" s="1"/>
      <c r="J83" s="1"/>
      <c r="K83" s="1"/>
      <c r="L83" s="1"/>
      <c r="M83" s="1"/>
      <c r="N83" s="1"/>
      <c r="O83" s="1"/>
      <c r="P83" s="1"/>
      <c r="Q83" s="1"/>
      <c r="R83" s="1"/>
      <c r="S83"/>
      <c r="T83" s="1"/>
      <c r="U83" s="1"/>
      <c r="V83" s="1"/>
      <c r="W83" s="1"/>
      <c r="X83" s="1"/>
      <c r="Y83" s="1"/>
      <c r="Z83" s="1"/>
      <c r="AA83" s="1"/>
      <c r="AB83" s="1"/>
      <c r="AC83" s="1"/>
      <c r="AD83" s="1"/>
      <c r="AE83" s="1"/>
      <c r="AF83" s="1"/>
      <c r="AG83" s="1"/>
      <c r="AH83" s="1"/>
      <c r="AI83" s="1"/>
      <c r="AJ83" s="1"/>
      <c r="AK83" s="1"/>
      <c r="AL83"/>
    </row>
    <row r="84" spans="1:38" ht="12" customHeight="1">
      <c r="A84" s="1"/>
      <c r="B84" s="1"/>
      <c r="C84" s="1"/>
      <c r="D84" s="1"/>
      <c r="E84" s="1"/>
      <c r="F84" s="1"/>
      <c r="G84" s="1"/>
      <c r="H84" s="1"/>
      <c r="I84" s="1"/>
      <c r="J84" s="1"/>
      <c r="K84" s="1"/>
      <c r="L84" s="1"/>
      <c r="M84" s="1"/>
      <c r="N84" s="1"/>
      <c r="O84" s="1"/>
      <c r="P84" s="1"/>
      <c r="Q84" s="1"/>
      <c r="R84" s="1"/>
      <c r="S84"/>
      <c r="T84" s="1"/>
      <c r="U84" s="1"/>
      <c r="V84" s="1"/>
      <c r="W84" s="1"/>
      <c r="X84" s="1"/>
      <c r="Y84" s="1"/>
      <c r="Z84" s="1"/>
      <c r="AA84" s="1"/>
      <c r="AB84" s="1"/>
      <c r="AC84" s="1"/>
      <c r="AD84" s="1"/>
      <c r="AE84" s="1"/>
      <c r="AF84" s="1"/>
      <c r="AG84" s="1"/>
      <c r="AH84" s="1"/>
      <c r="AI84" s="1"/>
      <c r="AJ84" s="1"/>
      <c r="AK84" s="1"/>
      <c r="AL84"/>
    </row>
    <row r="85" spans="1:38" ht="12" customHeight="1">
      <c r="A85" s="1"/>
      <c r="B85" s="1"/>
      <c r="C85" s="1"/>
      <c r="D85" s="1"/>
      <c r="E85" s="1"/>
      <c r="F85" s="1"/>
      <c r="G85" s="1"/>
      <c r="H85" s="1"/>
      <c r="I85" s="1"/>
      <c r="J85" s="1"/>
      <c r="K85" s="1"/>
      <c r="L85" s="1"/>
      <c r="M85" s="1"/>
      <c r="N85" s="1"/>
      <c r="O85" s="1"/>
      <c r="P85" s="1"/>
      <c r="Q85" s="1"/>
      <c r="R85" s="1"/>
      <c r="S85"/>
      <c r="T85" s="1"/>
      <c r="U85" s="1"/>
      <c r="V85" s="1"/>
      <c r="W85" s="1"/>
      <c r="X85" s="1"/>
      <c r="Y85" s="1"/>
      <c r="Z85" s="1"/>
      <c r="AA85" s="1"/>
      <c r="AB85" s="1"/>
      <c r="AC85" s="1"/>
      <c r="AD85" s="1"/>
      <c r="AE85" s="1"/>
      <c r="AF85" s="1"/>
      <c r="AG85" s="1"/>
      <c r="AH85" s="1"/>
      <c r="AI85" s="1"/>
      <c r="AJ85" s="1"/>
      <c r="AK85" s="1"/>
      <c r="AL85"/>
    </row>
    <row r="86" spans="1:38" ht="12" customHeight="1">
      <c r="A86" s="1"/>
      <c r="B86" s="1"/>
      <c r="C86" s="1"/>
      <c r="D86" s="1"/>
      <c r="E86" s="1"/>
      <c r="F86" s="1"/>
      <c r="G86" s="1"/>
      <c r="H86" s="1"/>
      <c r="I86" s="1"/>
      <c r="J86" s="1"/>
      <c r="K86" s="1"/>
      <c r="L86" s="1"/>
      <c r="M86" s="1"/>
      <c r="N86" s="1"/>
      <c r="O86" s="1"/>
      <c r="P86" s="1"/>
      <c r="Q86" s="1"/>
      <c r="R86" s="1"/>
      <c r="S86"/>
      <c r="T86" s="1"/>
      <c r="U86" s="1"/>
      <c r="V86" s="1"/>
      <c r="W86" s="1"/>
      <c r="X86" s="1"/>
      <c r="Y86" s="1"/>
      <c r="Z86" s="1"/>
      <c r="AA86" s="1"/>
      <c r="AB86" s="1"/>
      <c r="AC86" s="1"/>
      <c r="AD86" s="1"/>
      <c r="AE86" s="1"/>
      <c r="AF86" s="1"/>
      <c r="AG86" s="1"/>
      <c r="AH86" s="1"/>
      <c r="AI86" s="1"/>
      <c r="AJ86" s="1"/>
      <c r="AK86" s="1"/>
      <c r="AL86"/>
    </row>
    <row r="87" spans="1:38" ht="12" customHeight="1">
      <c r="A87" s="1"/>
      <c r="B87" s="1"/>
      <c r="C87" s="1"/>
      <c r="D87" s="1"/>
      <c r="E87" s="1"/>
      <c r="F87" s="1"/>
      <c r="G87" s="1"/>
      <c r="H87" s="1"/>
      <c r="I87" s="1"/>
      <c r="J87" s="1"/>
      <c r="K87" s="1"/>
      <c r="L87" s="1"/>
      <c r="M87" s="1"/>
      <c r="N87" s="1"/>
      <c r="O87" s="1"/>
      <c r="P87" s="1"/>
      <c r="Q87" s="1"/>
      <c r="R87" s="1"/>
      <c r="S87"/>
      <c r="T87" s="1"/>
      <c r="U87" s="1"/>
      <c r="V87" s="1"/>
      <c r="W87" s="1"/>
      <c r="X87" s="1"/>
      <c r="Y87" s="1"/>
      <c r="Z87" s="1"/>
      <c r="AA87" s="1"/>
      <c r="AB87" s="1"/>
      <c r="AC87" s="1"/>
      <c r="AD87" s="1"/>
      <c r="AE87" s="1"/>
      <c r="AF87" s="1"/>
      <c r="AG87" s="1"/>
      <c r="AH87" s="1"/>
      <c r="AI87" s="1"/>
      <c r="AJ87" s="1"/>
      <c r="AK87" s="1"/>
      <c r="AL87"/>
    </row>
    <row r="88" spans="1:38" ht="12" customHeight="1">
      <c r="A88" s="1"/>
      <c r="B88" s="1"/>
      <c r="C88" s="1"/>
      <c r="D88" s="1"/>
      <c r="E88" s="1"/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/>
      <c r="T88" s="1"/>
      <c r="U88" s="1"/>
      <c r="V88" s="1"/>
      <c r="W88" s="1"/>
      <c r="X88" s="1"/>
      <c r="Y88" s="1"/>
      <c r="Z88" s="1"/>
      <c r="AA88" s="1"/>
      <c r="AB88" s="1"/>
      <c r="AC88" s="1"/>
      <c r="AD88" s="1"/>
      <c r="AE88" s="1"/>
      <c r="AF88" s="1"/>
      <c r="AG88" s="1"/>
      <c r="AH88" s="1"/>
      <c r="AI88" s="1"/>
      <c r="AJ88" s="1"/>
      <c r="AK88" s="1"/>
      <c r="AL88"/>
    </row>
    <row r="89" spans="1:38" ht="12" customHeight="1">
      <c r="A89" s="1"/>
      <c r="B89" s="1"/>
      <c r="C89" s="1"/>
      <c r="D89" s="1"/>
      <c r="E89" s="1"/>
      <c r="F89" s="1"/>
      <c r="G89" s="1"/>
      <c r="H89" s="1"/>
      <c r="I89" s="1"/>
      <c r="J89" s="1"/>
      <c r="K89" s="1"/>
      <c r="L89" s="1"/>
      <c r="M89" s="1"/>
      <c r="N89" s="1"/>
      <c r="O89" s="1"/>
      <c r="P89" s="1"/>
      <c r="Q89" s="1"/>
      <c r="R89" s="1"/>
      <c r="S89"/>
      <c r="T89" s="1"/>
      <c r="U89" s="1"/>
      <c r="V89" s="1"/>
      <c r="W89" s="1"/>
      <c r="X89" s="1"/>
      <c r="Y89" s="1"/>
      <c r="Z89" s="1"/>
      <c r="AA89" s="1"/>
      <c r="AB89" s="1"/>
      <c r="AC89" s="1"/>
      <c r="AD89" s="1"/>
      <c r="AE89" s="1"/>
      <c r="AF89" s="1"/>
      <c r="AG89" s="1"/>
      <c r="AH89" s="1"/>
      <c r="AI89" s="1"/>
      <c r="AJ89" s="1"/>
      <c r="AK89" s="1"/>
      <c r="AL89"/>
    </row>
    <row r="90" spans="1:38" ht="12" customHeight="1">
      <c r="A90" s="1"/>
      <c r="B90" s="1"/>
      <c r="C90" s="1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/>
      <c r="T90" s="1"/>
      <c r="U90" s="1"/>
      <c r="V90" s="1"/>
      <c r="W90" s="1"/>
      <c r="X90" s="1"/>
      <c r="Y90" s="1"/>
      <c r="Z90" s="1"/>
      <c r="AA90" s="1"/>
      <c r="AB90" s="1"/>
      <c r="AC90" s="1"/>
      <c r="AD90" s="1"/>
      <c r="AE90" s="1"/>
      <c r="AF90" s="1"/>
      <c r="AG90" s="1"/>
      <c r="AH90" s="1"/>
      <c r="AI90" s="1"/>
      <c r="AJ90" s="1"/>
      <c r="AK90" s="1"/>
      <c r="AL90"/>
    </row>
    <row r="91" spans="1:38" ht="12" customHeight="1">
      <c r="A91" s="1"/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/>
    </row>
    <row r="92" spans="1:38" ht="12" customHeight="1">
      <c r="A92" s="1"/>
      <c r="B92" s="1"/>
      <c r="C92" s="1"/>
      <c r="D92" s="1"/>
      <c r="E92" s="1"/>
      <c r="F92" s="1"/>
      <c r="G92" s="1"/>
      <c r="H92" s="1"/>
      <c r="I92" s="1"/>
      <c r="K92" s="1"/>
      <c r="L92" s="1"/>
      <c r="M92" s="1"/>
      <c r="N92" s="1"/>
      <c r="O92" s="1"/>
      <c r="P92" s="1"/>
      <c r="Q92" s="1"/>
      <c r="R92" s="1"/>
      <c r="S92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/>
    </row>
    <row r="93" spans="1:38" ht="12" customHeight="1">
      <c r="A93" s="1"/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/>
    </row>
    <row r="94" spans="1:38" ht="12" customHeight="1">
      <c r="A94" s="1"/>
      <c r="B94" s="1"/>
      <c r="C94" s="1"/>
      <c r="D94" s="1"/>
      <c r="E94" s="1"/>
      <c r="F94" s="1"/>
      <c r="G94" s="1"/>
      <c r="I94" s="28" t="s">
        <v>25</v>
      </c>
      <c r="J94" s="28"/>
      <c r="K94" s="28"/>
      <c r="L94" s="28"/>
      <c r="M94" s="28"/>
      <c r="N94" s="1"/>
      <c r="O94" s="1"/>
      <c r="P94" s="1"/>
      <c r="Q94" s="1"/>
      <c r="R94" s="1"/>
      <c r="S94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/>
    </row>
    <row r="95" spans="1:38" ht="12" customHeight="1">
      <c r="A95" s="1"/>
      <c r="B95" s="1"/>
      <c r="C95" s="1"/>
      <c r="D95" s="1"/>
      <c r="E95" s="1"/>
      <c r="F95" s="1"/>
      <c r="G95" s="1"/>
      <c r="I95" s="28"/>
      <c r="J95" s="28"/>
      <c r="K95" s="28"/>
      <c r="L95" s="28"/>
      <c r="M95" s="28"/>
      <c r="N95" s="1"/>
      <c r="O95" s="1"/>
      <c r="P95" s="1"/>
      <c r="Q95" s="1"/>
      <c r="R95" s="1"/>
      <c r="S95"/>
      <c r="T95" s="1"/>
      <c r="U95" s="1"/>
      <c r="V95" s="1"/>
      <c r="W95" s="1"/>
      <c r="X95" s="1"/>
      <c r="Y95" s="1"/>
      <c r="Z95" s="23" t="s">
        <v>1</v>
      </c>
      <c r="AA95" s="24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/>
    </row>
    <row r="96" spans="1:38" ht="12" customHeight="1">
      <c r="A96" s="1"/>
      <c r="B96" s="1"/>
      <c r="C96" s="1"/>
      <c r="D96" s="1"/>
      <c r="E96" s="1"/>
      <c r="F96" s="1"/>
      <c r="G96" s="1"/>
      <c r="H96" s="1"/>
      <c r="I96" s="25" t="s">
        <v>26</v>
      </c>
      <c r="J96" s="25"/>
      <c r="K96" s="25"/>
      <c r="L96" s="25"/>
      <c r="M96" s="25"/>
      <c r="N96" s="1"/>
      <c r="O96" s="1"/>
      <c r="P96" s="1"/>
      <c r="Q96" s="1"/>
      <c r="R96" s="1"/>
      <c r="S96"/>
      <c r="T96" s="1"/>
      <c r="U96" s="1"/>
      <c r="V96" s="1"/>
      <c r="W96" s="1"/>
      <c r="X96" s="1"/>
      <c r="Y96" s="1"/>
      <c r="Z96" s="24"/>
      <c r="AA96" s="24"/>
      <c r="AB96" s="9"/>
      <c r="AC96" s="9"/>
      <c r="AD96" s="9"/>
      <c r="AE96" s="9"/>
      <c r="AF96" s="9"/>
      <c r="AG96" s="1"/>
      <c r="AH96" s="1"/>
      <c r="AI96" s="1"/>
      <c r="AJ96" s="1"/>
      <c r="AK96" s="1"/>
      <c r="AL96"/>
    </row>
    <row r="97" spans="1:38" ht="12" customHeight="1">
      <c r="A97" s="1"/>
      <c r="B97" s="1"/>
      <c r="C97" s="1"/>
      <c r="D97" s="1"/>
      <c r="E97" s="1"/>
      <c r="F97" s="1"/>
      <c r="G97" s="23" t="s">
        <v>1</v>
      </c>
      <c r="H97" s="24"/>
      <c r="I97" s="25"/>
      <c r="J97" s="25"/>
      <c r="K97" s="25"/>
      <c r="L97" s="25"/>
      <c r="M97" s="25"/>
      <c r="N97" s="1"/>
      <c r="O97" s="1"/>
      <c r="P97" s="1"/>
      <c r="Q97" s="1"/>
      <c r="R97" s="1"/>
      <c r="S97"/>
      <c r="T97" s="1"/>
      <c r="U97" s="1"/>
      <c r="V97" s="1"/>
      <c r="W97" s="1"/>
      <c r="X97" s="1"/>
      <c r="Y97" s="1"/>
      <c r="Z97"/>
      <c r="AA97"/>
      <c r="AB97"/>
      <c r="AC97"/>
      <c r="AD97"/>
      <c r="AE97"/>
      <c r="AF97"/>
      <c r="AG97" s="1"/>
      <c r="AH97" s="1"/>
      <c r="AI97" s="1"/>
      <c r="AJ97" s="1"/>
      <c r="AK97" s="1"/>
      <c r="AL97"/>
    </row>
    <row r="98" spans="1:38" ht="12" customHeight="1">
      <c r="A98" s="1"/>
      <c r="B98" s="1"/>
      <c r="C98" s="1"/>
      <c r="D98" s="1"/>
      <c r="E98" s="1"/>
      <c r="F98" s="1"/>
      <c r="G98" s="24"/>
      <c r="H98" s="24"/>
      <c r="I98" s="25" t="s">
        <v>22</v>
      </c>
      <c r="J98" s="25"/>
      <c r="K98" s="25"/>
      <c r="L98" s="25"/>
      <c r="M98" s="25"/>
      <c r="N98" s="1"/>
      <c r="O98" s="1"/>
      <c r="P98" s="1"/>
      <c r="Q98" s="1"/>
      <c r="R98" s="1"/>
      <c r="S98"/>
      <c r="T98" s="1"/>
      <c r="U98" s="1"/>
      <c r="V98" s="1"/>
      <c r="W98" s="1"/>
      <c r="X98" s="1"/>
      <c r="Y98" s="1"/>
      <c r="Z98"/>
      <c r="AA98"/>
      <c r="AB98"/>
      <c r="AC98"/>
      <c r="AD98"/>
      <c r="AE98"/>
      <c r="AF98"/>
      <c r="AG98" s="1"/>
      <c r="AH98" s="1"/>
      <c r="AI98" s="1"/>
      <c r="AJ98" s="1"/>
      <c r="AK98" s="1"/>
      <c r="AL98"/>
    </row>
    <row r="99" spans="1:38" ht="12" customHeight="1">
      <c r="A99" s="1"/>
      <c r="B99" s="1"/>
      <c r="C99" s="1"/>
      <c r="D99" s="1"/>
      <c r="E99" s="1"/>
      <c r="F99" s="1"/>
      <c r="G99" s="1"/>
      <c r="H99" s="1"/>
      <c r="I99" s="25"/>
      <c r="J99" s="25"/>
      <c r="K99" s="25"/>
      <c r="L99" s="25"/>
      <c r="M99" s="25"/>
      <c r="N99" s="1"/>
      <c r="O99" s="1"/>
      <c r="P99" s="1"/>
      <c r="Q99" s="1"/>
      <c r="R99" s="1"/>
      <c r="S99"/>
      <c r="T99" s="1"/>
      <c r="U99" s="1"/>
      <c r="V99" s="1"/>
      <c r="W99" s="1"/>
      <c r="X99" s="1"/>
      <c r="Y99" s="1"/>
      <c r="Z99" s="22" t="s">
        <v>18</v>
      </c>
      <c r="AA99" s="22"/>
      <c r="AB99" s="22"/>
      <c r="AC99" s="22"/>
      <c r="AD99" s="22"/>
      <c r="AE99" s="22"/>
      <c r="AF99" s="22"/>
      <c r="AG99" s="1"/>
      <c r="AH99" s="1"/>
      <c r="AI99" s="1"/>
      <c r="AJ99" s="1"/>
      <c r="AK99" s="1"/>
      <c r="AL99"/>
    </row>
    <row r="100" spans="1:38" ht="12" customHeight="1">
      <c r="A100" s="1"/>
      <c r="B100" s="1"/>
      <c r="C100" s="1"/>
      <c r="D100" s="1"/>
      <c r="E100" s="1"/>
      <c r="F100" s="1"/>
      <c r="G100" s="1"/>
      <c r="H100" s="1"/>
      <c r="I100" s="25" t="s">
        <v>27</v>
      </c>
      <c r="J100" s="25"/>
      <c r="K100" s="25"/>
      <c r="L100" s="25"/>
      <c r="M100" s="25"/>
      <c r="N100" s="1"/>
      <c r="O100" s="1"/>
      <c r="P100" s="1"/>
      <c r="Q100" s="1"/>
      <c r="R100" s="1"/>
      <c r="S100"/>
      <c r="T100" s="1"/>
      <c r="U100" s="1"/>
      <c r="V100" s="1"/>
      <c r="W100" s="1"/>
      <c r="X100" s="1"/>
      <c r="Y100" s="1"/>
      <c r="Z100" s="22"/>
      <c r="AA100" s="22"/>
      <c r="AB100" s="22"/>
      <c r="AC100" s="22"/>
      <c r="AD100" s="22"/>
      <c r="AE100" s="22"/>
      <c r="AF100" s="22"/>
      <c r="AG100" s="1"/>
      <c r="AH100" s="1"/>
      <c r="AI100" s="1"/>
      <c r="AJ100" s="1"/>
      <c r="AK100" s="1"/>
      <c r="AL100"/>
    </row>
    <row r="101" spans="1:38" ht="12" customHeight="1">
      <c r="A101" s="1"/>
      <c r="B101" s="1"/>
      <c r="C101" s="1"/>
      <c r="D101" s="1"/>
      <c r="E101" s="1"/>
      <c r="F101" s="1"/>
      <c r="G101" s="27" t="s">
        <v>0</v>
      </c>
      <c r="H101" s="27"/>
      <c r="I101" s="25"/>
      <c r="J101" s="25"/>
      <c r="K101" s="25"/>
      <c r="L101" s="25"/>
      <c r="M101" s="25"/>
      <c r="N101" s="1"/>
      <c r="O101" s="1"/>
      <c r="P101" s="1"/>
      <c r="Q101" s="1"/>
      <c r="R101" s="1"/>
      <c r="S101"/>
      <c r="T101" s="1"/>
      <c r="U101" s="1"/>
      <c r="V101" s="1"/>
      <c r="W101" s="1"/>
      <c r="X101" s="1"/>
      <c r="Y101" s="1"/>
      <c r="Z101" s="16" t="s">
        <v>24</v>
      </c>
      <c r="AA101" s="16"/>
      <c r="AB101" s="16"/>
      <c r="AC101" s="16"/>
      <c r="AD101" s="16"/>
      <c r="AE101" s="16"/>
      <c r="AF101" s="16"/>
      <c r="AG101" s="1"/>
      <c r="AH101" s="1"/>
      <c r="AI101" s="1"/>
      <c r="AJ101" s="1"/>
      <c r="AK101" s="1"/>
      <c r="AL101"/>
    </row>
    <row r="102" spans="1:38" ht="12" customHeight="1">
      <c r="A102" s="1"/>
      <c r="B102" s="1"/>
      <c r="C102" s="1"/>
      <c r="D102" s="1"/>
      <c r="E102" s="1"/>
      <c r="F102" s="1"/>
      <c r="G102" s="27"/>
      <c r="H102" s="27"/>
      <c r="I102" s="21" t="s">
        <v>3</v>
      </c>
      <c r="J102" s="21"/>
      <c r="K102" s="21"/>
      <c r="L102" s="21"/>
      <c r="M102" s="21"/>
      <c r="N102" s="1"/>
      <c r="O102" s="1"/>
      <c r="P102" s="1"/>
      <c r="Q102" s="1"/>
      <c r="R102" s="1"/>
      <c r="S102"/>
      <c r="T102" s="1"/>
      <c r="U102" s="1"/>
      <c r="V102" s="1"/>
      <c r="W102" s="1"/>
      <c r="X102" s="1"/>
      <c r="Y102" s="1"/>
      <c r="Z102" s="16"/>
      <c r="AA102" s="16"/>
      <c r="AB102" s="16"/>
      <c r="AC102" s="16"/>
      <c r="AD102" s="16"/>
      <c r="AE102" s="16"/>
      <c r="AF102" s="16"/>
      <c r="AG102" s="1"/>
      <c r="AH102" s="1"/>
      <c r="AI102" s="1"/>
      <c r="AJ102" s="1"/>
      <c r="AK102" s="1"/>
      <c r="AL102"/>
    </row>
    <row r="103" spans="1:38" ht="12" customHeight="1">
      <c r="A103" s="1"/>
      <c r="B103" s="1"/>
      <c r="C103" s="1"/>
      <c r="D103" s="1"/>
      <c r="E103" s="1"/>
      <c r="F103" s="1"/>
      <c r="G103" s="1"/>
      <c r="H103" s="1"/>
      <c r="I103" s="21"/>
      <c r="J103" s="21"/>
      <c r="K103" s="21"/>
      <c r="L103" s="21"/>
      <c r="M103" s="21"/>
      <c r="N103" s="1"/>
      <c r="O103" s="1"/>
      <c r="P103" s="1"/>
      <c r="Q103" s="1"/>
      <c r="R103" s="1"/>
      <c r="S103"/>
      <c r="T103" s="1"/>
      <c r="U103" s="1"/>
      <c r="V103" s="1"/>
      <c r="W103" s="1"/>
      <c r="X103" s="1"/>
      <c r="Y103" s="1"/>
      <c r="Z103" s="1"/>
      <c r="AA103" s="1"/>
      <c r="AB103" s="1"/>
      <c r="AC103" s="1"/>
      <c r="AD103" s="1"/>
      <c r="AE103" s="1"/>
      <c r="AF103" s="1"/>
      <c r="AG103" s="1"/>
      <c r="AH103" s="1"/>
      <c r="AI103" s="1"/>
      <c r="AJ103" s="1"/>
      <c r="AK103" s="1"/>
      <c r="AL103"/>
    </row>
    <row r="104" spans="1:38" ht="12" customHeight="1">
      <c r="A104" s="1"/>
      <c r="B104" s="1"/>
      <c r="C104" s="1"/>
      <c r="D104" s="1"/>
      <c r="E104" s="1"/>
      <c r="F104" s="1"/>
      <c r="G104" s="1"/>
      <c r="H104" s="1"/>
      <c r="I104" s="21" t="s">
        <v>4</v>
      </c>
      <c r="J104" s="21"/>
      <c r="K104" s="21"/>
      <c r="L104" s="21"/>
      <c r="M104" s="21"/>
      <c r="N104" s="1"/>
      <c r="O104" s="1"/>
      <c r="P104" s="1"/>
      <c r="Q104" s="1"/>
      <c r="R104" s="1"/>
      <c r="S104"/>
      <c r="T104" s="1"/>
      <c r="U104" s="1"/>
      <c r="V104" s="1"/>
      <c r="W104" s="1"/>
      <c r="X104" s="1"/>
      <c r="Y104" s="1"/>
      <c r="Z104" s="1"/>
      <c r="AA104" s="1"/>
      <c r="AB104" s="1"/>
      <c r="AC104" s="1"/>
      <c r="AD104" s="1"/>
      <c r="AE104" s="1"/>
      <c r="AF104" s="1"/>
      <c r="AG104" s="1"/>
      <c r="AH104" s="1"/>
      <c r="AI104" s="1"/>
      <c r="AJ104" s="1"/>
      <c r="AK104" s="1"/>
      <c r="AL104"/>
    </row>
    <row r="105" spans="1:38" ht="12" customHeight="1">
      <c r="A105" s="1"/>
      <c r="B105" s="1"/>
      <c r="C105" s="1"/>
      <c r="D105" s="1"/>
      <c r="E105" s="1"/>
      <c r="F105" s="1"/>
      <c r="G105" s="1"/>
      <c r="H105" s="1"/>
      <c r="I105" s="21"/>
      <c r="J105" s="21"/>
      <c r="K105" s="21"/>
      <c r="L105" s="21"/>
      <c r="M105" s="21"/>
      <c r="N105" s="1"/>
      <c r="O105" s="1"/>
      <c r="P105" s="1"/>
      <c r="Q105" s="1"/>
      <c r="R105" s="1"/>
      <c r="S105"/>
      <c r="T105" s="1"/>
      <c r="U105" s="1"/>
      <c r="V105" s="1"/>
      <c r="W105" s="1"/>
      <c r="X105" s="1"/>
      <c r="Y105" s="1"/>
      <c r="Z105" s="17" t="s">
        <v>0</v>
      </c>
      <c r="AA105" s="17"/>
      <c r="AB105" s="1"/>
      <c r="AC105" s="1"/>
      <c r="AD105" s="1"/>
      <c r="AE105" s="1"/>
      <c r="AF105" s="1"/>
      <c r="AG105" s="1"/>
      <c r="AH105" s="1"/>
      <c r="AI105" s="1"/>
      <c r="AJ105" s="1"/>
      <c r="AK105" s="1"/>
      <c r="AL105"/>
    </row>
    <row r="106" spans="1:38" ht="12" customHeight="1">
      <c r="A106" s="1"/>
      <c r="B106" s="1"/>
      <c r="C106" s="1"/>
      <c r="D106" s="1"/>
      <c r="E106" s="1"/>
      <c r="F106" s="1"/>
      <c r="G106" s="1"/>
      <c r="H106" s="1"/>
      <c r="I106" s="21" t="s">
        <v>5</v>
      </c>
      <c r="J106" s="21"/>
      <c r="K106" s="21"/>
      <c r="L106" s="21"/>
      <c r="M106" s="21"/>
      <c r="N106" s="1"/>
      <c r="O106" s="1"/>
      <c r="P106" s="1"/>
      <c r="Q106" s="1"/>
      <c r="R106" s="1"/>
      <c r="S106"/>
      <c r="T106" s="1"/>
      <c r="U106" s="1"/>
      <c r="V106" s="1"/>
      <c r="W106" s="1"/>
      <c r="X106" s="1"/>
      <c r="Y106" s="1"/>
      <c r="Z106" s="17"/>
      <c r="AA106" s="17"/>
      <c r="AB106" s="1"/>
      <c r="AC106" s="1"/>
      <c r="AD106" s="1"/>
      <c r="AE106" s="1"/>
      <c r="AF106" s="1"/>
      <c r="AG106" s="1"/>
      <c r="AH106" s="1"/>
      <c r="AI106" s="1"/>
      <c r="AJ106" s="1"/>
      <c r="AK106" s="1"/>
      <c r="AL106"/>
    </row>
    <row r="107" spans="1:38" ht="12" customHeight="1">
      <c r="A107" s="1"/>
      <c r="B107" s="1"/>
      <c r="C107" s="1"/>
      <c r="D107" s="1"/>
      <c r="E107" s="1"/>
      <c r="F107" s="1"/>
      <c r="G107" s="1"/>
      <c r="H107" s="1"/>
      <c r="I107" s="21"/>
      <c r="J107" s="21"/>
      <c r="K107" s="21"/>
      <c r="L107" s="21"/>
      <c r="M107" s="21"/>
      <c r="N107" s="1"/>
      <c r="O107" s="1"/>
      <c r="P107" s="1"/>
      <c r="Q107" s="1"/>
      <c r="R107" s="1"/>
      <c r="S107"/>
      <c r="T107" s="1"/>
      <c r="U107" s="1"/>
      <c r="V107" s="1"/>
      <c r="W107" s="1"/>
      <c r="X107" s="1"/>
      <c r="Y107" s="1"/>
      <c r="Z107" s="1"/>
      <c r="AA107" s="1"/>
      <c r="AB107" s="1"/>
      <c r="AC107" s="1"/>
      <c r="AD107" s="1"/>
      <c r="AE107" s="1"/>
      <c r="AF107" s="1"/>
      <c r="AG107" s="1"/>
      <c r="AH107" s="1"/>
      <c r="AI107" s="1"/>
      <c r="AJ107" s="1"/>
      <c r="AK107" s="1"/>
      <c r="AL107"/>
    </row>
    <row r="108" spans="1:38" ht="12" customHeight="1">
      <c r="A108" s="1"/>
      <c r="B108" s="1"/>
      <c r="C108" s="1"/>
      <c r="D108" s="1"/>
      <c r="E108" s="1"/>
      <c r="F108" s="1"/>
      <c r="G108" s="1"/>
      <c r="H108" s="1"/>
      <c r="I108" s="1"/>
      <c r="J108" s="1"/>
      <c r="K108" s="1"/>
      <c r="L108" s="1"/>
      <c r="M108" s="1"/>
      <c r="N108" s="1"/>
      <c r="O108" s="1"/>
      <c r="P108" s="1"/>
      <c r="Q108" s="1"/>
      <c r="R108" s="1"/>
      <c r="S108" s="18" t="s">
        <v>19</v>
      </c>
      <c r="T108" s="18"/>
      <c r="U108" s="18"/>
      <c r="V108" s="18"/>
      <c r="W108" s="18"/>
      <c r="X108" s="18"/>
      <c r="Y108" s="18"/>
      <c r="Z108" s="18"/>
      <c r="AA108" s="18"/>
      <c r="AB108" s="18"/>
      <c r="AC108" s="19" t="s">
        <v>28</v>
      </c>
      <c r="AD108" s="19"/>
      <c r="AE108" s="19"/>
      <c r="AF108" s="19"/>
      <c r="AG108" s="19"/>
      <c r="AH108" s="19"/>
      <c r="AI108" s="19"/>
      <c r="AJ108" s="19"/>
      <c r="AK108" s="19"/>
      <c r="AL108" s="19"/>
    </row>
    <row r="109" spans="1:38" ht="12" customHeight="1">
      <c r="A109" s="1"/>
      <c r="B109" s="1"/>
      <c r="C109" s="1"/>
      <c r="D109" s="1"/>
      <c r="E109" s="1"/>
      <c r="F109" s="1"/>
      <c r="G109" s="1"/>
      <c r="H109" s="1"/>
      <c r="I109" s="1"/>
      <c r="J109" s="1"/>
      <c r="K109" s="1"/>
      <c r="L109" s="1"/>
      <c r="M109" s="1"/>
      <c r="N109" s="1"/>
      <c r="O109" s="1"/>
      <c r="P109" s="1"/>
      <c r="Q109" s="1"/>
      <c r="R109" s="1"/>
      <c r="S109" s="18"/>
      <c r="T109" s="18"/>
      <c r="U109" s="18"/>
      <c r="V109" s="18"/>
      <c r="W109" s="18"/>
      <c r="X109" s="18"/>
      <c r="Y109" s="18"/>
      <c r="Z109" s="18"/>
      <c r="AA109" s="18"/>
      <c r="AB109" s="18"/>
      <c r="AC109" s="19"/>
      <c r="AD109" s="19"/>
      <c r="AE109" s="19"/>
      <c r="AF109" s="19"/>
      <c r="AG109" s="19"/>
      <c r="AH109" s="19"/>
      <c r="AI109" s="19"/>
      <c r="AJ109" s="19"/>
      <c r="AK109" s="19"/>
      <c r="AL109" s="19"/>
    </row>
    <row r="110" spans="1:38" ht="12" customHeight="1">
      <c r="A110" s="1"/>
      <c r="B110" s="1"/>
      <c r="C110" s="1"/>
      <c r="D110" s="1"/>
      <c r="E110" s="1"/>
      <c r="F110" s="1"/>
      <c r="G110" s="1"/>
      <c r="H110" s="1"/>
      <c r="I110" s="1"/>
      <c r="J110" s="1"/>
      <c r="K110" s="1"/>
      <c r="L110" s="1"/>
      <c r="M110" s="1"/>
      <c r="N110" s="1"/>
      <c r="O110" s="1"/>
      <c r="P110" s="1"/>
      <c r="Q110" s="1"/>
      <c r="R110" s="1"/>
      <c r="S110" s="18"/>
      <c r="T110" s="18"/>
      <c r="U110" s="18"/>
      <c r="V110" s="18"/>
      <c r="W110" s="18"/>
      <c r="X110" s="18"/>
      <c r="Y110" s="18"/>
      <c r="Z110" s="18"/>
      <c r="AA110" s="18"/>
      <c r="AB110" s="18"/>
      <c r="AC110" s="19"/>
      <c r="AD110" s="19"/>
      <c r="AE110" s="19"/>
      <c r="AF110" s="19"/>
      <c r="AG110" s="19"/>
      <c r="AH110" s="19"/>
      <c r="AI110" s="19"/>
      <c r="AJ110" s="19"/>
      <c r="AK110" s="19"/>
      <c r="AL110" s="19"/>
    </row>
    <row r="111" spans="1:38" ht="12" customHeight="1">
      <c r="A111" s="1"/>
      <c r="B111" s="1"/>
      <c r="C111" s="1"/>
      <c r="D111" s="1"/>
      <c r="E111" s="1"/>
      <c r="F111" s="1"/>
      <c r="G111" s="1"/>
      <c r="H111" s="1"/>
      <c r="I111" s="1"/>
      <c r="J111" s="1"/>
      <c r="K111" s="1"/>
      <c r="L111" s="1"/>
      <c r="M111" s="1"/>
      <c r="N111" s="1"/>
      <c r="O111" s="1"/>
      <c r="P111" s="1"/>
      <c r="Q111" s="1"/>
      <c r="R111" s="1"/>
      <c r="S111" s="20"/>
      <c r="T111" s="20"/>
      <c r="U111" s="20"/>
      <c r="V111" s="20"/>
      <c r="W111" s="20"/>
      <c r="X111" s="20"/>
      <c r="Y111" s="20"/>
      <c r="Z111" s="20"/>
      <c r="AA111" s="20"/>
      <c r="AB111" s="20"/>
      <c r="AC111" s="20"/>
      <c r="AD111" s="20"/>
      <c r="AE111" s="20"/>
      <c r="AF111" s="20"/>
      <c r="AG111" s="20"/>
      <c r="AH111" s="20"/>
      <c r="AI111" s="20"/>
      <c r="AJ111" s="20"/>
      <c r="AK111" s="1"/>
      <c r="AL111" s="1"/>
    </row>
    <row r="112" spans="1:38" ht="12" customHeight="1">
      <c r="A112" s="1"/>
      <c r="B112" s="1"/>
      <c r="C112" s="1"/>
      <c r="D112" s="1"/>
      <c r="E112" s="1"/>
      <c r="F112" s="1"/>
      <c r="G112" s="1"/>
      <c r="H112" s="1"/>
      <c r="I112" s="1"/>
      <c r="J112" s="1"/>
      <c r="K112" s="1"/>
      <c r="L112" s="1"/>
      <c r="M112" s="1"/>
      <c r="N112" s="1"/>
      <c r="O112" s="1"/>
      <c r="P112" s="1"/>
      <c r="Q112" s="1"/>
      <c r="R112" s="1"/>
      <c r="S112" s="1"/>
      <c r="T112" s="1"/>
      <c r="U112" s="1"/>
      <c r="V112" s="1"/>
      <c r="W112" s="1"/>
      <c r="X112" s="1"/>
      <c r="Y112" s="1"/>
      <c r="Z112" s="1"/>
      <c r="AA112" s="1"/>
      <c r="AB112" s="1"/>
      <c r="AC112" s="1"/>
      <c r="AD112" s="1"/>
      <c r="AE112" s="1"/>
      <c r="AF112" s="1"/>
      <c r="AG112" s="1"/>
      <c r="AH112" s="1"/>
      <c r="AI112" s="1"/>
      <c r="AJ112" s="1"/>
      <c r="AK112" s="1"/>
      <c r="AL112" s="1"/>
    </row>
    <row r="113" spans="1:38" ht="12" customHeight="1">
      <c r="A113" s="1"/>
      <c r="B113" s="1"/>
      <c r="C113" s="1"/>
      <c r="D113" s="1"/>
      <c r="E113" s="1"/>
      <c r="F113" s="1"/>
      <c r="G113" s="1"/>
      <c r="H113" s="1"/>
      <c r="I113" s="1"/>
      <c r="J113" s="1"/>
      <c r="K113" s="1"/>
      <c r="L113" s="1"/>
      <c r="M113" s="1"/>
      <c r="N113" s="1"/>
      <c r="O113" s="1"/>
      <c r="P113" s="1"/>
      <c r="Q113" s="1"/>
      <c r="R113" s="1"/>
      <c r="S113" s="1"/>
      <c r="T113" s="1"/>
      <c r="U113" s="1"/>
      <c r="V113" s="1"/>
      <c r="W113" s="1"/>
      <c r="X113" s="1"/>
      <c r="Y113" s="1"/>
      <c r="Z113" s="1"/>
      <c r="AA113" s="1"/>
      <c r="AB113" s="1"/>
      <c r="AC113" s="1"/>
      <c r="AD113" s="1"/>
      <c r="AE113" s="1"/>
      <c r="AF113" s="1"/>
      <c r="AG113" s="1"/>
      <c r="AH113" s="1"/>
      <c r="AI113" s="1"/>
      <c r="AJ113" s="1"/>
      <c r="AK113" s="1"/>
      <c r="AL113" s="1"/>
    </row>
    <row r="114" spans="1:38" ht="12" customHeight="1">
      <c r="A114" s="1"/>
      <c r="B114" s="1"/>
      <c r="C114" s="1"/>
      <c r="D114" s="1"/>
      <c r="E114" s="1"/>
      <c r="F114" s="1"/>
      <c r="G114" s="1"/>
      <c r="H114" s="1"/>
      <c r="I114" s="1"/>
      <c r="J114" s="1"/>
      <c r="K114" s="1"/>
      <c r="L114" s="1"/>
      <c r="M114" s="1"/>
      <c r="N114" s="1"/>
      <c r="O114" s="1"/>
      <c r="P114" s="1"/>
      <c r="Q114" s="1"/>
      <c r="R114" s="1"/>
      <c r="S114" s="1"/>
      <c r="T114" s="1"/>
      <c r="U114" s="1"/>
      <c r="V114" s="1"/>
      <c r="W114" s="1"/>
      <c r="X114" s="1"/>
      <c r="Y114" s="1"/>
      <c r="Z114" s="1"/>
      <c r="AA114" s="1"/>
      <c r="AB114" s="3"/>
      <c r="AC114" s="1"/>
      <c r="AD114" s="1"/>
      <c r="AE114" s="1"/>
      <c r="AF114" s="1"/>
      <c r="AG114" s="1"/>
      <c r="AH114" s="1"/>
      <c r="AI114" s="1"/>
      <c r="AJ114" s="1"/>
      <c r="AK114" s="1"/>
      <c r="AL114" s="1"/>
    </row>
    <row r="115" spans="1:38" ht="12" customHeight="1">
      <c r="A115" s="1"/>
      <c r="B115" s="1"/>
      <c r="C115" s="1"/>
      <c r="D115" s="1"/>
      <c r="E115" s="1"/>
      <c r="F115" s="1"/>
      <c r="G115" s="1"/>
      <c r="H115" s="1"/>
      <c r="I115" s="1"/>
      <c r="J115" s="1"/>
      <c r="K115" s="1"/>
      <c r="L115" s="1"/>
      <c r="M115" s="1"/>
      <c r="N115" s="1"/>
      <c r="O115" s="1"/>
      <c r="P115" s="1"/>
      <c r="Q115" s="1"/>
      <c r="R115" s="1"/>
      <c r="S115" s="21"/>
      <c r="T115" s="21"/>
      <c r="U115" s="21"/>
      <c r="V115" s="21"/>
      <c r="W115" s="21"/>
      <c r="X115" s="1"/>
      <c r="Y115" s="1"/>
      <c r="Z115" s="1"/>
      <c r="AA115" s="1"/>
      <c r="AB115" s="1"/>
      <c r="AC115" s="1"/>
      <c r="AD115" s="1"/>
      <c r="AE115" s="1"/>
      <c r="AF115" s="1"/>
      <c r="AG115" s="1"/>
      <c r="AH115" s="1"/>
      <c r="AI115" s="1"/>
      <c r="AJ115" s="1"/>
      <c r="AK115" s="1"/>
      <c r="AL115" s="1"/>
    </row>
    <row r="116" spans="1:38" ht="12" customHeight="1">
      <c r="A116" s="1"/>
      <c r="B116" s="1"/>
      <c r="C116" s="1"/>
      <c r="D116" s="1"/>
      <c r="E116" s="1"/>
      <c r="F116" s="1"/>
      <c r="G116" s="1"/>
      <c r="H116" s="1"/>
      <c r="I116" s="1"/>
      <c r="J116" s="1"/>
      <c r="K116" s="1"/>
      <c r="L116" s="1"/>
      <c r="M116" s="1"/>
      <c r="N116" s="1"/>
      <c r="O116" s="1"/>
      <c r="P116" s="1"/>
      <c r="Q116" s="1"/>
      <c r="R116" s="1"/>
      <c r="S116" s="21"/>
      <c r="T116" s="21"/>
      <c r="U116" s="21"/>
      <c r="V116" s="21"/>
      <c r="W116" s="21"/>
      <c r="X116" s="1"/>
      <c r="Y116" s="1"/>
      <c r="Z116" s="1"/>
      <c r="AA116" s="1"/>
      <c r="AB116" s="1"/>
      <c r="AC116" s="1"/>
      <c r="AD116" s="1"/>
      <c r="AE116" s="1"/>
      <c r="AF116" s="1"/>
      <c r="AG116" s="1"/>
      <c r="AH116" s="1"/>
      <c r="AI116" s="1"/>
      <c r="AJ116" s="1"/>
      <c r="AK116" s="1"/>
      <c r="AL116" s="1"/>
    </row>
    <row r="117" spans="1:38" ht="12" customHeight="1">
      <c r="S117" s="1"/>
      <c r="T117" s="1"/>
      <c r="U117" s="1"/>
      <c r="V117" s="1"/>
      <c r="W117" s="1"/>
      <c r="X117" s="1"/>
      <c r="Y117" s="1"/>
      <c r="Z117" s="1"/>
      <c r="AA117" s="1"/>
      <c r="AB117" s="1"/>
      <c r="AC117" s="1"/>
      <c r="AD117" s="1"/>
      <c r="AE117" s="1"/>
      <c r="AF117" s="1"/>
      <c r="AG117" s="1"/>
      <c r="AH117" s="1"/>
      <c r="AI117" s="1"/>
      <c r="AJ117" s="1"/>
      <c r="AK117" s="1"/>
      <c r="AL117" s="1"/>
    </row>
    <row r="118" spans="1:38" ht="12" customHeight="1">
      <c r="W118" s="1"/>
      <c r="X118" s="1"/>
      <c r="Y118" s="1"/>
      <c r="Z118" s="1"/>
      <c r="AA118" s="1"/>
      <c r="AB118" s="1"/>
      <c r="AC118" s="1"/>
      <c r="AD118" s="1"/>
      <c r="AE118" s="1"/>
      <c r="AF118" s="1"/>
      <c r="AG118" s="1"/>
      <c r="AH118" s="1"/>
      <c r="AI118" s="1"/>
      <c r="AJ118" s="1"/>
      <c r="AK118" s="1"/>
      <c r="AL118" s="1"/>
    </row>
    <row r="119" spans="1:38" ht="12" customHeight="1">
      <c r="W119" s="1"/>
      <c r="X119" s="1"/>
      <c r="Y119" s="1"/>
      <c r="Z119" s="1"/>
      <c r="AA119" s="1"/>
      <c r="AB119" s="1"/>
      <c r="AC119" s="1"/>
      <c r="AD119" s="1"/>
      <c r="AE119" s="1"/>
      <c r="AF119" s="1"/>
      <c r="AG119" s="1"/>
      <c r="AH119" s="1"/>
      <c r="AI119" s="1"/>
      <c r="AJ119" s="1"/>
      <c r="AK119" s="1"/>
      <c r="AL119" s="1"/>
    </row>
    <row r="120" spans="1:38" ht="12" customHeight="1">
      <c r="W120" s="1"/>
      <c r="X120" s="1"/>
      <c r="Y120" s="1"/>
      <c r="Z120" s="1"/>
      <c r="AA120" s="1"/>
      <c r="AB120" s="1"/>
      <c r="AC120" s="1"/>
      <c r="AD120" s="1"/>
      <c r="AE120" s="1"/>
      <c r="AF120" s="1"/>
      <c r="AG120" s="1"/>
      <c r="AH120" s="1"/>
      <c r="AI120" s="1"/>
      <c r="AJ120" s="1"/>
      <c r="AK120" s="1"/>
    </row>
    <row r="121" spans="1:38" ht="12" customHeight="1">
      <c r="S121" s="16"/>
      <c r="T121" s="16"/>
      <c r="U121" s="16"/>
      <c r="V121" s="16"/>
      <c r="W121" s="16"/>
      <c r="X121" s="1"/>
      <c r="Y121" s="1"/>
      <c r="Z121" s="1"/>
      <c r="AA121" s="1"/>
      <c r="AB121" s="1"/>
      <c r="AC121" s="1"/>
      <c r="AD121" s="1"/>
      <c r="AE121" s="1"/>
      <c r="AF121" s="1"/>
      <c r="AG121" s="1"/>
      <c r="AH121" s="1"/>
      <c r="AI121" s="1"/>
      <c r="AJ121" s="1"/>
      <c r="AK121" s="1"/>
    </row>
    <row r="122" spans="1:38" ht="12" customHeight="1">
      <c r="S122" s="16"/>
      <c r="T122" s="16"/>
      <c r="U122" s="16"/>
      <c r="V122" s="16"/>
      <c r="W122" s="16"/>
      <c r="X122" s="1"/>
      <c r="Y122" s="1"/>
      <c r="Z122" s="1"/>
      <c r="AA122" s="1"/>
      <c r="AB122" s="1"/>
      <c r="AC122" s="1"/>
      <c r="AD122" s="1"/>
      <c r="AE122" s="1"/>
      <c r="AF122" s="1"/>
      <c r="AG122" s="1"/>
      <c r="AH122" s="1"/>
      <c r="AI122" s="1"/>
      <c r="AJ122" s="1"/>
      <c r="AK122" s="1"/>
    </row>
    <row r="123" spans="1:38" ht="12" customHeight="1">
      <c r="S123" s="16"/>
      <c r="T123" s="16"/>
      <c r="U123" s="16"/>
      <c r="V123" s="16"/>
      <c r="W123" s="16"/>
      <c r="X123" s="1"/>
      <c r="Y123" s="1"/>
      <c r="Z123" s="1"/>
      <c r="AA123" s="1"/>
      <c r="AB123" s="1"/>
      <c r="AC123" s="1"/>
      <c r="AD123" s="1"/>
      <c r="AE123" s="1"/>
      <c r="AF123" s="1"/>
      <c r="AG123" s="1"/>
      <c r="AH123" s="1"/>
      <c r="AI123" s="1"/>
      <c r="AJ123" s="1"/>
      <c r="AK123" s="1"/>
    </row>
    <row r="124" spans="1:38" ht="12" customHeight="1">
      <c r="S124" s="16"/>
      <c r="T124" s="16"/>
      <c r="U124" s="16"/>
      <c r="V124" s="16"/>
      <c r="W124" s="16"/>
      <c r="X124" s="1"/>
      <c r="Y124" s="1"/>
      <c r="Z124" s="1"/>
      <c r="AA124" s="1"/>
      <c r="AB124" s="1"/>
      <c r="AC124" s="1"/>
      <c r="AD124" s="1"/>
      <c r="AE124" s="1"/>
      <c r="AF124" s="1"/>
      <c r="AG124" s="1"/>
      <c r="AH124" s="1"/>
      <c r="AI124" s="1"/>
      <c r="AJ124" s="1"/>
      <c r="AK124" s="1"/>
    </row>
    <row r="125" spans="1:38" ht="12" customHeight="1">
      <c r="S125" s="8"/>
      <c r="T125" s="8"/>
      <c r="U125" s="8"/>
      <c r="V125" s="8"/>
      <c r="W125" s="1"/>
      <c r="X125" s="1"/>
      <c r="Y125" s="1"/>
      <c r="Z125" s="1"/>
      <c r="AA125" s="1"/>
      <c r="AB125" s="1"/>
      <c r="AC125" s="1"/>
      <c r="AD125" s="1"/>
      <c r="AE125" s="1"/>
      <c r="AF125" s="1"/>
      <c r="AG125" s="1"/>
      <c r="AH125" s="1"/>
      <c r="AI125" s="1"/>
      <c r="AJ125" s="1"/>
      <c r="AK125" s="1"/>
    </row>
    <row r="126" spans="1:38" ht="12" customHeight="1">
      <c r="S126" s="8"/>
      <c r="T126" s="8"/>
      <c r="U126" s="8"/>
      <c r="V126" s="8"/>
      <c r="W126" s="1"/>
      <c r="X126" s="1"/>
      <c r="Y126" s="1"/>
      <c r="Z126" s="1"/>
      <c r="AA126" s="1"/>
      <c r="AB126" s="1"/>
      <c r="AC126" s="1"/>
      <c r="AD126" s="1"/>
      <c r="AE126" s="1"/>
      <c r="AF126" s="1"/>
      <c r="AG126" s="1"/>
      <c r="AH126" s="1"/>
      <c r="AI126" s="1"/>
      <c r="AJ126" s="1"/>
      <c r="AK126" s="1"/>
    </row>
    <row r="127" spans="1:38" ht="12" customHeight="1">
      <c r="T127" s="1"/>
      <c r="U127" s="1"/>
      <c r="V127" s="1"/>
      <c r="W127" s="1"/>
      <c r="X127" s="1"/>
      <c r="Y127" s="1"/>
      <c r="Z127" s="1"/>
      <c r="AA127" s="1"/>
      <c r="AB127" s="1"/>
      <c r="AC127" s="1"/>
      <c r="AD127" s="1"/>
      <c r="AE127" s="1"/>
      <c r="AF127" s="1"/>
      <c r="AG127" s="1"/>
      <c r="AH127" s="1"/>
      <c r="AI127" s="1"/>
      <c r="AJ127" s="1"/>
      <c r="AK127" s="1"/>
    </row>
    <row r="128" spans="1:38" ht="12" customHeight="1">
      <c r="T128" s="1"/>
      <c r="U128" s="1"/>
      <c r="V128" s="1"/>
      <c r="W128" s="1"/>
      <c r="X128" s="1"/>
      <c r="Y128" s="1"/>
      <c r="Z128" s="1"/>
      <c r="AA128" s="1"/>
      <c r="AB128" s="1"/>
      <c r="AC128" s="1"/>
      <c r="AD128" s="1"/>
      <c r="AE128" s="1"/>
      <c r="AF128" s="1"/>
      <c r="AG128" s="1"/>
      <c r="AH128" s="1"/>
      <c r="AI128" s="1"/>
      <c r="AJ128" s="1"/>
      <c r="AK128" s="1"/>
    </row>
    <row r="129" spans="20:37" ht="12" customHeight="1">
      <c r="T129" s="1"/>
      <c r="U129" s="1"/>
      <c r="V129" s="1"/>
      <c r="W129" s="1"/>
      <c r="X129" s="1"/>
      <c r="Y129" s="1"/>
      <c r="Z129" s="1"/>
      <c r="AA129" s="1"/>
      <c r="AB129" s="1"/>
      <c r="AC129" s="1"/>
      <c r="AD129" s="1"/>
      <c r="AE129" s="1"/>
      <c r="AF129" s="1"/>
      <c r="AG129" s="1"/>
      <c r="AH129" s="1"/>
      <c r="AI129" s="1"/>
      <c r="AJ129" s="1"/>
      <c r="AK129" s="1"/>
    </row>
    <row r="130" spans="20:37" ht="12" customHeight="1">
      <c r="T130" s="1"/>
      <c r="U130" s="1"/>
      <c r="V130" s="1"/>
      <c r="W130" s="1"/>
      <c r="X130" s="1"/>
      <c r="Y130" s="1"/>
      <c r="Z130" s="1"/>
      <c r="AA130" s="1"/>
      <c r="AB130" s="1"/>
      <c r="AC130" s="1"/>
      <c r="AD130" s="1"/>
      <c r="AE130" s="1"/>
      <c r="AF130" s="1"/>
      <c r="AG130" s="1"/>
      <c r="AH130" s="1"/>
      <c r="AI130" s="1"/>
      <c r="AJ130" s="1"/>
      <c r="AK130" s="1"/>
    </row>
    <row r="131" spans="20:37" ht="12" customHeight="1">
      <c r="T131" s="1"/>
      <c r="U131" s="1"/>
      <c r="V131" s="1"/>
      <c r="W131" s="1"/>
      <c r="X131" s="1"/>
      <c r="Y131" s="1"/>
      <c r="Z131" s="1"/>
      <c r="AA131" s="1"/>
      <c r="AB131" s="1"/>
      <c r="AC131" s="1"/>
      <c r="AD131" s="1"/>
      <c r="AE131" s="1"/>
      <c r="AF131" s="1"/>
      <c r="AG131" s="1"/>
      <c r="AH131" s="1"/>
      <c r="AI131" s="1"/>
      <c r="AJ131" s="1"/>
      <c r="AK131" s="1"/>
    </row>
    <row r="132" spans="20:37" ht="12" customHeight="1">
      <c r="T132" s="1"/>
      <c r="U132" s="1"/>
      <c r="V132" s="1"/>
      <c r="W132" s="1"/>
      <c r="X132" s="1"/>
      <c r="Y132" s="1"/>
      <c r="Z132" s="1"/>
      <c r="AA132" s="1"/>
      <c r="AB132" s="1"/>
      <c r="AC132" s="1"/>
      <c r="AD132" s="1"/>
      <c r="AE132" s="1"/>
      <c r="AF132" s="1"/>
      <c r="AG132" s="1"/>
      <c r="AH132" s="1"/>
      <c r="AI132" s="1"/>
      <c r="AJ132" s="1"/>
      <c r="AK132" s="1"/>
    </row>
    <row r="133" spans="20:37" ht="12" customHeight="1">
      <c r="T133" s="1"/>
      <c r="U133" s="1"/>
      <c r="V133" s="1"/>
      <c r="W133" s="1"/>
      <c r="X133" s="1"/>
      <c r="Y133" s="1"/>
      <c r="Z133" s="1"/>
      <c r="AA133" s="1"/>
      <c r="AB133" s="1"/>
      <c r="AC133" s="1"/>
      <c r="AD133" s="1"/>
      <c r="AE133" s="1"/>
      <c r="AF133" s="1"/>
      <c r="AG133" s="1"/>
      <c r="AH133" s="1"/>
      <c r="AI133" s="1"/>
      <c r="AJ133" s="1"/>
      <c r="AK133" s="1"/>
    </row>
    <row r="134" spans="20:37" ht="12" customHeight="1">
      <c r="T134" s="1"/>
      <c r="U134" s="1"/>
      <c r="V134" s="1"/>
      <c r="W134" s="1"/>
      <c r="X134" s="1"/>
      <c r="Y134" s="1"/>
      <c r="Z134" s="1"/>
      <c r="AA134" s="1"/>
      <c r="AB134" s="1"/>
      <c r="AC134" s="1"/>
      <c r="AD134" s="1"/>
      <c r="AE134" s="1"/>
      <c r="AF134" s="1"/>
      <c r="AG134" s="1"/>
      <c r="AH134" s="1"/>
      <c r="AI134" s="1"/>
      <c r="AJ134" s="1"/>
      <c r="AK134" s="1"/>
    </row>
    <row r="135" spans="20:37" ht="12" customHeight="1">
      <c r="T135" s="1"/>
      <c r="U135" s="1"/>
      <c r="V135" s="1"/>
      <c r="W135" s="1"/>
      <c r="X135" s="1"/>
      <c r="Y135" s="1"/>
      <c r="Z135" s="1"/>
      <c r="AA135" s="1"/>
      <c r="AB135" s="1"/>
      <c r="AC135" s="1"/>
      <c r="AD135" s="1"/>
      <c r="AE135" s="1"/>
      <c r="AF135" s="1"/>
      <c r="AG135" s="1"/>
      <c r="AH135" s="1"/>
      <c r="AI135" s="1"/>
      <c r="AJ135" s="1"/>
      <c r="AK135" s="1"/>
    </row>
    <row r="136" spans="20:37" ht="12" customHeight="1">
      <c r="T136" s="1"/>
      <c r="U136" s="1"/>
      <c r="V136" s="1"/>
      <c r="W136" s="1"/>
      <c r="X136" s="1"/>
      <c r="Y136" s="1"/>
      <c r="Z136" s="1"/>
      <c r="AA136" s="1"/>
      <c r="AB136" s="1"/>
      <c r="AC136" s="1"/>
      <c r="AD136" s="1"/>
      <c r="AE136" s="1"/>
      <c r="AF136" s="1"/>
      <c r="AG136" s="1"/>
      <c r="AH136" s="1"/>
      <c r="AI136" s="1"/>
      <c r="AJ136" s="1"/>
      <c r="AK136" s="1"/>
    </row>
    <row r="137" spans="20:37" ht="12" customHeight="1">
      <c r="T137" s="1"/>
      <c r="U137" s="1"/>
      <c r="V137" s="1"/>
      <c r="W137" s="1"/>
      <c r="X137" s="1"/>
      <c r="Y137" s="1"/>
      <c r="Z137" s="1"/>
      <c r="AA137" s="1"/>
      <c r="AB137" s="1"/>
      <c r="AC137" s="1"/>
      <c r="AD137" s="1"/>
      <c r="AE137" s="1"/>
      <c r="AF137" s="1"/>
      <c r="AG137" s="1"/>
      <c r="AH137" s="1"/>
      <c r="AI137" s="1"/>
      <c r="AJ137" s="1"/>
      <c r="AK137" s="1"/>
    </row>
    <row r="138" spans="20:37" ht="12" customHeight="1">
      <c r="T138" s="1"/>
      <c r="U138" s="1"/>
      <c r="V138" s="1"/>
      <c r="W138" s="1"/>
      <c r="X138" s="1"/>
      <c r="Y138" s="1"/>
      <c r="Z138" s="1"/>
      <c r="AA138" s="1"/>
      <c r="AB138" s="1"/>
      <c r="AC138" s="1"/>
      <c r="AD138" s="1"/>
      <c r="AE138" s="1"/>
      <c r="AF138" s="1"/>
      <c r="AG138" s="1"/>
      <c r="AH138" s="1"/>
      <c r="AI138" s="1"/>
      <c r="AJ138" s="1"/>
      <c r="AK138" s="1"/>
    </row>
    <row r="139" spans="20:37" ht="12" customHeight="1">
      <c r="T139" s="1"/>
      <c r="U139" s="1"/>
      <c r="V139" s="1"/>
      <c r="W139" s="1"/>
      <c r="X139" s="1"/>
      <c r="Y139" s="1"/>
      <c r="Z139" s="1"/>
      <c r="AA139" s="1"/>
      <c r="AB139" s="1"/>
      <c r="AC139" s="1"/>
      <c r="AD139" s="1"/>
      <c r="AE139" s="1"/>
      <c r="AF139" s="1"/>
      <c r="AG139" s="1"/>
      <c r="AH139" s="1"/>
      <c r="AI139" s="1"/>
      <c r="AJ139" s="1"/>
      <c r="AK139" s="1"/>
    </row>
    <row r="140" spans="20:37" ht="12" customHeight="1">
      <c r="T140" s="1"/>
      <c r="U140" s="1"/>
      <c r="V140" s="1"/>
      <c r="W140" s="1"/>
      <c r="X140" s="1"/>
      <c r="Y140" s="1"/>
      <c r="Z140" s="1"/>
      <c r="AA140" s="1"/>
      <c r="AB140" s="1"/>
      <c r="AC140" s="1"/>
      <c r="AD140" s="1"/>
      <c r="AE140" s="1"/>
      <c r="AF140" s="1"/>
      <c r="AG140" s="1"/>
      <c r="AH140" s="1"/>
      <c r="AI140" s="1"/>
      <c r="AJ140" s="1"/>
      <c r="AK140" s="1"/>
    </row>
    <row r="141" spans="20:37" ht="12" customHeight="1">
      <c r="T141" s="1"/>
      <c r="U141" s="1"/>
      <c r="V141" s="1"/>
      <c r="W141" s="1"/>
      <c r="X141" s="1"/>
      <c r="Y141" s="1"/>
      <c r="Z141" s="1"/>
      <c r="AA141" s="1"/>
      <c r="AB141" s="1"/>
      <c r="AC141" s="1"/>
      <c r="AD141" s="1"/>
      <c r="AE141" s="1"/>
      <c r="AF141" s="1"/>
      <c r="AG141" s="1"/>
      <c r="AH141" s="1"/>
      <c r="AI141" s="1"/>
      <c r="AJ141" s="1"/>
      <c r="AK141" s="1"/>
    </row>
    <row r="142" spans="20:37" ht="12" customHeight="1">
      <c r="T142" s="1"/>
      <c r="U142" s="1"/>
      <c r="V142" s="1"/>
      <c r="W142" s="1"/>
      <c r="X142" s="1"/>
      <c r="Y142" s="1"/>
      <c r="Z142" s="1"/>
      <c r="AA142" s="1"/>
      <c r="AB142" s="1"/>
      <c r="AC142" s="1"/>
      <c r="AD142" s="1"/>
      <c r="AE142" s="1"/>
      <c r="AF142" s="1"/>
      <c r="AG142" s="1"/>
      <c r="AH142" s="1"/>
      <c r="AI142" s="1"/>
      <c r="AJ142" s="1"/>
      <c r="AK142" s="1"/>
    </row>
    <row r="143" spans="20:37" ht="12" customHeight="1">
      <c r="T143" s="1"/>
      <c r="U143" s="1"/>
      <c r="V143" s="1"/>
      <c r="W143" s="1"/>
      <c r="X143" s="1"/>
      <c r="Y143" s="1"/>
      <c r="Z143" s="1"/>
      <c r="AA143" s="1"/>
      <c r="AB143" s="1"/>
      <c r="AC143" s="1"/>
      <c r="AD143" s="1"/>
      <c r="AE143" s="1"/>
      <c r="AF143" s="1"/>
      <c r="AG143" s="1"/>
      <c r="AH143" s="1"/>
      <c r="AI143" s="1"/>
      <c r="AJ143" s="1"/>
      <c r="AK143" s="1"/>
    </row>
    <row r="144" spans="20:37" ht="12" customHeight="1">
      <c r="T144" s="1"/>
      <c r="U144" s="1"/>
      <c r="V144" s="1"/>
      <c r="W144" s="1"/>
      <c r="X144" s="1"/>
      <c r="Y144" s="1"/>
      <c r="Z144" s="1"/>
      <c r="AA144" s="1"/>
      <c r="AB144" s="1"/>
      <c r="AC144" s="1"/>
      <c r="AD144" s="1"/>
      <c r="AE144" s="1"/>
      <c r="AF144" s="1"/>
      <c r="AG144" s="1"/>
      <c r="AH144" s="1"/>
      <c r="AI144" s="1"/>
      <c r="AJ144" s="1"/>
      <c r="AK144" s="1"/>
    </row>
    <row r="145" spans="20:37" ht="12" customHeight="1">
      <c r="T145" s="1"/>
      <c r="U145" s="1"/>
      <c r="V145" s="1"/>
      <c r="W145" s="1"/>
      <c r="X145" s="1"/>
      <c r="Y145" s="1"/>
      <c r="Z145" s="1"/>
      <c r="AA145" s="1"/>
      <c r="AB145" s="1"/>
      <c r="AC145" s="1"/>
      <c r="AD145" s="1"/>
      <c r="AE145" s="1"/>
      <c r="AF145" s="1"/>
      <c r="AG145" s="1"/>
      <c r="AH145" s="1"/>
      <c r="AI145" s="1"/>
      <c r="AJ145" s="1"/>
      <c r="AK145" s="1"/>
    </row>
    <row r="146" spans="20:37" ht="12" customHeight="1">
      <c r="T146" s="1"/>
      <c r="U146" s="1"/>
      <c r="V146" s="1"/>
      <c r="W146" s="1"/>
      <c r="X146" s="1"/>
      <c r="Y146" s="1"/>
      <c r="Z146" s="1"/>
      <c r="AA146" s="1"/>
      <c r="AB146" s="1"/>
      <c r="AC146" s="1"/>
      <c r="AD146" s="1"/>
      <c r="AE146" s="1"/>
      <c r="AF146" s="1"/>
      <c r="AG146" s="1"/>
      <c r="AH146" s="1"/>
      <c r="AI146" s="1"/>
      <c r="AJ146" s="1"/>
      <c r="AK146" s="1"/>
    </row>
    <row r="147" spans="20:37" ht="12" customHeight="1">
      <c r="T147" s="1"/>
      <c r="U147" s="1"/>
      <c r="V147" s="1"/>
      <c r="W147" s="1"/>
      <c r="X147" s="1"/>
      <c r="Y147" s="1"/>
      <c r="Z147" s="1"/>
      <c r="AA147" s="1"/>
      <c r="AB147" s="1"/>
      <c r="AC147" s="1"/>
      <c r="AD147" s="1"/>
      <c r="AE147" s="1"/>
      <c r="AF147" s="1"/>
      <c r="AG147" s="1"/>
      <c r="AH147" s="1"/>
      <c r="AI147" s="1"/>
      <c r="AJ147" s="1"/>
      <c r="AK147" s="1"/>
    </row>
    <row r="148" spans="20:37" ht="12" customHeight="1">
      <c r="T148" s="1"/>
      <c r="U148" s="1"/>
      <c r="V148" s="1"/>
      <c r="W148" s="1"/>
      <c r="X148" s="1"/>
      <c r="Y148" s="1"/>
      <c r="Z148" s="1"/>
      <c r="AA148" s="1"/>
      <c r="AB148" s="1"/>
      <c r="AC148" s="1"/>
      <c r="AD148" s="1"/>
      <c r="AE148" s="1"/>
      <c r="AF148" s="1"/>
      <c r="AG148" s="1"/>
      <c r="AH148" s="1"/>
      <c r="AI148" s="1"/>
      <c r="AJ148" s="1"/>
      <c r="AK148" s="1"/>
    </row>
    <row r="149" spans="20:37" ht="12" customHeight="1">
      <c r="T149" s="1"/>
      <c r="U149" s="1"/>
      <c r="V149" s="1"/>
      <c r="W149" s="1"/>
      <c r="X149" s="1"/>
      <c r="Y149" s="1"/>
      <c r="Z149" s="1"/>
      <c r="AA149" s="1"/>
      <c r="AB149" s="1"/>
      <c r="AC149" s="1"/>
      <c r="AD149" s="1"/>
      <c r="AE149" s="1"/>
      <c r="AF149" s="1"/>
      <c r="AG149" s="1"/>
      <c r="AH149" s="1"/>
      <c r="AI149" s="1"/>
      <c r="AJ149" s="1"/>
      <c r="AK149" s="1"/>
    </row>
    <row r="150" spans="20:37" ht="12" customHeight="1">
      <c r="T150" s="1"/>
      <c r="U150" s="1"/>
      <c r="V150" s="1"/>
      <c r="W150" s="1"/>
      <c r="X150" s="1"/>
      <c r="Y150" s="1"/>
      <c r="Z150" s="1"/>
      <c r="AA150" s="1"/>
      <c r="AB150" s="1"/>
      <c r="AC150" s="1"/>
      <c r="AD150" s="1"/>
      <c r="AE150" s="1"/>
      <c r="AF150" s="1"/>
      <c r="AG150" s="1"/>
      <c r="AH150" s="1"/>
      <c r="AI150" s="1"/>
      <c r="AJ150" s="1"/>
      <c r="AK150" s="1"/>
    </row>
    <row r="151" spans="20:37" ht="12" customHeight="1">
      <c r="T151" s="1"/>
      <c r="U151" s="1"/>
      <c r="V151" s="1"/>
      <c r="W151" s="1"/>
      <c r="X151" s="1"/>
      <c r="Y151" s="1"/>
      <c r="Z151" s="23"/>
      <c r="AA151" s="24"/>
      <c r="AB151" s="1"/>
      <c r="AC151" s="1"/>
      <c r="AD151" s="1"/>
      <c r="AE151" s="1"/>
      <c r="AF151" s="1"/>
      <c r="AG151" s="1"/>
      <c r="AH151" s="1"/>
      <c r="AI151" s="1"/>
      <c r="AJ151" s="1"/>
      <c r="AK151" s="1"/>
    </row>
    <row r="152" spans="20:37" ht="12" customHeight="1">
      <c r="T152" s="1"/>
      <c r="U152" s="1"/>
      <c r="V152" s="1"/>
      <c r="W152" s="1"/>
      <c r="X152" s="1"/>
      <c r="Y152" s="1"/>
      <c r="Z152" s="24"/>
      <c r="AA152" s="24"/>
      <c r="AB152" s="9"/>
      <c r="AC152" s="9"/>
      <c r="AD152" s="9"/>
      <c r="AE152" s="9"/>
      <c r="AF152" s="9"/>
      <c r="AG152" s="1"/>
      <c r="AH152" s="1"/>
      <c r="AI152" s="1"/>
      <c r="AJ152" s="1"/>
      <c r="AK152" s="1"/>
    </row>
    <row r="153" spans="20:37" ht="12" customHeight="1">
      <c r="T153" s="1"/>
      <c r="U153" s="1"/>
      <c r="V153" s="1"/>
      <c r="W153" s="1"/>
      <c r="X153" s="1"/>
      <c r="Y153" s="1"/>
      <c r="AG153" s="1"/>
      <c r="AH153" s="1"/>
      <c r="AI153" s="1"/>
      <c r="AJ153" s="1"/>
      <c r="AK153" s="1"/>
    </row>
    <row r="154" spans="20:37" ht="12" customHeight="1">
      <c r="T154" s="1"/>
      <c r="U154" s="1"/>
      <c r="V154" s="1"/>
      <c r="W154" s="1"/>
      <c r="X154" s="1"/>
      <c r="Y154" s="1"/>
      <c r="AG154" s="1"/>
      <c r="AH154" s="1"/>
      <c r="AI154" s="1"/>
      <c r="AJ154" s="1"/>
      <c r="AK154" s="1"/>
    </row>
    <row r="155" spans="20:37" ht="12" customHeight="1">
      <c r="T155" s="1"/>
      <c r="U155" s="1"/>
      <c r="V155" s="1"/>
      <c r="W155" s="1"/>
      <c r="X155" s="1"/>
      <c r="Y155" s="1"/>
      <c r="Z155" s="22"/>
      <c r="AA155" s="22"/>
      <c r="AB155" s="22"/>
      <c r="AC155" s="22"/>
      <c r="AD155" s="22"/>
      <c r="AE155" s="22"/>
      <c r="AF155" s="22"/>
      <c r="AG155" s="1"/>
      <c r="AH155" s="1"/>
      <c r="AI155" s="1"/>
      <c r="AJ155" s="1"/>
      <c r="AK155" s="1"/>
    </row>
    <row r="156" spans="20:37" ht="12" customHeight="1">
      <c r="T156" s="1"/>
      <c r="U156" s="1"/>
      <c r="V156" s="1"/>
      <c r="W156" s="1"/>
      <c r="X156" s="1"/>
      <c r="Y156" s="1"/>
      <c r="Z156" s="22"/>
      <c r="AA156" s="22"/>
      <c r="AB156" s="22"/>
      <c r="AC156" s="22"/>
      <c r="AD156" s="22"/>
      <c r="AE156" s="22"/>
      <c r="AF156" s="22"/>
      <c r="AG156" s="1"/>
      <c r="AH156" s="1"/>
      <c r="AI156" s="1"/>
      <c r="AJ156" s="1"/>
      <c r="AK156" s="1"/>
    </row>
    <row r="157" spans="20:37" ht="12" customHeight="1">
      <c r="T157" s="1"/>
      <c r="U157" s="1"/>
      <c r="V157" s="1"/>
      <c r="W157" s="1"/>
      <c r="X157" s="1"/>
      <c r="Y157" s="1"/>
      <c r="Z157" s="16"/>
      <c r="AA157" s="16"/>
      <c r="AB157" s="16"/>
      <c r="AC157" s="16"/>
      <c r="AD157" s="16"/>
      <c r="AE157" s="16"/>
      <c r="AF157" s="16"/>
      <c r="AG157" s="1"/>
      <c r="AH157" s="1"/>
      <c r="AI157" s="1"/>
      <c r="AJ157" s="1"/>
      <c r="AK157" s="1"/>
    </row>
    <row r="158" spans="20:37" ht="12" customHeight="1">
      <c r="T158" s="1"/>
      <c r="U158" s="1"/>
      <c r="V158" s="1"/>
      <c r="W158" s="1"/>
      <c r="X158" s="1"/>
      <c r="Y158" s="1"/>
      <c r="Z158" s="16"/>
      <c r="AA158" s="16"/>
      <c r="AB158" s="16"/>
      <c r="AC158" s="16"/>
      <c r="AD158" s="16"/>
      <c r="AE158" s="16"/>
      <c r="AF158" s="16"/>
      <c r="AG158" s="1"/>
      <c r="AH158" s="1"/>
      <c r="AI158" s="1"/>
      <c r="AJ158" s="1"/>
      <c r="AK158" s="1"/>
    </row>
    <row r="159" spans="20:37" ht="12" customHeight="1">
      <c r="T159" s="1"/>
      <c r="U159" s="1"/>
      <c r="V159" s="1"/>
      <c r="W159" s="1"/>
      <c r="X159" s="1"/>
      <c r="Y159" s="1"/>
      <c r="Z159" s="1"/>
      <c r="AA159" s="1"/>
      <c r="AB159" s="1"/>
      <c r="AC159" s="1"/>
      <c r="AD159" s="1"/>
      <c r="AE159" s="1"/>
      <c r="AF159" s="1"/>
      <c r="AG159" s="1"/>
      <c r="AH159" s="1"/>
      <c r="AI159" s="1"/>
      <c r="AJ159" s="1"/>
      <c r="AK159" s="1"/>
    </row>
    <row r="160" spans="20:37" ht="12" customHeight="1">
      <c r="T160" s="1"/>
      <c r="U160" s="1"/>
      <c r="V160" s="1"/>
      <c r="W160" s="1"/>
      <c r="X160" s="1"/>
      <c r="Y160" s="1"/>
      <c r="Z160" s="1"/>
      <c r="AA160" s="1"/>
      <c r="AB160" s="1"/>
      <c r="AC160" s="1"/>
      <c r="AD160" s="1"/>
      <c r="AE160" s="1"/>
      <c r="AF160" s="1"/>
      <c r="AG160" s="1"/>
      <c r="AH160" s="1"/>
      <c r="AI160" s="1"/>
      <c r="AJ160" s="1"/>
      <c r="AK160" s="1"/>
    </row>
    <row r="161" spans="19:38" ht="12" customHeight="1">
      <c r="T161" s="1"/>
      <c r="U161" s="1"/>
      <c r="V161" s="1"/>
      <c r="W161" s="1"/>
      <c r="X161" s="1"/>
      <c r="Y161" s="1"/>
      <c r="Z161" s="17"/>
      <c r="AA161" s="17"/>
      <c r="AB161" s="1"/>
      <c r="AC161" s="1"/>
      <c r="AD161" s="1"/>
      <c r="AE161" s="1"/>
      <c r="AF161" s="1"/>
      <c r="AG161" s="1"/>
      <c r="AH161" s="1"/>
      <c r="AI161" s="1"/>
      <c r="AJ161" s="1"/>
      <c r="AK161" s="1"/>
    </row>
    <row r="162" spans="19:38" ht="12" customHeight="1">
      <c r="T162" s="1"/>
      <c r="U162" s="1"/>
      <c r="V162" s="1"/>
      <c r="W162" s="1"/>
      <c r="X162" s="1"/>
      <c r="Y162" s="1"/>
      <c r="Z162" s="17"/>
      <c r="AA162" s="17"/>
      <c r="AB162" s="1"/>
      <c r="AC162" s="1"/>
      <c r="AD162" s="1"/>
      <c r="AE162" s="1"/>
      <c r="AF162" s="1"/>
      <c r="AG162" s="1"/>
      <c r="AH162" s="1"/>
      <c r="AI162" s="1"/>
      <c r="AJ162" s="1"/>
      <c r="AK162" s="1"/>
    </row>
    <row r="163" spans="19:38" ht="12" customHeight="1">
      <c r="T163" s="1"/>
      <c r="U163" s="1"/>
      <c r="V163" s="1"/>
      <c r="W163" s="1"/>
      <c r="X163" s="1"/>
      <c r="Y163" s="1"/>
      <c r="Z163" s="1"/>
      <c r="AA163" s="1"/>
      <c r="AB163" s="1"/>
      <c r="AC163" s="1"/>
      <c r="AD163" s="1"/>
      <c r="AE163" s="1"/>
      <c r="AF163" s="1"/>
      <c r="AG163" s="1"/>
      <c r="AH163" s="1"/>
      <c r="AI163" s="1"/>
      <c r="AJ163" s="1"/>
      <c r="AK163" s="1"/>
    </row>
    <row r="164" spans="19:38" ht="12" customHeight="1">
      <c r="S164" s="18"/>
      <c r="T164" s="18"/>
      <c r="U164" s="18"/>
      <c r="V164" s="18"/>
      <c r="W164" s="18"/>
      <c r="X164" s="18"/>
      <c r="Y164" s="18"/>
      <c r="Z164" s="18"/>
      <c r="AA164" s="18"/>
      <c r="AB164" s="18"/>
      <c r="AC164" s="19"/>
      <c r="AD164" s="19"/>
      <c r="AE164" s="19"/>
      <c r="AF164" s="19"/>
      <c r="AG164" s="19"/>
      <c r="AH164" s="19"/>
      <c r="AI164" s="19"/>
      <c r="AJ164" s="19"/>
      <c r="AK164" s="19"/>
      <c r="AL164" s="19"/>
    </row>
    <row r="165" spans="19:38" ht="12" customHeight="1">
      <c r="S165" s="18"/>
      <c r="T165" s="18"/>
      <c r="U165" s="18"/>
      <c r="V165" s="18"/>
      <c r="W165" s="18"/>
      <c r="X165" s="18"/>
      <c r="Y165" s="18"/>
      <c r="Z165" s="18"/>
      <c r="AA165" s="18"/>
      <c r="AB165" s="18"/>
      <c r="AC165" s="19"/>
      <c r="AD165" s="19"/>
      <c r="AE165" s="19"/>
      <c r="AF165" s="19"/>
      <c r="AG165" s="19"/>
      <c r="AH165" s="19"/>
      <c r="AI165" s="19"/>
      <c r="AJ165" s="19"/>
      <c r="AK165" s="19"/>
      <c r="AL165" s="19"/>
    </row>
    <row r="166" spans="19:38" ht="12" customHeight="1">
      <c r="S166" s="18"/>
      <c r="T166" s="18"/>
      <c r="U166" s="18"/>
      <c r="V166" s="18"/>
      <c r="W166" s="18"/>
      <c r="X166" s="18"/>
      <c r="Y166" s="18"/>
      <c r="Z166" s="18"/>
      <c r="AA166" s="18"/>
      <c r="AB166" s="18"/>
      <c r="AC166" s="19"/>
      <c r="AD166" s="19"/>
      <c r="AE166" s="19"/>
      <c r="AF166" s="19"/>
      <c r="AG166" s="19"/>
      <c r="AH166" s="19"/>
      <c r="AI166" s="19"/>
      <c r="AJ166" s="19"/>
      <c r="AK166" s="19"/>
      <c r="AL166" s="19"/>
    </row>
    <row r="167" spans="19:38" ht="12" customHeight="1">
      <c r="S167" s="11"/>
      <c r="T167" s="11"/>
      <c r="U167" s="11"/>
      <c r="V167" s="11"/>
      <c r="W167" s="11"/>
      <c r="X167" s="11"/>
      <c r="Y167" s="11"/>
      <c r="Z167" s="11"/>
      <c r="AA167" s="11"/>
      <c r="AB167" s="11"/>
      <c r="AC167" s="11"/>
      <c r="AD167" s="15"/>
      <c r="AE167" s="15"/>
      <c r="AF167" s="15"/>
      <c r="AG167" s="15"/>
      <c r="AH167" s="15"/>
      <c r="AI167" s="15"/>
      <c r="AJ167" s="15"/>
      <c r="AK167" s="15"/>
      <c r="AL167" s="15"/>
    </row>
    <row r="168" spans="19:38" ht="12" customHeight="1">
      <c r="T168" s="10"/>
      <c r="U168" s="10"/>
      <c r="V168" s="10"/>
      <c r="W168" s="10"/>
      <c r="X168" s="10"/>
      <c r="Y168" s="10"/>
      <c r="Z168" s="10"/>
      <c r="AA168" s="10"/>
      <c r="AB168" s="10"/>
      <c r="AC168" s="10"/>
      <c r="AD168" s="10"/>
      <c r="AE168" s="10"/>
      <c r="AF168" s="10"/>
      <c r="AG168" s="10"/>
      <c r="AH168" s="10"/>
      <c r="AI168" s="10"/>
      <c r="AJ168" s="10"/>
      <c r="AK168" s="10"/>
    </row>
  </sheetData>
  <mergeCells count="44">
    <mergeCell ref="S108:AB110"/>
    <mergeCell ref="AC108:AL110"/>
    <mergeCell ref="S55:AJ55"/>
    <mergeCell ref="S59:W60"/>
    <mergeCell ref="S65:W68"/>
    <mergeCell ref="Z99:AF100"/>
    <mergeCell ref="Z95:AA96"/>
    <mergeCell ref="I106:M107"/>
    <mergeCell ref="Y49:Z50"/>
    <mergeCell ref="T7:W8"/>
    <mergeCell ref="S3:AL3"/>
    <mergeCell ref="T10:U11"/>
    <mergeCell ref="AA42:AD43"/>
    <mergeCell ref="Y45:Z46"/>
    <mergeCell ref="AA44:AE45"/>
    <mergeCell ref="I100:M101"/>
    <mergeCell ref="J48:M49"/>
    <mergeCell ref="Z101:AF102"/>
    <mergeCell ref="Z105:AA106"/>
    <mergeCell ref="I102:M103"/>
    <mergeCell ref="I104:M105"/>
    <mergeCell ref="A55:R55"/>
    <mergeCell ref="G101:H102"/>
    <mergeCell ref="G97:H98"/>
    <mergeCell ref="I94:M95"/>
    <mergeCell ref="I96:M97"/>
    <mergeCell ref="A65:B66"/>
    <mergeCell ref="A3:R3"/>
    <mergeCell ref="I98:M99"/>
    <mergeCell ref="G45:H46"/>
    <mergeCell ref="A59:B60"/>
    <mergeCell ref="A62:B63"/>
    <mergeCell ref="G49:H50"/>
    <mergeCell ref="J51:M52"/>
    <mergeCell ref="J45:M46"/>
    <mergeCell ref="Z157:AF158"/>
    <mergeCell ref="Z161:AA162"/>
    <mergeCell ref="S164:AB166"/>
    <mergeCell ref="AC164:AL166"/>
    <mergeCell ref="S111:AJ111"/>
    <mergeCell ref="S115:W116"/>
    <mergeCell ref="S121:W124"/>
    <mergeCell ref="Z155:AF156"/>
    <mergeCell ref="Z151:AA152"/>
  </mergeCells>
  <phoneticPr fontId="1"/>
  <printOptions horizontalCentered="1"/>
  <pageMargins left="0.39370078740157483" right="0.39370078740157483" top="0.59055118110236227" bottom="0.39370078740157483" header="0.51181102362204722" footer="0.19685039370078741"/>
  <pageSetup paperSize="9" scale="39" firstPageNumber="55" orientation="landscape" useFirstPageNumber="1" r:id="rId1"/>
  <headerFooter alignWithMargins="0">
    <oddFooter>&amp;C&amp;"ＭＳ 明朝,標準"&amp;16― &amp;P ―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 地域指定図(1)(2)(3)(4)(5)</vt:lpstr>
      <vt:lpstr>'20 地域指定図(1)(2)(3)(4)(5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 紗奈江</dc:creator>
  <cp:lastModifiedBy>user</cp:lastModifiedBy>
  <cp:lastPrinted>2019-07-26T01:39:23Z</cp:lastPrinted>
  <dcterms:created xsi:type="dcterms:W3CDTF">1997-01-08T22:48:59Z</dcterms:created>
  <dcterms:modified xsi:type="dcterms:W3CDTF">2024-05-13T00:36:02Z</dcterms:modified>
</cp:coreProperties>
</file>